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Groups\"/>
    </mc:Choice>
  </mc:AlternateContent>
  <xr:revisionPtr revIDLastSave="0" documentId="13_ncr:1_{89D07F74-2BE6-4B1C-A954-08C82D047065}"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groups"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91029"/>
  <extLs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4387" uniqueCount="65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 xml:space="preserve">Confidence interval for % who  disagree </t>
  </si>
  <si>
    <t>% residents who rated access as a problem</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Measured using a reversed scale from 1 (strongly agree) to 7 (strongly disagree)</t>
  </si>
  <si>
    <t>Measured using a reversed scale from 1 (very big problem) to 7 (not a problem)</t>
  </si>
  <si>
    <t>Lack of affordable food/groceries at local shops
(Measured 'not a problem' (1) to 'very big problem' (7))</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Non-farmer</t>
  </si>
  <si>
    <t>Farmer</t>
  </si>
  <si>
    <t>Irrigator</t>
  </si>
  <si>
    <t>Dryland farmer</t>
  </si>
  <si>
    <t>Farmer 18-39</t>
  </si>
  <si>
    <t>Farmer 40-54</t>
  </si>
  <si>
    <t>Farmer 55-64</t>
  </si>
  <si>
    <t>Farmer 65 plus</t>
  </si>
  <si>
    <t>NSW farmers</t>
  </si>
  <si>
    <t>VIC farmers</t>
  </si>
  <si>
    <t>QLD farmers</t>
  </si>
  <si>
    <t>SA farmers</t>
  </si>
  <si>
    <t>WA farmers</t>
  </si>
  <si>
    <t>TAS farmers</t>
  </si>
  <si>
    <t>Female farmer</t>
  </si>
  <si>
    <t>Male farmer</t>
  </si>
  <si>
    <t>Farmers in urban areas</t>
  </si>
  <si>
    <t>Farmers in regional areas</t>
  </si>
  <si>
    <t>About the groups: Farming community</t>
  </si>
  <si>
    <t>Farmers and non-farmers</t>
  </si>
  <si>
    <t>Irrigators</t>
  </si>
  <si>
    <t>Dryland farmers</t>
  </si>
  <si>
    <t>Farmers of different age groups</t>
  </si>
  <si>
    <t>New South Wales (NSW) farmers</t>
  </si>
  <si>
    <t>Victorian (VIC) farmers</t>
  </si>
  <si>
    <t>Queensland (QLD) farmers</t>
  </si>
  <si>
    <t>South Australian (SA) farmers</t>
  </si>
  <si>
    <t>Western Australian (WA) farmers</t>
  </si>
  <si>
    <t>Tasmanian (TAS) farmers</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Farmers of different gender</t>
  </si>
  <si>
    <t xml:space="preserve">Farmers includes those who either stated that they are a farmer, own a farm or manage a farm, or those who answered the farming questions. Non-farmers includes those who stated that they are not invovled in farming and did not answer any of the farming questions. In total, 2,392 farmers and 11,747 non-farmers took part in the 2018 Regional Wellbeing Survey, although not all these people answered every question on the survey. </t>
  </si>
  <si>
    <t xml:space="preserve">Irrigators includes all farmers who identified as irrigating from irrigation channels or pipelines, water pumped directly from rivers, creeks or lakes  and includes farmers who also identify as dryland farmers. In total, 611 irrigators took part in the 2018 Regional Wellbeing Survey, although not all these people answered every question on the survey. </t>
  </si>
  <si>
    <t xml:space="preserve">Dryland farmers includes all farmers who did not identify as an irrigator. In total, 1,283 dryland farmers took part in the 2018 Regional Wellbeing Survey, although not all these people answered every question on the survey. </t>
  </si>
  <si>
    <t xml:space="preserve">New South Wales (NSW) farmers are farmers who live in the state of NSW. In total, 760 NSW farmers took part in the 2018 Regional Wellbeing Survey, although not all these people answered every question on the survey. </t>
  </si>
  <si>
    <t xml:space="preserve">Victorian (VIC) farmers are farmers who live in the state of Victoria. In total, 772 Victorian farmers took part in the 2018 Regional Wellbeing Survey, although not all these people answered every question on the survey. </t>
  </si>
  <si>
    <t xml:space="preserve">Queensland (QLD) farmers are farmers who live in the state of QLD. In total, 262 QLD farmers took part in the 2018 Regional Wellbeing Survey, although not all these people answered every question on the survey. </t>
  </si>
  <si>
    <t xml:space="preserve">South Australian (SA) farmers are farmers who live in the state of SA. In total, 223 SA farmers took part in the 2018 Regional Wellbeing Survey, although not all these people answered every question on the survey. </t>
  </si>
  <si>
    <t xml:space="preserve">Western Australian (WA) farmers are farmers who live in the state of WA. In total, 223 WA farmers took part in the 2018 Regional Wellbeing Survey, although not all these people answered every question on the survey. </t>
  </si>
  <si>
    <t xml:space="preserve">Tasmanian (TAS) farmers are farmers who live in the state of Tasmania. In total, 123 Tasmanian farmers took part in the 2018 Regional Wellbeing Survey, although not all these people answered every question on the survey. </t>
  </si>
  <si>
    <t>Farmers in urban versus regional areas</t>
  </si>
  <si>
    <t xml:space="preserve">Farmers in urban areas are farmers who farm within the Regional Development Australia (RDA) regions of the Adelaide Metropolitan, Australian Captial Territory, Brisbane City, Melbourne, Perth and Sydney. A total of 118 farmers were considered urban, and the remaining 2,274 were considered regional. </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Gender includes and is presented in the data tables of all who stated that they are either female or male. In total, 8,411 females took part in the 2018 Regional Wellbeing Survey and 5,588 males, although not all of these people answered every question on the survey. A further 3 farmers selected 'other' for gender and 12 farmers preferred not to state their gender; both groups are not included in the data tables.</t>
  </si>
  <si>
    <t xml:space="preserve">Farmers in the following age groups are presented in the data tables: Farmers aged 18-39, farmers aged 40-54, farmers aged 55-64 and farmers aged 65 and over. A total of 295 farmers aged 18-39 took part in the 2018 Regional Wellbeing Survey, 449 farmers aged 40-54  took part in the 2018 Regional Wellbeing Survey, 680 farmers aged 55-64  took part in the 2018 Regional Wellbeing Survey, and 940 farmers aged 65 and over  took part in the 2018 Regional Wellbeing Survey, although not all these people answered every question on the survey. </t>
  </si>
  <si>
    <t>Australian Capital Territory (ACT) and Norther Territory (NT)</t>
  </si>
  <si>
    <t>Not enough farmers living in the ACT and NT took part in the 2018 Regional Wellbeing survey to be reported as separate groups.</t>
  </si>
  <si>
    <t>Dairy farmer</t>
  </si>
  <si>
    <t>Crop grower (excluding horticulture)</t>
  </si>
  <si>
    <t>Grazier (sheep and/or beef)</t>
  </si>
  <si>
    <t>Fruit, vegetable or winegrape grower (horticulture)</t>
  </si>
  <si>
    <t>Mixed cropping-grazing</t>
  </si>
  <si>
    <t>Farmer outside Murray Darling Basin</t>
  </si>
  <si>
    <t>Farmer inside Murray Darling Basin</t>
  </si>
  <si>
    <t>Farmer inside Northern Murray Darling Basin</t>
  </si>
  <si>
    <t>Farmer inside Southern Murray Darling Basin</t>
  </si>
  <si>
    <t>Irrigator outside Murray Darling Basin</t>
  </si>
  <si>
    <t>Irrigator inside Murray Darling Basin</t>
  </si>
  <si>
    <t>Irrigator inside Northern Murray Darling Basin</t>
  </si>
  <si>
    <t>Irrigator inside Southern Murray Darling Basin</t>
  </si>
  <si>
    <t>Dryland farmer outside Murray Darling Basin</t>
  </si>
  <si>
    <t>Dryland farmer inside Murray Darling Basin</t>
  </si>
  <si>
    <t>Dryland farmer inside Northern Murray Darling Basin</t>
  </si>
  <si>
    <t>Dryland farmer inside Southern Murray Darling Basin</t>
  </si>
  <si>
    <t>Dairy farmers</t>
  </si>
  <si>
    <t xml:space="preserve">Irrigators ouside the Murray Darling Basin are farmers who identified as irrigators (irrigating from irrigation channels or pipelines, water pumped directly from rivers, creeks or lakesare) in regions not within the Murray Darling Basin region of SA, VIC, NSW or QLD. A total of 218 irrigators were considered outside of the Murray Darling Basin. </t>
  </si>
  <si>
    <t xml:space="preserve">Dryland farmers outside Murray Darling Basin includes all farmers who did not identify as an irrigator in regions not within the Murray Darling Basin region of SA, VIC, NSW or QLD. In total, 669 dryland farmers outside the Murray Darling Basin took part in the 2018 Regional Wellbeing Survey, although not all these people answered every question on the survey. </t>
  </si>
  <si>
    <t xml:space="preserve">Dairy farmers are farmers who indicated dairy farming was their most important or major farming activity. A total of 156 dairy farmers took part in the 2018 Regional Wellbeing Survey, although not all these people answered every question on the survey. </t>
  </si>
  <si>
    <t xml:space="preserve">Grop growers are farmers who grow only crops (no grazing of sheep or cattle), including rice, grain fodder, cotton and/or sugar. This group excludes horticulural farming activities such as fruit, vegetable or grape growing. A total of 163 crop growers took part in the 2018 Regional Wellbeing Survey, although not all these people answered every question on the survey. </t>
  </si>
  <si>
    <t xml:space="preserve">Graziers are farmers who graze sheep for meat, sheep for wool, cattle, feedlot, or other livestock as their most important or major farming activity, and did not indicateother ativities such as crop gorwing. Graziers who also grow fodder are included in this group. A total of 1002 graziers took part in the 2018 Regional Wellbeing Survey, although not all these people answered every question on the survey. </t>
  </si>
  <si>
    <t>Fruit, vegetable or winegrape growers are farmers who grow horticultural crops as their most important or major farming activity. A total of 303 fruit, vegetable or winegrape growers took part in the 2018 Regional Wellbeing Survey, although not all these people answered every question on the survey.</t>
  </si>
  <si>
    <t xml:space="preserve">Mixed cropping-grazing are farmers who have a mix of grazing (sheep or cattle) and crop growing as the most important and major farming activity. A total of 320 mixed cropping-grazing farmers took part in the 2018 Regional Wellbeing Survey, although not all these people answered every question on the survey. </t>
  </si>
  <si>
    <t xml:space="preserve">Farmers ouside the Murray Darling Basin are those that farm in regions not within the Murray Darling Basin region of SA, VIC, NSW or QLD. A total of 1204 farmers outside of the Murray Darling Basin took part in the 2018 Regional Wellbeing Survey, although not all these people answered every question on the survey. </t>
  </si>
  <si>
    <t xml:space="preserve">Farmers inside the Murray Darling Basin are those that farm in regions within the Murray Darling Basin regions of SA, VIC, NSW or QLD. A total of 1187 farmers inside the Murray Darling Basin took part in the 2018 Regional Wellbeing Survey, although not all these people answered every question on the survey. </t>
  </si>
  <si>
    <t xml:space="preserve">Farmers inside Northern Murray Darling Basin are those that farm in regions within the Northern Murray Darling Basin regions of NSW or QLD. A total of 348 farmers inside Northern Murray Darling Basin took part in the 2018 Regional Wellbeing Survey, although not all these people answered every question on the survey. </t>
  </si>
  <si>
    <t xml:space="preserve">Farmers inside Southern Murray Darling Basin are those that farm in regions within the Southern Murray Darling Basin regions of NSW, VIC or SA. A total of 839 farmers inside Southern Murray Darling Basin took part in the 2018 Regional Wellbeing Survey, although not all these people answered every question on the survey. </t>
  </si>
  <si>
    <t xml:space="preserve">Irrigators inside the Murray Darling Basin are farmers who identified as irrigators (irrigating from irrigation channels or pipelines, water pumped directly from rivers, creeks or lakesare) in regions within the Murray Darling Basin region of SA, VIC, NSW or QLD. A total of 393 irrigators inside the Murray Darling Basin took part in the 2018 Regional Wellbeing Survey, although not all these people answered every question on the survey. </t>
  </si>
  <si>
    <t xml:space="preserve">Irrigators inside Northern Murray Darling Basin are farmers who identified as irrigators (irrigating from irrigation channels or pipelines, water pumped directly from rivers, creeks or lakesare) in regions within the Northern Murray Darling Basin regions of NSW or QLD. A total of 56 irrigators within Northern Murray Darling Basin took part in the 2018 Regional Wellbeing Survey, although not all these people answered every question on the survey. </t>
  </si>
  <si>
    <t xml:space="preserve">Irrigators inside Southern Murray Darling Basin are farmers who identified as irrigators (irrigating from irrigation channels or pipelines, water pumped directly from rivers, creeks or lakesare) in regions within the Southern Murray Darling Basin regions of NSW, VIC or SA. A total of 337 irrigators  within Southern Murray Darling Basin took part in the 2018 Regional Wellbeing Survey, although not all these people answered every question on the survey. </t>
  </si>
  <si>
    <t xml:space="preserve">Dryland farmers inside Murray Darling Basin includes all farmers who did not identify as an irrigator in regions within the Murray Darling Basin region of SA, VIC, NSW or QLD. In total, 614 dryland farmers inside the Murray Darling Basin took part in the 2018 Regional Wellbeing Survey, although not all these people answered every question on the survey. </t>
  </si>
  <si>
    <t xml:space="preserve">Dryland farmers inside Northern Murray Darling Basin includes all farmers who did not identify as an irrigator in regions within the Northern Murray Darling Basin region of NSW or QLD. In total, 230 dryland farmers inside Northern Murray Darling Basin took part in the 2018 Regional Wellbeing Survey, although not all these people answered every question on the survey. </t>
  </si>
  <si>
    <t xml:space="preserve">Dryland farmers inside Southern Murray Darling Basin includes all farmers who did not identify as an irrigator in regions within the southern Murray Darling Basin region of NSW, VIC or SA. In total, 384 dryland farmers inside Southern Murray Darling Basin took part in the 2018 Regional Wellbeing Survey, although not all these people answered every question on the survey. </t>
  </si>
  <si>
    <t>This file provides data from the 2018 Regional Wellbeing Survey for the Australian farming community.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farmers and non farmers; (v) irrigators and dryland farmers; (vi) farmers by gender; (vii) farmers by age; (viii) farmers by state; (ix) farmers in urban versus regional areas; (x) farm types; and (xi) all farmers, irrigators and dryland farmers inside and outside the Murray Darling Basin.</t>
  </si>
  <si>
    <t>Too few responses to report on this measure</t>
  </si>
  <si>
    <t>Too few responses to report on this measures</t>
  </si>
  <si>
    <t xml:space="preserve">You may reproduce the data in this spreadsheet for any purpose, providing you acknowledge the data source. Data should be cited as being sourced from the 2018 Regional Wellbeing Survey, Australian Farmer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35">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0" fillId="3" borderId="0" xfId="0" quotePrefix="1" applyFill="1"/>
    <xf numFmtId="0" fontId="0" fillId="3" borderId="0" xfId="0" applyFill="1"/>
    <xf numFmtId="0" fontId="0" fillId="3" borderId="0" xfId="0" quotePrefix="1" applyFill="1"/>
    <xf numFmtId="0" fontId="16" fillId="5" borderId="1" xfId="29" quotePrefix="1" applyFont="1" applyFill="1" applyBorder="1" applyAlignment="1">
      <alignment horizontal="left" vertical="top" wrapText="1"/>
    </xf>
    <xf numFmtId="0" fontId="16" fillId="5" borderId="6" xfId="23" applyFont="1" applyFill="1" applyBorder="1" applyAlignment="1">
      <alignment vertical="top" wrapText="1"/>
    </xf>
    <xf numFmtId="0" fontId="5" fillId="3" borderId="0" xfId="0" applyFont="1" applyFill="1" applyAlignment="1">
      <alignment vertical="top" wrapText="1"/>
    </xf>
    <xf numFmtId="0" fontId="5" fillId="3" borderId="0" xfId="0" applyFont="1" applyFill="1" applyAlignment="1">
      <alignment vertical="center" wrapText="1"/>
    </xf>
    <xf numFmtId="0" fontId="27" fillId="3" borderId="0" xfId="0" applyFont="1" applyFill="1" applyAlignment="1">
      <alignment vertical="top" wrapText="1"/>
    </xf>
    <xf numFmtId="0" fontId="26" fillId="3" borderId="0" xfId="0" applyFont="1" applyFill="1" applyAlignment="1">
      <alignment vertical="top" wrapText="1"/>
    </xf>
    <xf numFmtId="0" fontId="27" fillId="3" borderId="0" xfId="0" applyFont="1" applyFill="1" applyAlignment="1">
      <alignment vertical="center" wrapText="1"/>
    </xf>
    <xf numFmtId="0" fontId="3" fillId="3" borderId="0" xfId="1" applyFill="1" applyAlignment="1">
      <alignment horizontal="left"/>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164" fontId="20" fillId="0" borderId="3" xfId="25" applyNumberFormat="1" applyFont="1" applyFill="1" applyBorder="1" applyAlignment="1">
      <alignment horizontal="left" vertical="center"/>
    </xf>
    <xf numFmtId="164" fontId="20" fillId="0" borderId="4" xfId="25" applyNumberFormat="1" applyFont="1" applyFill="1" applyBorder="1" applyAlignment="1">
      <alignment horizontal="left" vertical="center"/>
    </xf>
    <xf numFmtId="164" fontId="20" fillId="0" borderId="5" xfId="25" applyNumberFormat="1" applyFont="1" applyFill="1" applyBorder="1" applyAlignment="1">
      <alignment horizontal="left" vertical="center"/>
    </xf>
    <xf numFmtId="164" fontId="20" fillId="4" borderId="3" xfId="23" applyNumberFormat="1" applyFont="1" applyFill="1" applyBorder="1" applyAlignment="1">
      <alignment horizontal="left" vertical="top"/>
    </xf>
    <xf numFmtId="164" fontId="20" fillId="4" borderId="4" xfId="23" applyNumberFormat="1" applyFont="1" applyFill="1" applyBorder="1" applyAlignment="1">
      <alignment horizontal="left" vertical="top"/>
    </xf>
    <xf numFmtId="164" fontId="20" fillId="4" borderId="5" xfId="23" applyNumberFormat="1" applyFont="1" applyFill="1" applyBorder="1" applyAlignment="1">
      <alignment horizontal="left" vertical="top"/>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2" xfId="29"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5"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168" fontId="20" fillId="0" borderId="3" xfId="25" applyNumberFormat="1" applyFont="1" applyFill="1" applyBorder="1" applyAlignment="1">
      <alignment horizontal="left" vertical="center"/>
    </xf>
    <xf numFmtId="168" fontId="20" fillId="0" borderId="4" xfId="25" applyNumberFormat="1" applyFont="1" applyFill="1" applyBorder="1" applyAlignment="1">
      <alignment horizontal="left" vertical="center"/>
    </xf>
    <xf numFmtId="168" fontId="20" fillId="0" borderId="5" xfId="25" applyNumberFormat="1" applyFont="1" applyFill="1" applyBorder="1" applyAlignment="1">
      <alignment horizontal="left" vertical="center"/>
    </xf>
    <xf numFmtId="168" fontId="20" fillId="4" borderId="3" xfId="13" applyNumberFormat="1" applyFont="1" applyFill="1" applyBorder="1" applyAlignment="1">
      <alignment horizontal="left" vertical="center"/>
    </xf>
    <xf numFmtId="168" fontId="20" fillId="4" borderId="4" xfId="13" applyNumberFormat="1" applyFont="1" applyFill="1" applyBorder="1" applyAlignment="1">
      <alignment horizontal="left" vertical="center"/>
    </xf>
    <xf numFmtId="168" fontId="20" fillId="4" borderId="5" xfId="13" applyNumberFormat="1" applyFont="1" applyFill="1" applyBorder="1" applyAlignment="1">
      <alignment horizontal="left" vertical="center"/>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167" fontId="14" fillId="4" borderId="0" xfId="0" applyNumberFormat="1" applyFont="1" applyFill="1" applyBorder="1" applyAlignment="1">
      <alignment horizontal="left" vertical="top"/>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Fill="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30" fillId="0" borderId="2" xfId="2" quotePrefix="1" applyFont="1" applyFill="1" applyBorder="1" applyAlignment="1">
      <alignment horizontal="left" vertical="top" wrapText="1"/>
    </xf>
    <xf numFmtId="0" fontId="15" fillId="0" borderId="0" xfId="2" quotePrefix="1" applyFont="1" applyAlignment="1">
      <alignment horizontal="lef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16" fillId="5" borderId="1" xfId="0" applyFont="1" applyFill="1" applyBorder="1" applyAlignment="1">
      <alignment horizontal="left" vertical="top"/>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xf numFmtId="0" fontId="14" fillId="4" borderId="0" xfId="0" applyFont="1" applyFill="1" applyAlignment="1">
      <alignment horizontal="left" vertical="top"/>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xf numFmtId="164" fontId="20" fillId="4" borderId="3" xfId="20" applyNumberFormat="1" applyFont="1" applyFill="1" applyBorder="1" applyAlignment="1">
      <alignment horizontal="left" vertical="center"/>
    </xf>
    <xf numFmtId="164" fontId="20" fillId="4" borderId="4" xfId="20" applyNumberFormat="1" applyFont="1" applyFill="1" applyBorder="1" applyAlignment="1">
      <alignment horizontal="left" vertical="center"/>
    </xf>
    <xf numFmtId="164" fontId="20" fillId="4" borderId="5" xfId="20" applyNumberFormat="1" applyFont="1" applyFill="1" applyBorder="1" applyAlignment="1">
      <alignment horizontal="left" vertical="center"/>
    </xf>
    <xf numFmtId="0" fontId="15" fillId="0" borderId="2" xfId="3" quotePrefix="1" applyFont="1" applyBorder="1" applyAlignment="1">
      <alignment horizontal="left" vertical="top" wrapText="1"/>
    </xf>
    <xf numFmtId="168" fontId="20" fillId="4" borderId="3" xfId="17" applyNumberFormat="1" applyFont="1" applyFill="1" applyBorder="1" applyAlignment="1">
      <alignment horizontal="left" vertical="center"/>
    </xf>
    <xf numFmtId="168" fontId="20" fillId="4" borderId="5" xfId="17" applyNumberFormat="1" applyFont="1" applyFill="1" applyBorder="1" applyAlignment="1">
      <alignment horizontal="left" vertical="center"/>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567266</xdr:colOff>
      <xdr:row>35</xdr:row>
      <xdr:rowOff>66674</xdr:rowOff>
    </xdr:to>
    <xdr:pic>
      <xdr:nvPicPr>
        <xdr:cNvPr id="6" name="Picture 5">
          <a:extLst>
            <a:ext uri="{FF2B5EF4-FFF2-40B4-BE49-F238E27FC236}">
              <a16:creationId xmlns:a16="http://schemas.microsoft.com/office/drawing/2014/main" id="{4C0B12BB-F399-4CCF-A27A-18F3EFE6F73C}"/>
            </a:ext>
          </a:extLst>
        </xdr:cNvPr>
        <xdr:cNvPicPr>
          <a:picLocks noChangeAspect="1"/>
        </xdr:cNvPicPr>
      </xdr:nvPicPr>
      <xdr:blipFill>
        <a:blip xmlns:r="http://schemas.openxmlformats.org/officeDocument/2006/relationships" r:embed="rId1"/>
        <a:stretch>
          <a:fillRect/>
        </a:stretch>
      </xdr:blipFill>
      <xdr:spPr>
        <a:xfrm>
          <a:off x="0" y="0"/>
          <a:ext cx="12378266" cy="696277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W4" sqref="W4"/>
    </sheetView>
  </sheetViews>
  <sheetFormatPr defaultColWidth="8.85546875" defaultRowHeight="15"/>
  <cols>
    <col min="1" max="16384" width="8.85546875" style="2"/>
  </cols>
  <sheetData>
    <row r="1" spans="11:19" ht="23.25">
      <c r="Q1" s="229"/>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353"/>
  <sheetViews>
    <sheetView zoomScaleNormal="100" workbookViewId="0"/>
  </sheetViews>
  <sheetFormatPr defaultColWidth="18.5703125" defaultRowHeight="15"/>
  <cols>
    <col min="1" max="1" width="46.5703125" customWidth="1"/>
  </cols>
  <sheetData>
    <row r="1" spans="1:4" ht="31.5">
      <c r="A1" s="31" t="s">
        <v>44</v>
      </c>
    </row>
    <row r="3" spans="1:4" ht="18.75">
      <c r="A3" s="343" t="s">
        <v>12</v>
      </c>
      <c r="B3" s="343"/>
      <c r="C3" s="343"/>
      <c r="D3" s="343"/>
    </row>
    <row r="4" spans="1:4" ht="105" customHeight="1">
      <c r="A4" s="403" t="s">
        <v>392</v>
      </c>
      <c r="B4" s="403"/>
      <c r="C4" s="403"/>
      <c r="D4" s="403"/>
    </row>
    <row r="5" spans="1:4" ht="42" customHeight="1">
      <c r="A5" s="401" t="s">
        <v>128</v>
      </c>
      <c r="B5" s="401"/>
      <c r="C5" s="401"/>
      <c r="D5" s="401"/>
    </row>
    <row r="6" spans="1:4" ht="36.75" customHeight="1">
      <c r="A6" s="35" t="s">
        <v>70</v>
      </c>
      <c r="B6" s="36" t="s">
        <v>71</v>
      </c>
      <c r="C6" s="37" t="s">
        <v>550</v>
      </c>
      <c r="D6" s="38" t="s">
        <v>72</v>
      </c>
    </row>
    <row r="7" spans="1:4" ht="75.75" customHeight="1">
      <c r="A7" s="39"/>
      <c r="B7" s="40" t="s">
        <v>73</v>
      </c>
      <c r="C7" s="126" t="s">
        <v>129</v>
      </c>
      <c r="D7" s="42" t="s">
        <v>75</v>
      </c>
    </row>
    <row r="8" spans="1:4">
      <c r="A8" s="43" t="s">
        <v>348</v>
      </c>
      <c r="B8" s="176">
        <v>13948</v>
      </c>
      <c r="C8" s="82">
        <v>4.3597467015894189</v>
      </c>
      <c r="D8" s="83">
        <v>2.1353460682569127E-2</v>
      </c>
    </row>
    <row r="9" spans="1:4">
      <c r="A9" s="47" t="s">
        <v>349</v>
      </c>
      <c r="B9" s="47">
        <v>10229</v>
      </c>
      <c r="C9" s="178">
        <v>4.4106820270049285</v>
      </c>
      <c r="D9" s="130">
        <v>2.4717745520724196E-2</v>
      </c>
    </row>
    <row r="10" spans="1:4">
      <c r="A10" s="43" t="s">
        <v>350</v>
      </c>
      <c r="B10" s="51">
        <v>3719</v>
      </c>
      <c r="C10" s="82">
        <v>4.3184386492961995</v>
      </c>
      <c r="D10" s="83">
        <v>4.2072624713376271E-2</v>
      </c>
    </row>
    <row r="11" spans="1:4">
      <c r="A11" s="47" t="s">
        <v>568</v>
      </c>
      <c r="B11" s="47">
        <v>11566</v>
      </c>
      <c r="C11" s="178">
        <v>4.3576518310759438</v>
      </c>
      <c r="D11" s="130">
        <v>2.3682703153150349E-2</v>
      </c>
    </row>
    <row r="12" spans="1:4">
      <c r="A12" s="43" t="s">
        <v>569</v>
      </c>
      <c r="B12" s="51">
        <v>2382</v>
      </c>
      <c r="C12" s="82">
        <v>4.6246142497871325</v>
      </c>
      <c r="D12" s="83">
        <v>4.8610931316509759E-2</v>
      </c>
    </row>
    <row r="13" spans="1:4">
      <c r="A13" s="47" t="s">
        <v>570</v>
      </c>
      <c r="B13" s="47">
        <v>610</v>
      </c>
      <c r="C13" s="178">
        <v>4.5711156888959028</v>
      </c>
      <c r="D13" s="130">
        <v>9.6785586161241263E-2</v>
      </c>
    </row>
    <row r="14" spans="1:4">
      <c r="A14" s="43" t="s">
        <v>571</v>
      </c>
      <c r="B14" s="51">
        <v>1278</v>
      </c>
      <c r="C14" s="82">
        <v>4.6299117896555835</v>
      </c>
      <c r="D14" s="83">
        <v>6.382117228254329E-2</v>
      </c>
    </row>
    <row r="15" spans="1:4">
      <c r="A15" s="47" t="s">
        <v>582</v>
      </c>
      <c r="B15" s="47">
        <v>870</v>
      </c>
      <c r="C15" s="178">
        <v>4.6100235266935297</v>
      </c>
      <c r="D15" s="130">
        <v>8.2381954566795382E-2</v>
      </c>
    </row>
    <row r="16" spans="1:4">
      <c r="A16" s="43" t="s">
        <v>583</v>
      </c>
      <c r="B16" s="51">
        <v>1512</v>
      </c>
      <c r="C16" s="82">
        <v>4.6304707687960267</v>
      </c>
      <c r="D16" s="83">
        <v>6.0091439935948406E-2</v>
      </c>
    </row>
    <row r="17" spans="1:25">
      <c r="A17" s="47" t="s">
        <v>572</v>
      </c>
      <c r="B17" s="47">
        <v>294</v>
      </c>
      <c r="C17" s="178">
        <v>4.5654623775598049</v>
      </c>
      <c r="D17" s="130">
        <v>0.15627501695822615</v>
      </c>
    </row>
    <row r="18" spans="1:25">
      <c r="A18" s="43" t="s">
        <v>573</v>
      </c>
      <c r="B18" s="176">
        <v>449</v>
      </c>
      <c r="C18" s="82">
        <v>4.2870971219089311</v>
      </c>
      <c r="D18" s="83">
        <v>0.1098652264462292</v>
      </c>
    </row>
    <row r="19" spans="1:25">
      <c r="A19" s="47" t="s">
        <v>574</v>
      </c>
      <c r="B19" s="177">
        <v>677</v>
      </c>
      <c r="C19" s="178">
        <v>4.7167869779518083</v>
      </c>
      <c r="D19" s="130">
        <v>8.6880533521543984E-2</v>
      </c>
    </row>
    <row r="20" spans="1:25">
      <c r="A20" s="43" t="s">
        <v>575</v>
      </c>
      <c r="B20" s="81">
        <v>937</v>
      </c>
      <c r="C20" s="82">
        <v>4.8284598758787922</v>
      </c>
      <c r="D20" s="83">
        <v>7.4336402863243459E-2</v>
      </c>
      <c r="P20" s="244"/>
      <c r="Q20" s="244"/>
      <c r="R20" s="244"/>
      <c r="S20" s="244"/>
      <c r="T20" s="244"/>
      <c r="U20" s="244"/>
      <c r="V20" s="244"/>
      <c r="W20" s="244"/>
      <c r="X20" s="244"/>
      <c r="Y20" s="244"/>
    </row>
    <row r="21" spans="1:25">
      <c r="A21" s="47" t="s">
        <v>576</v>
      </c>
      <c r="B21" s="177">
        <v>757</v>
      </c>
      <c r="C21" s="178">
        <v>4.5521911145457095</v>
      </c>
      <c r="D21" s="130">
        <v>8.7221705511116035E-2</v>
      </c>
      <c r="P21" s="244"/>
      <c r="Q21" s="244"/>
      <c r="R21" s="244"/>
      <c r="S21" s="244"/>
      <c r="T21" s="244"/>
      <c r="U21" s="244"/>
      <c r="V21" s="244"/>
      <c r="W21" s="244"/>
      <c r="X21" s="244"/>
      <c r="Y21" s="244"/>
    </row>
    <row r="22" spans="1:25">
      <c r="A22" s="55" t="s">
        <v>577</v>
      </c>
      <c r="B22" s="176">
        <v>771</v>
      </c>
      <c r="C22" s="82">
        <v>4.6553434350375325</v>
      </c>
      <c r="D22" s="83">
        <v>8.161494092068626E-2</v>
      </c>
      <c r="P22" s="244"/>
      <c r="Q22" s="244"/>
      <c r="R22" s="244"/>
      <c r="S22" s="244"/>
      <c r="T22" s="244"/>
      <c r="U22" s="244"/>
      <c r="V22" s="244"/>
      <c r="W22" s="244"/>
      <c r="X22" s="244"/>
      <c r="Y22" s="244"/>
    </row>
    <row r="23" spans="1:25">
      <c r="A23" s="47" t="s">
        <v>578</v>
      </c>
      <c r="B23" s="177">
        <v>259</v>
      </c>
      <c r="C23" s="178">
        <v>4.632213397676578</v>
      </c>
      <c r="D23" s="130">
        <v>0.14622393533389688</v>
      </c>
      <c r="P23" s="244"/>
      <c r="Q23" s="244"/>
      <c r="R23" s="244"/>
      <c r="S23" s="244"/>
      <c r="T23" s="244"/>
      <c r="U23" s="244"/>
      <c r="V23" s="244"/>
      <c r="W23" s="244"/>
      <c r="X23" s="244"/>
      <c r="Y23" s="244"/>
    </row>
    <row r="24" spans="1:25">
      <c r="A24" s="55" t="s">
        <v>579</v>
      </c>
      <c r="B24" s="176">
        <v>222</v>
      </c>
      <c r="C24" s="82">
        <v>4.5452916821045211</v>
      </c>
      <c r="D24" s="83">
        <v>0.1607791515150899</v>
      </c>
      <c r="P24" s="244"/>
      <c r="Q24" s="244"/>
      <c r="R24" s="244"/>
      <c r="S24" s="244"/>
      <c r="T24" s="244"/>
      <c r="U24" s="244"/>
      <c r="V24" s="244"/>
      <c r="W24" s="244"/>
      <c r="X24" s="244"/>
      <c r="Y24" s="244"/>
    </row>
    <row r="25" spans="1:25">
      <c r="A25" s="47" t="s">
        <v>580</v>
      </c>
      <c r="B25" s="177">
        <v>222</v>
      </c>
      <c r="C25" s="178">
        <v>4.8118419997924358</v>
      </c>
      <c r="D25" s="130">
        <v>0.17238222721673005</v>
      </c>
      <c r="P25" s="244"/>
      <c r="Q25" s="244"/>
      <c r="R25" s="244"/>
      <c r="S25" s="244"/>
      <c r="T25" s="244"/>
      <c r="U25" s="244"/>
      <c r="V25" s="244"/>
      <c r="W25" s="244"/>
      <c r="X25" s="244"/>
      <c r="Y25" s="244"/>
    </row>
    <row r="26" spans="1:25">
      <c r="A26" s="55" t="s">
        <v>581</v>
      </c>
      <c r="B26" s="176">
        <v>123</v>
      </c>
      <c r="C26" s="82">
        <v>4.7076770541773039</v>
      </c>
      <c r="D26" s="83">
        <v>0.21443903847598289</v>
      </c>
      <c r="P26" s="244"/>
      <c r="Q26" s="244"/>
      <c r="R26" s="244"/>
      <c r="S26" s="244"/>
      <c r="T26" s="244"/>
      <c r="U26" s="244"/>
      <c r="V26" s="244"/>
      <c r="W26" s="244"/>
      <c r="X26" s="244"/>
      <c r="Y26" s="244"/>
    </row>
    <row r="27" spans="1:25">
      <c r="A27" s="47" t="s">
        <v>584</v>
      </c>
      <c r="B27" s="177">
        <v>115</v>
      </c>
      <c r="C27" s="178">
        <v>4.7727712248064682</v>
      </c>
      <c r="D27" s="130">
        <v>0.26227119764350587</v>
      </c>
      <c r="P27" s="244"/>
      <c r="Q27" s="244"/>
      <c r="R27" s="244"/>
      <c r="S27" s="244"/>
      <c r="T27" s="244"/>
      <c r="U27" s="244"/>
      <c r="V27" s="244"/>
      <c r="W27" s="244"/>
      <c r="X27" s="244"/>
      <c r="Y27" s="244"/>
    </row>
    <row r="28" spans="1:25">
      <c r="A28" s="55" t="s">
        <v>585</v>
      </c>
      <c r="B28" s="176">
        <v>2267</v>
      </c>
      <c r="C28" s="82">
        <v>4.5987056981823917</v>
      </c>
      <c r="D28" s="83">
        <v>4.9281812530538566E-2</v>
      </c>
      <c r="P28" s="244"/>
      <c r="Q28" s="244"/>
      <c r="R28" s="244"/>
      <c r="S28" s="244"/>
      <c r="T28" s="244"/>
      <c r="U28" s="244"/>
      <c r="V28" s="244"/>
      <c r="W28" s="244"/>
      <c r="X28" s="244"/>
      <c r="Y28" s="244"/>
    </row>
    <row r="29" spans="1:25">
      <c r="A29" s="47" t="s">
        <v>620</v>
      </c>
      <c r="B29" s="177">
        <v>156</v>
      </c>
      <c r="C29" s="178">
        <v>4.5527170381993392</v>
      </c>
      <c r="D29" s="130">
        <v>0.19450113423574542</v>
      </c>
      <c r="P29" s="244"/>
      <c r="Q29" s="244"/>
      <c r="R29" s="244"/>
      <c r="S29" s="244"/>
      <c r="T29" s="244"/>
      <c r="U29" s="244"/>
      <c r="V29" s="244"/>
      <c r="W29" s="244"/>
      <c r="X29" s="244"/>
      <c r="Y29" s="244"/>
    </row>
    <row r="30" spans="1:25">
      <c r="A30" s="55" t="s">
        <v>621</v>
      </c>
      <c r="B30" s="176">
        <v>163</v>
      </c>
      <c r="C30" s="82">
        <v>4.6819625709557835</v>
      </c>
      <c r="D30" s="83">
        <v>0.17629636517600575</v>
      </c>
      <c r="P30" s="244"/>
      <c r="Q30" s="244"/>
      <c r="R30" s="244"/>
      <c r="S30" s="244"/>
      <c r="T30" s="244"/>
      <c r="U30" s="244"/>
      <c r="V30" s="244"/>
      <c r="W30" s="244"/>
      <c r="X30" s="244"/>
      <c r="Y30" s="244"/>
    </row>
    <row r="31" spans="1:25">
      <c r="A31" s="47" t="s">
        <v>622</v>
      </c>
      <c r="B31" s="177">
        <v>997</v>
      </c>
      <c r="C31" s="178">
        <v>4.5980766588119604</v>
      </c>
      <c r="D31" s="130">
        <v>7.1484777469165109E-2</v>
      </c>
      <c r="P31" s="244"/>
      <c r="Q31" s="244"/>
      <c r="R31" s="244"/>
      <c r="S31" s="244"/>
      <c r="T31" s="244"/>
      <c r="U31" s="244"/>
      <c r="V31" s="244"/>
      <c r="W31" s="244"/>
      <c r="X31" s="244"/>
      <c r="Y31" s="244"/>
    </row>
    <row r="32" spans="1:25">
      <c r="A32" s="55" t="s">
        <v>623</v>
      </c>
      <c r="B32" s="176">
        <v>302</v>
      </c>
      <c r="C32" s="82">
        <v>4.6175933253187171</v>
      </c>
      <c r="D32" s="83">
        <v>0.13816956028382282</v>
      </c>
      <c r="P32" s="244"/>
      <c r="Q32" s="244"/>
      <c r="R32" s="244"/>
      <c r="S32" s="244"/>
      <c r="T32" s="244"/>
      <c r="U32" s="244"/>
      <c r="V32" s="244"/>
      <c r="W32" s="244"/>
      <c r="X32" s="244"/>
      <c r="Y32" s="244"/>
    </row>
    <row r="33" spans="1:25">
      <c r="A33" s="47" t="s">
        <v>624</v>
      </c>
      <c r="B33" s="177">
        <v>319</v>
      </c>
      <c r="C33" s="178">
        <v>4.6254511746469138</v>
      </c>
      <c r="D33" s="130">
        <v>0.13476336224432681</v>
      </c>
      <c r="P33" s="244"/>
      <c r="Q33" s="244"/>
      <c r="R33" s="244"/>
      <c r="S33" s="244"/>
      <c r="T33" s="244"/>
      <c r="U33" s="244"/>
      <c r="V33" s="244"/>
      <c r="W33" s="244"/>
      <c r="X33" s="244"/>
      <c r="Y33" s="244"/>
    </row>
    <row r="34" spans="1:25">
      <c r="A34" s="55" t="s">
        <v>625</v>
      </c>
      <c r="B34" s="176">
        <v>1199</v>
      </c>
      <c r="C34" s="82">
        <v>4.6227452706349403</v>
      </c>
      <c r="D34" s="83">
        <v>6.8894596938681343E-2</v>
      </c>
      <c r="P34" s="244"/>
      <c r="Q34" s="244"/>
      <c r="R34" s="244"/>
      <c r="S34" s="244"/>
      <c r="T34" s="244"/>
      <c r="U34" s="244"/>
      <c r="V34" s="244"/>
      <c r="W34" s="244"/>
      <c r="X34" s="244"/>
      <c r="Y34" s="244"/>
    </row>
    <row r="35" spans="1:25">
      <c r="A35" s="47" t="s">
        <v>626</v>
      </c>
      <c r="B35" s="177">
        <v>1182</v>
      </c>
      <c r="C35" s="178">
        <v>4.6248662280958444</v>
      </c>
      <c r="D35" s="130">
        <v>6.8667291356458701E-2</v>
      </c>
      <c r="P35" s="244"/>
      <c r="Q35" s="244"/>
      <c r="R35" s="244"/>
      <c r="S35" s="244"/>
      <c r="T35" s="244"/>
      <c r="U35" s="244"/>
      <c r="V35" s="244"/>
      <c r="W35" s="244"/>
      <c r="X35" s="244"/>
      <c r="Y35" s="244"/>
    </row>
    <row r="36" spans="1:25">
      <c r="A36" s="55" t="s">
        <v>627</v>
      </c>
      <c r="B36" s="176">
        <v>345</v>
      </c>
      <c r="C36" s="82">
        <v>4.6675865398810812</v>
      </c>
      <c r="D36" s="83">
        <v>0.12456274228569622</v>
      </c>
      <c r="P36" s="244"/>
      <c r="Q36" s="244"/>
      <c r="R36" s="244"/>
      <c r="S36" s="244"/>
      <c r="T36" s="244"/>
      <c r="U36" s="244"/>
      <c r="V36" s="244"/>
      <c r="W36" s="244"/>
      <c r="X36" s="244"/>
      <c r="Y36" s="244"/>
    </row>
    <row r="37" spans="1:25">
      <c r="A37" s="47" t="s">
        <v>628</v>
      </c>
      <c r="B37" s="177">
        <v>837</v>
      </c>
      <c r="C37" s="178">
        <v>4.5993512400361922</v>
      </c>
      <c r="D37" s="130">
        <v>8.2302786605267547E-2</v>
      </c>
      <c r="P37" s="244"/>
      <c r="Q37" s="244"/>
      <c r="R37" s="244"/>
      <c r="S37" s="244"/>
      <c r="T37" s="244"/>
      <c r="U37" s="244"/>
      <c r="V37" s="244"/>
      <c r="W37" s="244"/>
      <c r="X37" s="244"/>
      <c r="Y37" s="244"/>
    </row>
    <row r="38" spans="1:25">
      <c r="A38" s="55" t="s">
        <v>629</v>
      </c>
      <c r="B38" s="176">
        <v>218</v>
      </c>
      <c r="C38" s="82">
        <v>4.5630038268299247</v>
      </c>
      <c r="D38" s="83">
        <v>0.16763630206521707</v>
      </c>
      <c r="P38" s="244"/>
      <c r="Q38" s="244"/>
      <c r="R38" s="244"/>
      <c r="S38" s="244"/>
      <c r="T38" s="244"/>
      <c r="U38" s="244"/>
      <c r="V38" s="244"/>
      <c r="W38" s="244"/>
      <c r="X38" s="244"/>
      <c r="Y38" s="244"/>
    </row>
    <row r="39" spans="1:25">
      <c r="A39" s="47" t="s">
        <v>630</v>
      </c>
      <c r="B39" s="177">
        <v>392</v>
      </c>
      <c r="C39" s="178">
        <v>4.58118657474866</v>
      </c>
      <c r="D39" s="130">
        <v>0.11845154572349537</v>
      </c>
      <c r="P39" s="244"/>
      <c r="Q39" s="244"/>
      <c r="R39" s="244"/>
      <c r="S39" s="244"/>
      <c r="T39" s="244"/>
      <c r="U39" s="244"/>
      <c r="V39" s="244"/>
      <c r="W39" s="244"/>
      <c r="X39" s="244"/>
      <c r="Y39" s="244"/>
    </row>
    <row r="40" spans="1:25">
      <c r="A40" s="55" t="s">
        <v>631</v>
      </c>
      <c r="B40" s="176">
        <v>56</v>
      </c>
      <c r="C40" s="82">
        <v>4.675499429971226</v>
      </c>
      <c r="D40" s="83">
        <v>0.32882525447385891</v>
      </c>
      <c r="P40" s="244"/>
      <c r="Q40" s="244"/>
      <c r="R40" s="244"/>
      <c r="S40" s="244"/>
      <c r="T40" s="244"/>
      <c r="U40" s="244"/>
      <c r="V40" s="244"/>
      <c r="W40" s="244"/>
      <c r="X40" s="244"/>
      <c r="Y40" s="244"/>
    </row>
    <row r="41" spans="1:25">
      <c r="A41" s="47" t="s">
        <v>632</v>
      </c>
      <c r="B41" s="177">
        <v>336</v>
      </c>
      <c r="C41" s="178">
        <v>4.55437332024478</v>
      </c>
      <c r="D41" s="130">
        <v>0.12701015346714578</v>
      </c>
      <c r="P41" s="244"/>
      <c r="Q41" s="244"/>
      <c r="R41" s="244"/>
      <c r="S41" s="244"/>
      <c r="T41" s="244"/>
      <c r="U41" s="244"/>
      <c r="V41" s="244"/>
      <c r="W41" s="244"/>
      <c r="X41" s="244"/>
      <c r="Y41" s="244"/>
    </row>
    <row r="42" spans="1:25">
      <c r="A42" s="55" t="s">
        <v>633</v>
      </c>
      <c r="B42" s="176">
        <v>667</v>
      </c>
      <c r="C42" s="82">
        <v>4.6238721520603256</v>
      </c>
      <c r="D42" s="83">
        <v>8.576682492899089E-2</v>
      </c>
      <c r="P42" s="244"/>
      <c r="Q42" s="244"/>
      <c r="R42" s="244"/>
      <c r="S42" s="244"/>
      <c r="T42" s="244"/>
      <c r="U42" s="244"/>
      <c r="V42" s="244"/>
      <c r="W42" s="244"/>
      <c r="X42" s="244"/>
      <c r="Y42" s="244"/>
    </row>
    <row r="43" spans="1:25">
      <c r="A43" s="47" t="s">
        <v>634</v>
      </c>
      <c r="B43" s="177">
        <v>611</v>
      </c>
      <c r="C43" s="178">
        <v>4.6403259325415283</v>
      </c>
      <c r="D43" s="130">
        <v>9.5197399885829689E-2</v>
      </c>
      <c r="P43" s="244"/>
      <c r="Q43" s="244"/>
      <c r="R43" s="244"/>
      <c r="S43" s="244"/>
      <c r="T43" s="244"/>
      <c r="U43" s="244"/>
      <c r="V43" s="244"/>
      <c r="W43" s="244"/>
      <c r="X43" s="244"/>
      <c r="Y43" s="244"/>
    </row>
    <row r="44" spans="1:25">
      <c r="A44" s="55" t="s">
        <v>635</v>
      </c>
      <c r="B44" s="176">
        <v>227</v>
      </c>
      <c r="C44" s="82">
        <v>4.6537437514832787</v>
      </c>
      <c r="D44" s="83">
        <v>0.15125497366191068</v>
      </c>
      <c r="P44" s="244"/>
      <c r="Q44" s="244"/>
      <c r="R44" s="244"/>
      <c r="S44" s="244"/>
      <c r="T44" s="244"/>
      <c r="U44" s="244"/>
      <c r="V44" s="244"/>
      <c r="W44" s="244"/>
      <c r="X44" s="244"/>
      <c r="Y44" s="244"/>
    </row>
    <row r="45" spans="1:25">
      <c r="A45" s="47" t="s">
        <v>636</v>
      </c>
      <c r="B45" s="177">
        <v>384</v>
      </c>
      <c r="C45" s="178">
        <v>4.6289637763589111</v>
      </c>
      <c r="D45" s="130">
        <v>0.12241084454176615</v>
      </c>
      <c r="P45" s="244"/>
      <c r="Q45" s="244"/>
      <c r="R45" s="244"/>
      <c r="S45" s="244"/>
      <c r="T45" s="244"/>
      <c r="U45" s="244"/>
      <c r="V45" s="244"/>
      <c r="W45" s="244"/>
      <c r="X45" s="244"/>
      <c r="Y45" s="244"/>
    </row>
    <row r="46" spans="1:25">
      <c r="P46" s="244"/>
      <c r="Q46" s="244"/>
      <c r="R46" s="244"/>
      <c r="S46" s="244"/>
      <c r="T46" s="244"/>
      <c r="U46" s="244"/>
      <c r="V46" s="244"/>
      <c r="W46" s="244"/>
      <c r="X46" s="244"/>
      <c r="Y46" s="244"/>
    </row>
    <row r="47" spans="1:25" ht="18.75">
      <c r="A47" s="343" t="s">
        <v>45</v>
      </c>
      <c r="B47" s="343"/>
      <c r="C47" s="343"/>
      <c r="D47" s="343"/>
      <c r="E47" s="343"/>
      <c r="F47" s="343"/>
      <c r="G47" s="343"/>
      <c r="H47" s="343"/>
      <c r="I47" s="343"/>
      <c r="J47" s="343"/>
      <c r="K47" s="343"/>
      <c r="L47" s="343"/>
      <c r="M47" s="343"/>
      <c r="N47" s="343"/>
      <c r="O47" s="343"/>
      <c r="P47" s="343"/>
      <c r="Q47" s="343"/>
      <c r="R47" s="343"/>
      <c r="S47" s="343"/>
      <c r="T47" s="343"/>
      <c r="U47" s="343"/>
      <c r="V47" s="343"/>
      <c r="W47" s="244"/>
      <c r="X47" s="244"/>
      <c r="Y47" s="244"/>
    </row>
    <row r="48" spans="1:25" ht="66" customHeight="1">
      <c r="A48" s="409" t="s">
        <v>553</v>
      </c>
      <c r="B48" s="409"/>
      <c r="C48" s="409"/>
      <c r="D48" s="409"/>
      <c r="E48" s="409"/>
      <c r="F48" s="409"/>
      <c r="G48" s="409"/>
      <c r="H48" s="409"/>
      <c r="I48" s="409"/>
      <c r="J48" s="409"/>
      <c r="K48" s="409"/>
      <c r="L48" s="409"/>
      <c r="M48" s="409"/>
      <c r="N48" s="409"/>
      <c r="O48" s="409"/>
      <c r="P48" s="409"/>
      <c r="Q48" s="409"/>
      <c r="R48" s="409"/>
      <c r="S48" s="409"/>
      <c r="T48" s="409"/>
      <c r="U48" s="409"/>
      <c r="V48" s="409"/>
      <c r="W48" s="244"/>
      <c r="X48" s="244"/>
      <c r="Y48" s="244"/>
    </row>
    <row r="49" spans="1:45" ht="37.5" customHeight="1">
      <c r="A49" s="62"/>
      <c r="B49" s="349" t="s">
        <v>271</v>
      </c>
      <c r="C49" s="416"/>
      <c r="D49" s="416"/>
      <c r="E49" s="416"/>
      <c r="F49" s="416"/>
      <c r="G49" s="416"/>
      <c r="H49" s="416"/>
      <c r="I49" s="349" t="s">
        <v>393</v>
      </c>
      <c r="J49" s="416"/>
      <c r="K49" s="416"/>
      <c r="L49" s="416"/>
      <c r="M49" s="416"/>
      <c r="N49" s="416"/>
      <c r="O49" s="416"/>
      <c r="P49" s="300" t="s">
        <v>272</v>
      </c>
      <c r="Q49" s="300"/>
      <c r="R49" s="300"/>
      <c r="S49" s="300"/>
      <c r="T49" s="300"/>
      <c r="U49" s="300"/>
      <c r="V49" s="300"/>
      <c r="W49" s="298"/>
      <c r="X49" s="298"/>
      <c r="Y49" s="297"/>
      <c r="Z49" s="297"/>
      <c r="AA49" s="297"/>
      <c r="AB49" s="297"/>
      <c r="AC49" s="297"/>
      <c r="AD49" s="297"/>
      <c r="AE49" s="297"/>
      <c r="AF49" s="297"/>
      <c r="AG49" s="297"/>
      <c r="AH49" s="297"/>
      <c r="AI49" s="297"/>
      <c r="AJ49" s="297"/>
      <c r="AK49" s="297"/>
      <c r="AL49" s="297"/>
      <c r="AM49" s="297"/>
      <c r="AN49" s="297"/>
      <c r="AO49" s="297"/>
      <c r="AP49" s="297"/>
      <c r="AQ49" s="297"/>
      <c r="AR49" s="297"/>
      <c r="AS49" s="297"/>
    </row>
    <row r="50" spans="1:45" ht="37.5" customHeight="1">
      <c r="A50" s="35" t="s">
        <v>70</v>
      </c>
      <c r="B50" s="36" t="s">
        <v>71</v>
      </c>
      <c r="C50" s="36" t="s">
        <v>130</v>
      </c>
      <c r="D50" s="87" t="s">
        <v>320</v>
      </c>
      <c r="E50" s="36" t="s">
        <v>131</v>
      </c>
      <c r="F50" s="87" t="s">
        <v>321</v>
      </c>
      <c r="G50" s="36" t="s">
        <v>132</v>
      </c>
      <c r="H50" s="87" t="s">
        <v>322</v>
      </c>
      <c r="I50" s="36" t="s">
        <v>71</v>
      </c>
      <c r="J50" s="36" t="s">
        <v>130</v>
      </c>
      <c r="K50" s="87" t="s">
        <v>320</v>
      </c>
      <c r="L50" s="36" t="s">
        <v>131</v>
      </c>
      <c r="M50" s="87" t="s">
        <v>321</v>
      </c>
      <c r="N50" s="36" t="s">
        <v>132</v>
      </c>
      <c r="O50" s="87" t="s">
        <v>322</v>
      </c>
      <c r="P50" s="36" t="s">
        <v>71</v>
      </c>
      <c r="Q50" s="36" t="s">
        <v>130</v>
      </c>
      <c r="R50" s="87" t="s">
        <v>320</v>
      </c>
      <c r="S50" s="36" t="s">
        <v>131</v>
      </c>
      <c r="T50" s="87" t="s">
        <v>321</v>
      </c>
      <c r="U50" s="36" t="s">
        <v>132</v>
      </c>
      <c r="V50" s="87" t="s">
        <v>322</v>
      </c>
    </row>
    <row r="51" spans="1:45" ht="71.25" customHeight="1">
      <c r="A51" s="39"/>
      <c r="B51" s="40" t="s">
        <v>73</v>
      </c>
      <c r="C51" s="40" t="s">
        <v>158</v>
      </c>
      <c r="D51" s="89" t="s">
        <v>87</v>
      </c>
      <c r="E51" s="40" t="s">
        <v>159</v>
      </c>
      <c r="F51" s="89" t="s">
        <v>87</v>
      </c>
      <c r="G51" s="40" t="s">
        <v>160</v>
      </c>
      <c r="H51" s="89" t="s">
        <v>87</v>
      </c>
      <c r="I51" s="40" t="s">
        <v>73</v>
      </c>
      <c r="J51" s="40" t="s">
        <v>158</v>
      </c>
      <c r="K51" s="89" t="s">
        <v>87</v>
      </c>
      <c r="L51" s="40" t="s">
        <v>159</v>
      </c>
      <c r="M51" s="89" t="s">
        <v>87</v>
      </c>
      <c r="N51" s="40" t="s">
        <v>160</v>
      </c>
      <c r="O51" s="89" t="s">
        <v>87</v>
      </c>
      <c r="P51" s="40" t="s">
        <v>73</v>
      </c>
      <c r="Q51" s="40" t="s">
        <v>158</v>
      </c>
      <c r="R51" s="89" t="s">
        <v>87</v>
      </c>
      <c r="S51" s="40" t="s">
        <v>159</v>
      </c>
      <c r="T51" s="89" t="s">
        <v>87</v>
      </c>
      <c r="U51" s="40" t="s">
        <v>160</v>
      </c>
      <c r="V51" s="89" t="s">
        <v>87</v>
      </c>
    </row>
    <row r="52" spans="1:45">
      <c r="A52" s="43" t="s">
        <v>348</v>
      </c>
      <c r="B52" s="176">
        <v>13907</v>
      </c>
      <c r="C52" s="179">
        <v>0.19903370812084747</v>
      </c>
      <c r="D52" s="92">
        <v>6.7716139356468969E-3</v>
      </c>
      <c r="E52" s="179">
        <v>0.1808553717156379</v>
      </c>
      <c r="F52" s="92">
        <v>6.5280375946062024E-3</v>
      </c>
      <c r="G52" s="179">
        <v>0.62011092016352953</v>
      </c>
      <c r="H52" s="92">
        <v>8.2304117240146954E-3</v>
      </c>
      <c r="I52" s="176">
        <v>13846</v>
      </c>
      <c r="J52" s="179">
        <v>0.35481886527751455</v>
      </c>
      <c r="K52" s="92">
        <v>8.1313159600783225E-3</v>
      </c>
      <c r="L52" s="179">
        <v>0.17642583432258463</v>
      </c>
      <c r="M52" s="92">
        <v>6.4792972664904922E-3</v>
      </c>
      <c r="N52" s="179">
        <v>0.46875530039991631</v>
      </c>
      <c r="O52" s="92">
        <v>8.4805887091058737E-3</v>
      </c>
      <c r="P52" s="176">
        <v>13940</v>
      </c>
      <c r="Q52" s="179">
        <v>0.34225069035955757</v>
      </c>
      <c r="R52" s="92">
        <v>8.0362316068750099E-3</v>
      </c>
      <c r="S52" s="179">
        <v>0.17414298561198138</v>
      </c>
      <c r="T52" s="92">
        <v>6.4244163883877669E-3</v>
      </c>
      <c r="U52" s="179">
        <v>0.48360632402847759</v>
      </c>
      <c r="V52" s="92">
        <v>8.4639460387044112E-3</v>
      </c>
    </row>
    <row r="53" spans="1:45">
      <c r="A53" s="47" t="s">
        <v>349</v>
      </c>
      <c r="B53" s="177">
        <v>10202</v>
      </c>
      <c r="C53" s="180">
        <v>0.20167199965186186</v>
      </c>
      <c r="D53" s="95">
        <v>7.9452899268931173E-3</v>
      </c>
      <c r="E53" s="180">
        <v>0.17183980488545875</v>
      </c>
      <c r="F53" s="95">
        <v>7.4705059153115571E-3</v>
      </c>
      <c r="G53" s="180">
        <v>0.62648819546267309</v>
      </c>
      <c r="H53" s="95">
        <v>9.5768450548990268E-3</v>
      </c>
      <c r="I53" s="177">
        <v>10151</v>
      </c>
      <c r="J53" s="180">
        <v>0.32941325567448487</v>
      </c>
      <c r="K53" s="95">
        <v>9.328473434407512E-3</v>
      </c>
      <c r="L53" s="180">
        <v>0.16135661256908065</v>
      </c>
      <c r="M53" s="95">
        <v>7.3032635781698722E-3</v>
      </c>
      <c r="N53" s="180">
        <v>0.50923013175642984</v>
      </c>
      <c r="O53" s="95">
        <v>9.9216997910477299E-3</v>
      </c>
      <c r="P53" s="177">
        <v>10217</v>
      </c>
      <c r="Q53" s="180">
        <v>0.36240960918067677</v>
      </c>
      <c r="R53" s="95">
        <v>9.5097249670579257E-3</v>
      </c>
      <c r="S53" s="180">
        <v>0.15677342640096814</v>
      </c>
      <c r="T53" s="95">
        <v>7.1952029092367809E-3</v>
      </c>
      <c r="U53" s="180">
        <v>0.48081696441835076</v>
      </c>
      <c r="V53" s="95">
        <v>9.8840216912036444E-3</v>
      </c>
    </row>
    <row r="54" spans="1:45">
      <c r="A54" s="43" t="s">
        <v>350</v>
      </c>
      <c r="B54" s="176">
        <v>3705</v>
      </c>
      <c r="C54" s="179">
        <v>0.19688925262736423</v>
      </c>
      <c r="D54" s="92">
        <v>1.3066886726862605E-2</v>
      </c>
      <c r="E54" s="179">
        <v>0.18818340259793176</v>
      </c>
      <c r="F54" s="92">
        <v>1.2844550928860063E-2</v>
      </c>
      <c r="G54" s="179">
        <v>0.6149273447747049</v>
      </c>
      <c r="H54" s="92">
        <v>1.5981256857970642E-2</v>
      </c>
      <c r="I54" s="176">
        <v>3695</v>
      </c>
      <c r="J54" s="179">
        <v>0.37544231673523015</v>
      </c>
      <c r="K54" s="92">
        <v>1.5924902145224944E-2</v>
      </c>
      <c r="L54" s="179">
        <v>0.18865854072857044</v>
      </c>
      <c r="M54" s="92">
        <v>1.2874339118384516E-2</v>
      </c>
      <c r="N54" s="179">
        <v>0.4358991425362001</v>
      </c>
      <c r="O54" s="92">
        <v>1.6306736768572166E-2</v>
      </c>
      <c r="P54" s="176">
        <v>3723</v>
      </c>
      <c r="Q54" s="179">
        <v>0.32592054392210179</v>
      </c>
      <c r="R54" s="92">
        <v>1.5357692271588185E-2</v>
      </c>
      <c r="S54" s="179">
        <v>0.18821355397859629</v>
      </c>
      <c r="T54" s="92">
        <v>1.2814239585689016E-2</v>
      </c>
      <c r="U54" s="179">
        <v>0.48586590209930292</v>
      </c>
      <c r="V54" s="92">
        <v>1.6373709707401936E-2</v>
      </c>
    </row>
    <row r="55" spans="1:45">
      <c r="A55" s="47" t="s">
        <v>568</v>
      </c>
      <c r="B55" s="177">
        <v>11529</v>
      </c>
      <c r="C55" s="180">
        <v>0.19894196779151521</v>
      </c>
      <c r="D55" s="95">
        <v>7.4360051008820292E-3</v>
      </c>
      <c r="E55" s="180">
        <v>0.18077932936573604</v>
      </c>
      <c r="F55" s="95">
        <v>7.1686484817043402E-3</v>
      </c>
      <c r="G55" s="180">
        <v>0.62027870284276698</v>
      </c>
      <c r="H55" s="95">
        <v>9.0384510965645544E-3</v>
      </c>
      <c r="I55" s="177">
        <v>11494</v>
      </c>
      <c r="J55" s="180">
        <v>0.3559746186387644</v>
      </c>
      <c r="K55" s="95">
        <v>8.930864894602486E-3</v>
      </c>
      <c r="L55" s="180">
        <v>0.17629821419929648</v>
      </c>
      <c r="M55" s="95">
        <v>7.1094626106762652E-3</v>
      </c>
      <c r="N55" s="180">
        <v>0.46772716716195811</v>
      </c>
      <c r="O55" s="95">
        <v>9.3064258975917961E-3</v>
      </c>
      <c r="P55" s="177">
        <v>11565</v>
      </c>
      <c r="Q55" s="180">
        <v>0.34271926678925085</v>
      </c>
      <c r="R55" s="95">
        <v>8.8255805344198412E-3</v>
      </c>
      <c r="S55" s="180">
        <v>0.17412925474295218</v>
      </c>
      <c r="T55" s="95">
        <v>7.0531777704901811E-3</v>
      </c>
      <c r="U55" s="180">
        <v>0.48315147846781675</v>
      </c>
      <c r="V55" s="95">
        <v>9.2919219112966387E-3</v>
      </c>
    </row>
    <row r="56" spans="1:45">
      <c r="A56" s="43" t="s">
        <v>569</v>
      </c>
      <c r="B56" s="176">
        <v>2378</v>
      </c>
      <c r="C56" s="179">
        <v>0.21062102205640454</v>
      </c>
      <c r="D56" s="92">
        <v>1.6723202898125924E-2</v>
      </c>
      <c r="E56" s="179">
        <v>0.19045994352308981</v>
      </c>
      <c r="F56" s="92">
        <v>1.6107660469353021E-2</v>
      </c>
      <c r="G56" s="179">
        <v>0.59891903442050276</v>
      </c>
      <c r="H56" s="92">
        <v>2.0085788305304029E-2</v>
      </c>
      <c r="I56" s="176">
        <v>2352</v>
      </c>
      <c r="J56" s="179">
        <v>0.20777692676906509</v>
      </c>
      <c r="K56" s="92">
        <v>1.6731952143562229E-2</v>
      </c>
      <c r="L56" s="179">
        <v>0.1926624389046771</v>
      </c>
      <c r="M56" s="92">
        <v>1.6267296449511585E-2</v>
      </c>
      <c r="N56" s="179">
        <v>0.59956063432625561</v>
      </c>
      <c r="O56" s="92">
        <v>2.0190994212460268E-2</v>
      </c>
      <c r="P56" s="176">
        <v>2375</v>
      </c>
      <c r="Q56" s="179">
        <v>0.28292522718008517</v>
      </c>
      <c r="R56" s="92">
        <v>1.8476522158559154E-2</v>
      </c>
      <c r="S56" s="179">
        <v>0.17588142167795304</v>
      </c>
      <c r="T56" s="92">
        <v>1.5630243985624272E-2</v>
      </c>
      <c r="U56" s="179">
        <v>0.54119335114195943</v>
      </c>
      <c r="V56" s="92">
        <v>2.0432844894984398E-2</v>
      </c>
    </row>
    <row r="57" spans="1:45">
      <c r="A57" s="47" t="s">
        <v>570</v>
      </c>
      <c r="B57" s="177">
        <v>608</v>
      </c>
      <c r="C57" s="180">
        <v>0.23913466622114979</v>
      </c>
      <c r="D57" s="95">
        <v>3.4568859246208915E-2</v>
      </c>
      <c r="E57" s="180">
        <v>0.19699239408654687</v>
      </c>
      <c r="F57" s="95">
        <v>3.2275635452114558E-2</v>
      </c>
      <c r="G57" s="180">
        <v>0.56387293969230334</v>
      </c>
      <c r="H57" s="95">
        <v>4.0095751685279221E-2</v>
      </c>
      <c r="I57" s="177">
        <v>602</v>
      </c>
      <c r="J57" s="180">
        <v>0.19395893233800518</v>
      </c>
      <c r="K57" s="95">
        <v>3.2250180733496107E-2</v>
      </c>
      <c r="L57" s="180">
        <v>0.20502827096148832</v>
      </c>
      <c r="M57" s="95">
        <v>3.2915183825183603E-2</v>
      </c>
      <c r="N57" s="180">
        <v>0.60101279670050645</v>
      </c>
      <c r="O57" s="95">
        <v>3.9795738460261895E-2</v>
      </c>
      <c r="P57" s="177">
        <v>605</v>
      </c>
      <c r="Q57" s="180">
        <v>0.30828786052481333</v>
      </c>
      <c r="R57" s="95">
        <v>3.7467242414335702E-2</v>
      </c>
      <c r="S57" s="180">
        <v>0.18548196866551547</v>
      </c>
      <c r="T57" s="95">
        <v>3.1635610358299295E-2</v>
      </c>
      <c r="U57" s="180">
        <v>0.50623017080967081</v>
      </c>
      <c r="V57" s="95">
        <v>4.051894026357096E-2</v>
      </c>
    </row>
    <row r="58" spans="1:45">
      <c r="A58" s="43" t="s">
        <v>571</v>
      </c>
      <c r="B58" s="176">
        <v>1276</v>
      </c>
      <c r="C58" s="179">
        <v>0.19873861915066193</v>
      </c>
      <c r="D58" s="92">
        <v>2.2347254740411073E-2</v>
      </c>
      <c r="E58" s="179">
        <v>0.19365891976913127</v>
      </c>
      <c r="F58" s="92">
        <v>2.213176142929827E-2</v>
      </c>
      <c r="G58" s="179">
        <v>0.60760246108020899</v>
      </c>
      <c r="H58" s="92">
        <v>2.7300066484032954E-2</v>
      </c>
      <c r="I58" s="176">
        <v>1263</v>
      </c>
      <c r="J58" s="179">
        <v>0.19283895905937182</v>
      </c>
      <c r="K58" s="92">
        <v>2.2209938921089998E-2</v>
      </c>
      <c r="L58" s="179">
        <v>0.1970759755326042</v>
      </c>
      <c r="M58" s="92">
        <v>2.2391756565077171E-2</v>
      </c>
      <c r="N58" s="179">
        <v>0.61008506540802554</v>
      </c>
      <c r="O58" s="92">
        <v>2.7408896333941949E-2</v>
      </c>
      <c r="P58" s="176">
        <v>1274</v>
      </c>
      <c r="Q58" s="179">
        <v>0.27660735655193103</v>
      </c>
      <c r="R58" s="92">
        <v>2.5045037854155419E-2</v>
      </c>
      <c r="S58" s="179">
        <v>0.18644330816062271</v>
      </c>
      <c r="T58" s="92">
        <v>2.1832818023633845E-2</v>
      </c>
      <c r="U58" s="179">
        <v>0.53694933528744859</v>
      </c>
      <c r="V58" s="92">
        <v>2.789670637749464E-2</v>
      </c>
    </row>
    <row r="59" spans="1:45">
      <c r="A59" s="47" t="s">
        <v>582</v>
      </c>
      <c r="B59" s="177">
        <v>870</v>
      </c>
      <c r="C59" s="180">
        <v>0.17923228784091955</v>
      </c>
      <c r="D59" s="95">
        <v>2.6030058509292475E-2</v>
      </c>
      <c r="E59" s="180">
        <v>0.19919995048649594</v>
      </c>
      <c r="F59" s="95">
        <v>2.7089615950068022E-2</v>
      </c>
      <c r="G59" s="180">
        <v>0.62156776167258654</v>
      </c>
      <c r="H59" s="95">
        <v>3.2819891558717201E-2</v>
      </c>
      <c r="I59" s="177">
        <v>860</v>
      </c>
      <c r="J59" s="180">
        <v>0.25078640054864887</v>
      </c>
      <c r="K59" s="95">
        <v>2.9538606200785199E-2</v>
      </c>
      <c r="L59" s="180">
        <v>0.20229159531439553</v>
      </c>
      <c r="M59" s="95">
        <v>2.7402052589139993E-2</v>
      </c>
      <c r="N59" s="180">
        <v>0.54692200413695746</v>
      </c>
      <c r="O59" s="95">
        <v>3.3871944594541535E-2</v>
      </c>
      <c r="P59" s="177">
        <v>868</v>
      </c>
      <c r="Q59" s="180">
        <v>0.2964422467651317</v>
      </c>
      <c r="R59" s="95">
        <v>3.0958948387290169E-2</v>
      </c>
      <c r="S59" s="180">
        <v>0.15570207481485174</v>
      </c>
      <c r="T59" s="95">
        <v>2.4657653876633229E-2</v>
      </c>
      <c r="U59" s="180">
        <v>0.54785567842001892</v>
      </c>
      <c r="V59" s="95">
        <v>3.3710232877996009E-2</v>
      </c>
    </row>
    <row r="60" spans="1:45">
      <c r="A60" s="43" t="s">
        <v>583</v>
      </c>
      <c r="B60" s="176">
        <v>1508</v>
      </c>
      <c r="C60" s="179">
        <v>0.22326374803412072</v>
      </c>
      <c r="D60" s="92">
        <v>2.1444015437663163E-2</v>
      </c>
      <c r="E60" s="179">
        <v>0.18693965142328484</v>
      </c>
      <c r="F60" s="92">
        <v>2.0086524914802905E-2</v>
      </c>
      <c r="G60" s="179">
        <v>0.58979660054259386</v>
      </c>
      <c r="H60" s="92">
        <v>2.5301315279694255E-2</v>
      </c>
      <c r="I60" s="176">
        <v>1492</v>
      </c>
      <c r="J60" s="179">
        <v>0.19044363194136685</v>
      </c>
      <c r="K60" s="92">
        <v>2.0337171510828526E-2</v>
      </c>
      <c r="L60" s="179">
        <v>0.18878178210224733</v>
      </c>
      <c r="M60" s="92">
        <v>2.0269605224750763E-2</v>
      </c>
      <c r="N60" s="179">
        <v>0.62077458595638524</v>
      </c>
      <c r="O60" s="92">
        <v>2.509295008171487E-2</v>
      </c>
      <c r="P60" s="176">
        <v>1507</v>
      </c>
      <c r="Q60" s="179">
        <v>0.27750320991499267</v>
      </c>
      <c r="R60" s="92">
        <v>2.3053296813431035E-2</v>
      </c>
      <c r="S60" s="179">
        <v>0.18397586634466734</v>
      </c>
      <c r="T60" s="92">
        <v>1.9970647958320733E-2</v>
      </c>
      <c r="U60" s="179">
        <v>0.53852092374033977</v>
      </c>
      <c r="V60" s="92">
        <v>2.5649677991625534E-2</v>
      </c>
    </row>
    <row r="61" spans="1:45">
      <c r="A61" s="47" t="s">
        <v>572</v>
      </c>
      <c r="B61" s="177">
        <v>294</v>
      </c>
      <c r="C61" s="180">
        <v>0.25090230982750195</v>
      </c>
      <c r="D61" s="95">
        <v>5.0448315474625777E-2</v>
      </c>
      <c r="E61" s="180">
        <v>0.18697886749712911</v>
      </c>
      <c r="F61" s="95">
        <v>4.555850466373066E-2</v>
      </c>
      <c r="G61" s="180">
        <v>0.56211882267536895</v>
      </c>
      <c r="H61" s="95">
        <v>5.7491656492372187E-2</v>
      </c>
      <c r="I61" s="177">
        <v>293</v>
      </c>
      <c r="J61" s="180">
        <v>0.25686184112042787</v>
      </c>
      <c r="K61" s="95">
        <v>5.0912940462985508E-2</v>
      </c>
      <c r="L61" s="180">
        <v>0.18901024880673056</v>
      </c>
      <c r="M61" s="95">
        <v>4.5818106134345137E-2</v>
      </c>
      <c r="N61" s="180">
        <v>0.55412791007284157</v>
      </c>
      <c r="O61" s="95">
        <v>5.769402117768474E-2</v>
      </c>
      <c r="P61" s="177">
        <v>294</v>
      </c>
      <c r="Q61" s="180">
        <v>0.26696993688854376</v>
      </c>
      <c r="R61" s="95">
        <v>5.1441633666716655E-2</v>
      </c>
      <c r="S61" s="180">
        <v>0.15840504946708844</v>
      </c>
      <c r="T61" s="95">
        <v>4.2792523634285852E-2</v>
      </c>
      <c r="U61" s="180">
        <v>0.57462501364436758</v>
      </c>
      <c r="V61" s="95">
        <v>5.7297013105305709E-2</v>
      </c>
    </row>
    <row r="62" spans="1:45">
      <c r="A62" s="43" t="s">
        <v>573</v>
      </c>
      <c r="B62" s="176">
        <v>449</v>
      </c>
      <c r="C62" s="179">
        <v>0.30435798256109448</v>
      </c>
      <c r="D62" s="92">
        <v>4.3306716462155344E-2</v>
      </c>
      <c r="E62" s="179">
        <v>0.19170587914952883</v>
      </c>
      <c r="F62" s="92">
        <v>3.7188835944061471E-2</v>
      </c>
      <c r="G62" s="179">
        <v>0.50393613828937767</v>
      </c>
      <c r="H62" s="92">
        <v>4.6982668282251477E-2</v>
      </c>
      <c r="I62" s="176">
        <v>445</v>
      </c>
      <c r="J62" s="179">
        <v>0.26831796033843686</v>
      </c>
      <c r="K62" s="92">
        <v>4.1922140988384746E-2</v>
      </c>
      <c r="L62" s="179">
        <v>0.20546662801664112</v>
      </c>
      <c r="M62" s="92">
        <v>3.8315169763986974E-2</v>
      </c>
      <c r="N62" s="179">
        <v>0.5262154116449228</v>
      </c>
      <c r="O62" s="92">
        <v>4.7129158891363987E-2</v>
      </c>
      <c r="P62" s="176">
        <v>447</v>
      </c>
      <c r="Q62" s="179">
        <v>0.3920843426950204</v>
      </c>
      <c r="R62" s="92">
        <v>4.5998155946208236E-2</v>
      </c>
      <c r="S62" s="179">
        <v>0.16196325559419461</v>
      </c>
      <c r="T62" s="92">
        <v>3.4953134605734515E-2</v>
      </c>
      <c r="U62" s="179">
        <v>0.44595240171078548</v>
      </c>
      <c r="V62" s="92">
        <v>4.6817136705326841E-2</v>
      </c>
    </row>
    <row r="63" spans="1:45">
      <c r="A63" s="47" t="s">
        <v>574</v>
      </c>
      <c r="B63" s="177">
        <v>674</v>
      </c>
      <c r="C63" s="180">
        <v>0.18611145311056274</v>
      </c>
      <c r="D63" s="95">
        <v>3.0008169948577627E-2</v>
      </c>
      <c r="E63" s="180">
        <v>0.19848066212559273</v>
      </c>
      <c r="F63" s="95">
        <v>3.0738756008935511E-2</v>
      </c>
      <c r="G63" s="180">
        <v>0.61540788476384323</v>
      </c>
      <c r="H63" s="95">
        <v>3.7380110232749217E-2</v>
      </c>
      <c r="I63" s="177">
        <v>672</v>
      </c>
      <c r="J63" s="180">
        <v>0.15894962199304272</v>
      </c>
      <c r="K63" s="95">
        <v>2.8269317663637383E-2</v>
      </c>
      <c r="L63" s="180">
        <v>0.21018960663342093</v>
      </c>
      <c r="M63" s="95">
        <v>3.1435193071968806E-2</v>
      </c>
      <c r="N63" s="180">
        <v>0.63086077137353502</v>
      </c>
      <c r="O63" s="95">
        <v>3.7137001774367136E-2</v>
      </c>
      <c r="P63" s="177">
        <v>674</v>
      </c>
      <c r="Q63" s="180">
        <v>0.25768378633149219</v>
      </c>
      <c r="R63" s="95">
        <v>3.3653942209860017E-2</v>
      </c>
      <c r="S63" s="180">
        <v>0.17958388533458716</v>
      </c>
      <c r="T63" s="95">
        <v>2.9603211175834785E-2</v>
      </c>
      <c r="U63" s="180">
        <v>0.56273232833391895</v>
      </c>
      <c r="V63" s="95">
        <v>3.8104881867774533E-2</v>
      </c>
    </row>
    <row r="64" spans="1:45">
      <c r="A64" s="43" t="s">
        <v>575</v>
      </c>
      <c r="B64" s="176">
        <v>936</v>
      </c>
      <c r="C64" s="179">
        <v>0.14014366309538961</v>
      </c>
      <c r="D64" s="92">
        <v>2.2747753733343E-2</v>
      </c>
      <c r="E64" s="179">
        <v>0.18465034295249463</v>
      </c>
      <c r="F64" s="92">
        <v>2.5382112729235361E-2</v>
      </c>
      <c r="G64" s="179">
        <v>0.67520599395211345</v>
      </c>
      <c r="H64" s="92">
        <v>3.0566534062904778E-2</v>
      </c>
      <c r="I64" s="176">
        <v>918</v>
      </c>
      <c r="J64" s="179">
        <v>0.16916158678209675</v>
      </c>
      <c r="K64" s="92">
        <v>2.4776098800363158E-2</v>
      </c>
      <c r="L64" s="179">
        <v>0.17389452444791939</v>
      </c>
      <c r="M64" s="92">
        <v>2.5044511222634871E-2</v>
      </c>
      <c r="N64" s="179">
        <v>0.65694388876998067</v>
      </c>
      <c r="O64" s="92">
        <v>3.128359355395724E-2</v>
      </c>
      <c r="P64" s="176">
        <v>933</v>
      </c>
      <c r="Q64" s="179">
        <v>0.24486947842199006</v>
      </c>
      <c r="R64" s="92">
        <v>2.8137714035899302E-2</v>
      </c>
      <c r="S64" s="179">
        <v>0.1934505214515492</v>
      </c>
      <c r="T64" s="92">
        <v>2.5874504779808523E-2</v>
      </c>
      <c r="U64" s="179">
        <v>0.5616800001264568</v>
      </c>
      <c r="V64" s="92">
        <v>3.2421186926345026E-2</v>
      </c>
    </row>
    <row r="65" spans="1:22">
      <c r="A65" s="47" t="s">
        <v>576</v>
      </c>
      <c r="B65" s="177">
        <v>755</v>
      </c>
      <c r="C65" s="180">
        <v>0.25863063441510886</v>
      </c>
      <c r="D65" s="95">
        <v>3.1838961860898893E-2</v>
      </c>
      <c r="E65" s="180">
        <v>0.17623498746037725</v>
      </c>
      <c r="F65" s="95">
        <v>2.7765075768567554E-2</v>
      </c>
      <c r="G65" s="180">
        <v>0.56513437812451373</v>
      </c>
      <c r="H65" s="95">
        <v>3.5991662887188518E-2</v>
      </c>
      <c r="I65" s="177">
        <v>748</v>
      </c>
      <c r="J65" s="180">
        <v>0.21547240492909331</v>
      </c>
      <c r="K65" s="95">
        <v>3.0062257267932744E-2</v>
      </c>
      <c r="L65" s="180">
        <v>0.20861141929956106</v>
      </c>
      <c r="M65" s="95">
        <v>2.9714381675163146E-2</v>
      </c>
      <c r="N65" s="180">
        <v>0.57591617577134535</v>
      </c>
      <c r="O65" s="95">
        <v>3.604797944376513E-2</v>
      </c>
      <c r="P65" s="177">
        <v>753</v>
      </c>
      <c r="Q65" s="180">
        <v>0.30249708591166852</v>
      </c>
      <c r="R65" s="95">
        <v>3.3422458317652365E-2</v>
      </c>
      <c r="S65" s="180">
        <v>0.16719500967175974</v>
      </c>
      <c r="T65" s="95">
        <v>2.723819800726858E-2</v>
      </c>
      <c r="U65" s="180">
        <v>0.53030790441657116</v>
      </c>
      <c r="V65" s="95">
        <v>3.6279489913361794E-2</v>
      </c>
    </row>
    <row r="66" spans="1:22">
      <c r="A66" s="55" t="s">
        <v>577</v>
      </c>
      <c r="B66" s="176">
        <v>771</v>
      </c>
      <c r="C66" s="179">
        <v>0.1859693347390603</v>
      </c>
      <c r="D66" s="92">
        <v>2.8046052288060938E-2</v>
      </c>
      <c r="E66" s="179">
        <v>0.1856908545199947</v>
      </c>
      <c r="F66" s="92">
        <v>2.803011280388007E-2</v>
      </c>
      <c r="G66" s="179">
        <v>0.62833981074094281</v>
      </c>
      <c r="H66" s="92">
        <v>3.4730184215968546E-2</v>
      </c>
      <c r="I66" s="176">
        <v>762</v>
      </c>
      <c r="J66" s="179">
        <v>0.22788200065994235</v>
      </c>
      <c r="K66" s="92">
        <v>3.037821851359979E-2</v>
      </c>
      <c r="L66" s="179">
        <v>0.17781636511418317</v>
      </c>
      <c r="M66" s="92">
        <v>2.7732305952328323E-2</v>
      </c>
      <c r="N66" s="179">
        <v>0.59430163422587201</v>
      </c>
      <c r="O66" s="92">
        <v>3.5489845895696349E-2</v>
      </c>
      <c r="P66" s="176">
        <v>768</v>
      </c>
      <c r="Q66" s="179">
        <v>0.26513136993679343</v>
      </c>
      <c r="R66" s="92">
        <v>3.1819348060164697E-2</v>
      </c>
      <c r="S66" s="179">
        <v>0.18055921629289706</v>
      </c>
      <c r="T66" s="92">
        <v>2.7786405945160644E-2</v>
      </c>
      <c r="U66" s="179">
        <v>0.5543094137703064</v>
      </c>
      <c r="V66" s="92">
        <v>3.5780054455355578E-2</v>
      </c>
    </row>
    <row r="67" spans="1:22">
      <c r="A67" s="47" t="s">
        <v>578</v>
      </c>
      <c r="B67" s="177">
        <v>258</v>
      </c>
      <c r="C67" s="180">
        <v>0.19376081658377814</v>
      </c>
      <c r="D67" s="95">
        <v>4.9278657564342895E-2</v>
      </c>
      <c r="E67" s="180">
        <v>0.21630755859603049</v>
      </c>
      <c r="F67" s="95">
        <v>5.1237701844982886E-2</v>
      </c>
      <c r="G67" s="180">
        <v>0.58993162482019135</v>
      </c>
      <c r="H67" s="95">
        <v>6.0803446355151801E-2</v>
      </c>
      <c r="I67" s="177">
        <v>255</v>
      </c>
      <c r="J67" s="180">
        <v>0.15893905582916951</v>
      </c>
      <c r="K67" s="95">
        <v>4.6038872687513471E-2</v>
      </c>
      <c r="L67" s="180">
        <v>0.22853788899510594</v>
      </c>
      <c r="M67" s="95">
        <v>5.2514669595003033E-2</v>
      </c>
      <c r="N67" s="180">
        <v>0.6125230551757247</v>
      </c>
      <c r="O67" s="95">
        <v>6.0592522056594052E-2</v>
      </c>
      <c r="P67" s="177">
        <v>260</v>
      </c>
      <c r="Q67" s="180">
        <v>0.314337664036762</v>
      </c>
      <c r="R67" s="95">
        <v>5.7282678163817879E-2</v>
      </c>
      <c r="S67" s="180">
        <v>0.16517663732566304</v>
      </c>
      <c r="T67" s="95">
        <v>4.6264187324786314E-2</v>
      </c>
      <c r="U67" s="180">
        <v>0.52048569863757488</v>
      </c>
      <c r="V67" s="95">
        <v>6.1495621536192209E-2</v>
      </c>
    </row>
    <row r="68" spans="1:22">
      <c r="A68" s="55" t="s">
        <v>579</v>
      </c>
      <c r="B68" s="176">
        <v>221</v>
      </c>
      <c r="C68" s="179">
        <v>0.22985789689700303</v>
      </c>
      <c r="D68" s="92">
        <v>5.6504852726902983E-2</v>
      </c>
      <c r="E68" s="179">
        <v>0.23868847082961547</v>
      </c>
      <c r="F68" s="92">
        <v>5.7212674451058307E-2</v>
      </c>
      <c r="G68" s="179">
        <v>0.53145363227338194</v>
      </c>
      <c r="H68" s="92">
        <v>6.6539282640103323E-2</v>
      </c>
      <c r="I68" s="176">
        <v>221</v>
      </c>
      <c r="J68" s="179">
        <v>0.23518333754811493</v>
      </c>
      <c r="K68" s="92">
        <v>5.6935582564353701E-2</v>
      </c>
      <c r="L68" s="179">
        <v>0.16310275684538297</v>
      </c>
      <c r="M68" s="92">
        <v>4.9977759103509954E-2</v>
      </c>
      <c r="N68" s="179">
        <v>0.60171390560650251</v>
      </c>
      <c r="O68" s="92">
        <v>6.5322292865863552E-2</v>
      </c>
      <c r="P68" s="176">
        <v>222</v>
      </c>
      <c r="Q68" s="179">
        <v>0.2451602477793707</v>
      </c>
      <c r="R68" s="92">
        <v>5.7581836259760343E-2</v>
      </c>
      <c r="S68" s="179">
        <v>0.21692136534293449</v>
      </c>
      <c r="T68" s="92">
        <v>5.5283335937230678E-2</v>
      </c>
      <c r="U68" s="179">
        <v>0.53791838687769522</v>
      </c>
      <c r="V68" s="92">
        <v>6.6334182281511472E-2</v>
      </c>
    </row>
    <row r="69" spans="1:22">
      <c r="A69" s="47" t="s">
        <v>580</v>
      </c>
      <c r="B69" s="177">
        <v>222</v>
      </c>
      <c r="C69" s="180">
        <v>0.16577377932882617</v>
      </c>
      <c r="D69" s="95">
        <v>5.0169990000781331E-2</v>
      </c>
      <c r="E69" s="180">
        <v>0.17859364005252637</v>
      </c>
      <c r="F69" s="95">
        <v>5.1580729953633032E-2</v>
      </c>
      <c r="G69" s="180">
        <v>0.65563258061864771</v>
      </c>
      <c r="H69" s="95">
        <v>6.3333407769143965E-2</v>
      </c>
      <c r="I69" s="177">
        <v>217</v>
      </c>
      <c r="J69" s="180">
        <v>0.17658547411333683</v>
      </c>
      <c r="K69" s="95">
        <v>5.195805727253687E-2</v>
      </c>
      <c r="L69" s="180">
        <v>0.14573298590373596</v>
      </c>
      <c r="M69" s="95">
        <v>4.8319625817699961E-2</v>
      </c>
      <c r="N69" s="180">
        <v>0.67768153998292746</v>
      </c>
      <c r="O69" s="95">
        <v>6.3039420235039709E-2</v>
      </c>
      <c r="P69" s="177">
        <v>221</v>
      </c>
      <c r="Q69" s="180">
        <v>0.23431471905518755</v>
      </c>
      <c r="R69" s="95">
        <v>5.6866133848069267E-2</v>
      </c>
      <c r="S69" s="180">
        <v>0.18883893044782332</v>
      </c>
      <c r="T69" s="95">
        <v>5.276206052164726E-2</v>
      </c>
      <c r="U69" s="180">
        <v>0.57684635049698929</v>
      </c>
      <c r="V69" s="95">
        <v>6.59026541959256E-2</v>
      </c>
    </row>
    <row r="70" spans="1:22">
      <c r="A70" s="55" t="s">
        <v>581</v>
      </c>
      <c r="B70" s="176">
        <v>123</v>
      </c>
      <c r="C70" s="179">
        <v>0.13695054558539727</v>
      </c>
      <c r="D70" s="92">
        <v>6.3087743967872131E-2</v>
      </c>
      <c r="E70" s="179">
        <v>0.19973865470832883</v>
      </c>
      <c r="F70" s="92">
        <v>7.2183681271968114E-2</v>
      </c>
      <c r="G70" s="179">
        <v>0.6633107997062746</v>
      </c>
      <c r="H70" s="92">
        <v>8.4178878133119112E-2</v>
      </c>
      <c r="I70" s="176">
        <v>121</v>
      </c>
      <c r="J70" s="179">
        <v>0.20121111006168524</v>
      </c>
      <c r="K70" s="92">
        <v>7.2959686205793961E-2</v>
      </c>
      <c r="L70" s="179">
        <v>0.10851129284419954</v>
      </c>
      <c r="M70" s="92">
        <v>5.8347513000233969E-2</v>
      </c>
      <c r="N70" s="179">
        <v>0.69027759709411596</v>
      </c>
      <c r="O70" s="92">
        <v>8.3152778453115181E-2</v>
      </c>
      <c r="P70" s="176">
        <v>122</v>
      </c>
      <c r="Q70" s="179">
        <v>0.27018410297909656</v>
      </c>
      <c r="R70" s="92">
        <v>7.9778419516798593E-2</v>
      </c>
      <c r="S70" s="179">
        <v>0.2433112883621332</v>
      </c>
      <c r="T70" s="92">
        <v>7.7301293891952616E-2</v>
      </c>
      <c r="U70" s="179">
        <v>0.48650460865877049</v>
      </c>
      <c r="V70" s="92">
        <v>8.9056652986027829E-2</v>
      </c>
    </row>
    <row r="71" spans="1:22">
      <c r="A71" s="47" t="s">
        <v>584</v>
      </c>
      <c r="B71" s="177">
        <v>115</v>
      </c>
      <c r="C71" s="180">
        <v>0.20956381163182969</v>
      </c>
      <c r="D71" s="95">
        <v>7.5864167619075121E-2</v>
      </c>
      <c r="E71" s="180">
        <v>0.18634451896647375</v>
      </c>
      <c r="F71" s="95">
        <v>7.2904415129951702E-2</v>
      </c>
      <c r="G71" s="180">
        <v>0.60409166940169667</v>
      </c>
      <c r="H71" s="95">
        <v>8.9795489517970298E-2</v>
      </c>
      <c r="I71" s="177">
        <v>114</v>
      </c>
      <c r="J71" s="180">
        <v>0.22822560402470288</v>
      </c>
      <c r="K71" s="95">
        <v>7.8343301723288711E-2</v>
      </c>
      <c r="L71" s="180">
        <v>0.19608221766817685</v>
      </c>
      <c r="M71" s="95">
        <v>7.4513096832667894E-2</v>
      </c>
      <c r="N71" s="180">
        <v>0.57569217830712038</v>
      </c>
      <c r="O71" s="95">
        <v>9.106759235689886E-2</v>
      </c>
      <c r="P71" s="177">
        <v>117</v>
      </c>
      <c r="Q71" s="180">
        <v>0.2015779630512155</v>
      </c>
      <c r="R71" s="95">
        <v>7.4242165033171895E-2</v>
      </c>
      <c r="S71" s="180">
        <v>0.12318587521146052</v>
      </c>
      <c r="T71" s="95">
        <v>6.2256107059358051E-2</v>
      </c>
      <c r="U71" s="180">
        <v>0.67523616173732404</v>
      </c>
      <c r="V71" s="95">
        <v>8.5529752504626022E-2</v>
      </c>
    </row>
    <row r="72" spans="1:22">
      <c r="A72" s="55" t="s">
        <v>585</v>
      </c>
      <c r="B72" s="176">
        <v>2263</v>
      </c>
      <c r="C72" s="179">
        <v>0.21080643633136564</v>
      </c>
      <c r="D72" s="92">
        <v>1.7148355183720123E-2</v>
      </c>
      <c r="E72" s="179">
        <v>0.19118170944838225</v>
      </c>
      <c r="F72" s="92">
        <v>1.6535775470795069E-2</v>
      </c>
      <c r="G72" s="179">
        <v>0.59801185422024838</v>
      </c>
      <c r="H72" s="92">
        <v>2.0596638550048278E-2</v>
      </c>
      <c r="I72" s="176">
        <v>2238</v>
      </c>
      <c r="J72" s="179">
        <v>0.20417956329657566</v>
      </c>
      <c r="K72" s="92">
        <v>1.7042856544529066E-2</v>
      </c>
      <c r="L72" s="179">
        <v>0.19206082604463653</v>
      </c>
      <c r="M72" s="92">
        <v>1.6656873402793496E-2</v>
      </c>
      <c r="N72" s="179">
        <v>0.60375961065878503</v>
      </c>
      <c r="O72" s="92">
        <v>2.066133722860608E-2</v>
      </c>
      <c r="P72" s="176">
        <v>2258</v>
      </c>
      <c r="Q72" s="179">
        <v>0.29741392188508048</v>
      </c>
      <c r="R72" s="92">
        <v>1.9229357090558303E-2</v>
      </c>
      <c r="S72" s="179">
        <v>0.18526698237556158</v>
      </c>
      <c r="T72" s="92">
        <v>1.6356611191450689E-2</v>
      </c>
      <c r="U72" s="179">
        <v>0.51731909573935464</v>
      </c>
      <c r="V72" s="92">
        <v>2.1013284031346384E-2</v>
      </c>
    </row>
    <row r="73" spans="1:22">
      <c r="A73" s="47" t="s">
        <v>620</v>
      </c>
      <c r="B73" s="177">
        <v>156</v>
      </c>
      <c r="C73" s="180">
        <v>0.29181046476524214</v>
      </c>
      <c r="D73" s="95">
        <v>7.2249078237404771E-2</v>
      </c>
      <c r="E73" s="180">
        <v>0.19517203435499986</v>
      </c>
      <c r="F73" s="95">
        <v>6.3574334588986176E-2</v>
      </c>
      <c r="G73" s="180">
        <v>0.5130175008797585</v>
      </c>
      <c r="H73" s="95">
        <v>7.9031467076051826E-2</v>
      </c>
      <c r="I73" s="177">
        <v>154</v>
      </c>
      <c r="J73" s="180">
        <v>0.23238432180763663</v>
      </c>
      <c r="K73" s="95">
        <v>6.7872214738744496E-2</v>
      </c>
      <c r="L73" s="180">
        <v>0.16333833995222405</v>
      </c>
      <c r="M73" s="95">
        <v>6.0026380758484939E-2</v>
      </c>
      <c r="N73" s="180">
        <v>0.60427733824013996</v>
      </c>
      <c r="O73" s="95">
        <v>7.7894741990783098E-2</v>
      </c>
      <c r="P73" s="177">
        <v>156</v>
      </c>
      <c r="Q73" s="180">
        <v>0.29076393483212359</v>
      </c>
      <c r="R73" s="95">
        <v>7.217719398285663E-2</v>
      </c>
      <c r="S73" s="180">
        <v>0.16763237681701071</v>
      </c>
      <c r="T73" s="95">
        <v>6.0205093692024564E-2</v>
      </c>
      <c r="U73" s="180">
        <v>0.54160368835086603</v>
      </c>
      <c r="V73" s="95">
        <v>7.8796350592527611E-2</v>
      </c>
    </row>
    <row r="74" spans="1:22">
      <c r="A74" s="55" t="s">
        <v>621</v>
      </c>
      <c r="B74" s="176">
        <v>163</v>
      </c>
      <c r="C74" s="179">
        <v>0.16669896126815278</v>
      </c>
      <c r="D74" s="92">
        <v>5.8763372397496953E-2</v>
      </c>
      <c r="E74" s="179">
        <v>0.19877886849710727</v>
      </c>
      <c r="F74" s="92">
        <v>6.2590834122472211E-2</v>
      </c>
      <c r="G74" s="179">
        <v>0.63452217023474089</v>
      </c>
      <c r="H74" s="92">
        <v>7.4666570349118222E-2</v>
      </c>
      <c r="I74" s="176">
        <v>159</v>
      </c>
      <c r="J74" s="179">
        <v>0.19309442016765133</v>
      </c>
      <c r="K74" s="92">
        <v>6.2734246296864332E-2</v>
      </c>
      <c r="L74" s="179">
        <v>0.23036937835761001</v>
      </c>
      <c r="M74" s="92">
        <v>6.6613743910598933E-2</v>
      </c>
      <c r="N74" s="179">
        <v>0.57653620147473961</v>
      </c>
      <c r="O74" s="92">
        <v>7.744797282709269E-2</v>
      </c>
      <c r="P74" s="176">
        <v>162</v>
      </c>
      <c r="Q74" s="179">
        <v>0.25589321777915242</v>
      </c>
      <c r="R74" s="92">
        <v>6.823930192131733E-2</v>
      </c>
      <c r="S74" s="179">
        <v>0.18827200458251706</v>
      </c>
      <c r="T74" s="92">
        <v>6.1595715475409756E-2</v>
      </c>
      <c r="U74" s="179">
        <v>0.55583477763833156</v>
      </c>
      <c r="V74" s="92">
        <v>7.7152783723223109E-2</v>
      </c>
    </row>
    <row r="75" spans="1:22">
      <c r="A75" s="47" t="s">
        <v>622</v>
      </c>
      <c r="B75" s="177">
        <v>995</v>
      </c>
      <c r="C75" s="180">
        <v>0.19312997852580274</v>
      </c>
      <c r="D75" s="95">
        <v>2.5039179548192889E-2</v>
      </c>
      <c r="E75" s="180">
        <v>0.18688865581111599</v>
      </c>
      <c r="F75" s="95">
        <v>2.4730362463290564E-2</v>
      </c>
      <c r="G75" s="180">
        <v>0.61998136566308282</v>
      </c>
      <c r="H75" s="95">
        <v>3.0721684594713406E-2</v>
      </c>
      <c r="I75" s="177">
        <v>987</v>
      </c>
      <c r="J75" s="180">
        <v>0.18598708443048617</v>
      </c>
      <c r="K75" s="95">
        <v>2.478486886347829E-2</v>
      </c>
      <c r="L75" s="180">
        <v>0.20605042006043231</v>
      </c>
      <c r="M75" s="95">
        <v>2.575125639981686E-2</v>
      </c>
      <c r="N75" s="180">
        <v>0.60796249550908232</v>
      </c>
      <c r="O75" s="95">
        <v>3.1022793854059608E-2</v>
      </c>
      <c r="P75" s="177">
        <v>994</v>
      </c>
      <c r="Q75" s="180">
        <v>0.30062395628606065</v>
      </c>
      <c r="R75" s="95">
        <v>2.9050932978047492E-2</v>
      </c>
      <c r="S75" s="180">
        <v>0.18893927201089361</v>
      </c>
      <c r="T75" s="95">
        <v>2.4845437285998976E-2</v>
      </c>
      <c r="U75" s="180">
        <v>0.51043677170304702</v>
      </c>
      <c r="V75" s="95">
        <v>3.1647605322606971E-2</v>
      </c>
    </row>
    <row r="76" spans="1:22">
      <c r="A76" s="55" t="s">
        <v>623</v>
      </c>
      <c r="B76" s="176">
        <v>300</v>
      </c>
      <c r="C76" s="179">
        <v>0.24020009926176797</v>
      </c>
      <c r="D76" s="92">
        <v>4.9240085323758148E-2</v>
      </c>
      <c r="E76" s="179">
        <v>0.20531510088555699</v>
      </c>
      <c r="F76" s="92">
        <v>4.6655373919627194E-2</v>
      </c>
      <c r="G76" s="179">
        <v>0.55448479985267474</v>
      </c>
      <c r="H76" s="92">
        <v>5.7021350284830082E-2</v>
      </c>
      <c r="I76" s="176">
        <v>299</v>
      </c>
      <c r="J76" s="179">
        <v>0.17643502883580597</v>
      </c>
      <c r="K76" s="92">
        <v>4.4209472805506037E-2</v>
      </c>
      <c r="L76" s="179">
        <v>0.22537655317605135</v>
      </c>
      <c r="M76" s="92">
        <v>4.8278626734448923E-2</v>
      </c>
      <c r="N76" s="179">
        <v>0.59818841798814293</v>
      </c>
      <c r="O76" s="92">
        <v>5.6359513279691069E-2</v>
      </c>
      <c r="P76" s="176">
        <v>300</v>
      </c>
      <c r="Q76" s="179">
        <v>0.28799588532246173</v>
      </c>
      <c r="R76" s="92">
        <v>5.2091677364350185E-2</v>
      </c>
      <c r="S76" s="179">
        <v>0.20968165324849281</v>
      </c>
      <c r="T76" s="92">
        <v>4.7004854850617783E-2</v>
      </c>
      <c r="U76" s="179">
        <v>0.50232246142904546</v>
      </c>
      <c r="V76" s="92">
        <v>5.735333092491509E-2</v>
      </c>
    </row>
    <row r="77" spans="1:22">
      <c r="A77" s="47" t="s">
        <v>624</v>
      </c>
      <c r="B77" s="177">
        <v>319</v>
      </c>
      <c r="C77" s="180">
        <v>0.19340751778616055</v>
      </c>
      <c r="D77" s="95">
        <v>4.4278150018113034E-2</v>
      </c>
      <c r="E77" s="180">
        <v>0.20405579804585913</v>
      </c>
      <c r="F77" s="95">
        <v>4.5144807967858656E-2</v>
      </c>
      <c r="G77" s="180">
        <v>0.60253668416798145</v>
      </c>
      <c r="H77" s="95">
        <v>5.4488334197143752E-2</v>
      </c>
      <c r="I77" s="177">
        <v>314</v>
      </c>
      <c r="J77" s="180">
        <v>0.21758887751009998</v>
      </c>
      <c r="K77" s="95">
        <v>4.654581567600475E-2</v>
      </c>
      <c r="L77" s="180">
        <v>0.14899720037412084</v>
      </c>
      <c r="M77" s="95">
        <v>4.0418718335508155E-2</v>
      </c>
      <c r="N77" s="180">
        <v>0.63341392211578007</v>
      </c>
      <c r="O77" s="95">
        <v>5.4095848972871272E-2</v>
      </c>
      <c r="P77" s="177">
        <v>316</v>
      </c>
      <c r="Q77" s="180">
        <v>0.27251419604932631</v>
      </c>
      <c r="R77" s="95">
        <v>4.9941949785607231E-2</v>
      </c>
      <c r="S77" s="180">
        <v>0.21552709548786406</v>
      </c>
      <c r="T77" s="95">
        <v>4.6244681170953254E-2</v>
      </c>
      <c r="U77" s="180">
        <v>0.51195870846281111</v>
      </c>
      <c r="V77" s="95">
        <v>5.5886105408028387E-2</v>
      </c>
    </row>
    <row r="78" spans="1:22">
      <c r="A78" s="55" t="s">
        <v>625</v>
      </c>
      <c r="B78" s="176">
        <v>1197</v>
      </c>
      <c r="C78" s="179">
        <v>0.21639394147004573</v>
      </c>
      <c r="D78" s="92">
        <v>2.3802019999856382E-2</v>
      </c>
      <c r="E78" s="179">
        <v>0.19387352464196136</v>
      </c>
      <c r="F78" s="92">
        <v>2.2860382631232152E-2</v>
      </c>
      <c r="G78" s="179">
        <v>0.58973253388799363</v>
      </c>
      <c r="H78" s="92">
        <v>2.8390146046874655E-2</v>
      </c>
      <c r="I78" s="176">
        <v>1184</v>
      </c>
      <c r="J78" s="179">
        <v>0.20641628493683811</v>
      </c>
      <c r="K78" s="92">
        <v>2.3526476136025126E-2</v>
      </c>
      <c r="L78" s="179">
        <v>0.2008845940299149</v>
      </c>
      <c r="M78" s="92">
        <v>2.3292276387359982E-2</v>
      </c>
      <c r="N78" s="179">
        <v>0.5926991210332474</v>
      </c>
      <c r="O78" s="92">
        <v>2.8513369875799076E-2</v>
      </c>
      <c r="P78" s="176">
        <v>1195</v>
      </c>
      <c r="Q78" s="179">
        <v>0.2774926155772745</v>
      </c>
      <c r="R78" s="92">
        <v>2.5883568886748733E-2</v>
      </c>
      <c r="S78" s="179">
        <v>0.17508263898081453</v>
      </c>
      <c r="T78" s="92">
        <v>2.2004012761857553E-2</v>
      </c>
      <c r="U78" s="179">
        <v>0.54742474544191144</v>
      </c>
      <c r="V78" s="92">
        <v>2.8750218480463937E-2</v>
      </c>
    </row>
    <row r="79" spans="1:22">
      <c r="A79" s="47" t="s">
        <v>626</v>
      </c>
      <c r="B79" s="177">
        <v>1180</v>
      </c>
      <c r="C79" s="180">
        <v>0.20008943211864566</v>
      </c>
      <c r="D79" s="95">
        <v>2.3297457397757276E-2</v>
      </c>
      <c r="E79" s="180">
        <v>0.18455855753008585</v>
      </c>
      <c r="F79" s="95">
        <v>2.2598723379137996E-2</v>
      </c>
      <c r="G79" s="180">
        <v>0.61535201035126907</v>
      </c>
      <c r="H79" s="95">
        <v>2.8283295843019664E-2</v>
      </c>
      <c r="I79" s="177">
        <v>1167</v>
      </c>
      <c r="J79" s="180">
        <v>0.21155989564836084</v>
      </c>
      <c r="K79" s="95">
        <v>2.3910573698236463E-2</v>
      </c>
      <c r="L79" s="180">
        <v>0.17705555058821884</v>
      </c>
      <c r="M79" s="95">
        <v>2.2363977075468913E-2</v>
      </c>
      <c r="N79" s="180">
        <v>0.61138455376342005</v>
      </c>
      <c r="O79" s="95">
        <v>2.849352151187149E-2</v>
      </c>
      <c r="P79" s="177">
        <v>1179</v>
      </c>
      <c r="Q79" s="180">
        <v>0.29524656487168111</v>
      </c>
      <c r="R79" s="95">
        <v>2.6542621811821564E-2</v>
      </c>
      <c r="S79" s="180">
        <v>0.17835756314995965</v>
      </c>
      <c r="T79" s="95">
        <v>2.2312963642855142E-2</v>
      </c>
      <c r="U79" s="180">
        <v>0.52639587197835935</v>
      </c>
      <c r="V79" s="95">
        <v>2.9033921436678666E-2</v>
      </c>
    </row>
    <row r="80" spans="1:22">
      <c r="A80" s="55" t="s">
        <v>627</v>
      </c>
      <c r="B80" s="176">
        <v>345</v>
      </c>
      <c r="C80" s="179">
        <v>0.17183513204829956</v>
      </c>
      <c r="D80" s="92">
        <v>4.0732865361459217E-2</v>
      </c>
      <c r="E80" s="179">
        <v>0.18860283402289568</v>
      </c>
      <c r="F80" s="92">
        <v>4.2181465497624103E-2</v>
      </c>
      <c r="G80" s="179">
        <v>0.63956203392880251</v>
      </c>
      <c r="H80" s="92">
        <v>5.1450742251779709E-2</v>
      </c>
      <c r="I80" s="176">
        <v>339</v>
      </c>
      <c r="J80" s="179">
        <v>0.18972336361225395</v>
      </c>
      <c r="K80" s="92">
        <v>4.2647202490524207E-2</v>
      </c>
      <c r="L80" s="179">
        <v>0.20180727379651986</v>
      </c>
      <c r="M80" s="92">
        <v>4.3618130276752896E-2</v>
      </c>
      <c r="N80" s="179">
        <v>0.60846936259122342</v>
      </c>
      <c r="O80" s="92">
        <v>5.2739219109849619E-2</v>
      </c>
      <c r="P80" s="176">
        <v>343</v>
      </c>
      <c r="Q80" s="179">
        <v>0.31793743500323557</v>
      </c>
      <c r="R80" s="92">
        <v>5.0085000798335118E-2</v>
      </c>
      <c r="S80" s="179">
        <v>0.15296375528608552</v>
      </c>
      <c r="T80" s="92">
        <v>3.9056070158554522E-2</v>
      </c>
      <c r="U80" s="179">
        <v>0.52909880971067569</v>
      </c>
      <c r="V80" s="92">
        <v>5.3593912097617921E-2</v>
      </c>
    </row>
    <row r="81" spans="1:22">
      <c r="A81" s="47" t="s">
        <v>628</v>
      </c>
      <c r="B81" s="177">
        <v>835</v>
      </c>
      <c r="C81" s="180">
        <v>0.21700708199042273</v>
      </c>
      <c r="D81" s="95">
        <v>2.852569770254184E-2</v>
      </c>
      <c r="E81" s="180">
        <v>0.18213699148457535</v>
      </c>
      <c r="F81" s="95">
        <v>2.673529041312463E-2</v>
      </c>
      <c r="G81" s="180">
        <v>0.60085592652500164</v>
      </c>
      <c r="H81" s="95">
        <v>3.3821013966337854E-2</v>
      </c>
      <c r="I81" s="177">
        <v>828</v>
      </c>
      <c r="J81" s="180">
        <v>0.22446551212740204</v>
      </c>
      <c r="K81" s="95">
        <v>2.8990132939214135E-2</v>
      </c>
      <c r="L81" s="180">
        <v>0.16242702594916339</v>
      </c>
      <c r="M81" s="95">
        <v>2.5677135455184134E-2</v>
      </c>
      <c r="N81" s="180">
        <v>0.61310746192343413</v>
      </c>
      <c r="O81" s="95">
        <v>3.3778792478700838E-2</v>
      </c>
      <c r="P81" s="177">
        <v>836</v>
      </c>
      <c r="Q81" s="180">
        <v>0.28175539898396557</v>
      </c>
      <c r="R81" s="95">
        <v>3.1077617105150345E-2</v>
      </c>
      <c r="S81" s="180">
        <v>0.19345579748059744</v>
      </c>
      <c r="T81" s="95">
        <v>2.7335958112929701E-2</v>
      </c>
      <c r="U81" s="180">
        <v>0.52478880353543678</v>
      </c>
      <c r="V81" s="95">
        <v>3.44612517751662E-2</v>
      </c>
    </row>
    <row r="82" spans="1:22">
      <c r="A82" s="55" t="s">
        <v>629</v>
      </c>
      <c r="B82" s="176">
        <v>217</v>
      </c>
      <c r="C82" s="179">
        <v>0.26788046341940702</v>
      </c>
      <c r="D82" s="92">
        <v>5.9872150144787389E-2</v>
      </c>
      <c r="E82" s="179">
        <v>0.19392776966581796</v>
      </c>
      <c r="F82" s="92">
        <v>5.3760023097317339E-2</v>
      </c>
      <c r="G82" s="179">
        <v>0.53819176691477499</v>
      </c>
      <c r="H82" s="92">
        <v>6.7077818185027546E-2</v>
      </c>
      <c r="I82" s="176">
        <v>217</v>
      </c>
      <c r="J82" s="179">
        <v>0.17463536035064611</v>
      </c>
      <c r="K82" s="92">
        <v>5.1745161398844892E-2</v>
      </c>
      <c r="L82" s="179">
        <v>0.22016091465123291</v>
      </c>
      <c r="M82" s="92">
        <v>5.6199254514287977E-2</v>
      </c>
      <c r="N82" s="179">
        <v>0.6052037249981207</v>
      </c>
      <c r="O82" s="92">
        <v>6.5816032609457314E-2</v>
      </c>
      <c r="P82" s="176">
        <v>215</v>
      </c>
      <c r="Q82" s="179">
        <v>0.32205508908443448</v>
      </c>
      <c r="R82" s="92">
        <v>6.3315075771644455E-2</v>
      </c>
      <c r="S82" s="179">
        <v>0.17913830358407865</v>
      </c>
      <c r="T82" s="92">
        <v>5.2477303369322097E-2</v>
      </c>
      <c r="U82" s="179">
        <v>0.4988066073314868</v>
      </c>
      <c r="V82" s="92">
        <v>6.7573552331388065E-2</v>
      </c>
    </row>
    <row r="83" spans="1:22">
      <c r="A83" s="47" t="s">
        <v>630</v>
      </c>
      <c r="B83" s="177">
        <v>391</v>
      </c>
      <c r="C83" s="180">
        <v>0.20361826768395758</v>
      </c>
      <c r="D83" s="95">
        <v>4.0743463171636546E-2</v>
      </c>
      <c r="E83" s="180">
        <v>0.20077884055532064</v>
      </c>
      <c r="F83" s="95">
        <v>4.0537009064936048E-2</v>
      </c>
      <c r="G83" s="180">
        <v>0.59560289176072301</v>
      </c>
      <c r="H83" s="95">
        <v>4.9406017362259635E-2</v>
      </c>
      <c r="I83" s="177">
        <v>385</v>
      </c>
      <c r="J83" s="180">
        <v>0.21848607205934517</v>
      </c>
      <c r="K83" s="95">
        <v>4.2100546896522942E-2</v>
      </c>
      <c r="L83" s="180">
        <v>0.18582061792640714</v>
      </c>
      <c r="M83" s="95">
        <v>3.9704678130407851E-2</v>
      </c>
      <c r="N83" s="180">
        <v>0.59569331001424908</v>
      </c>
      <c r="O83" s="95">
        <v>4.9784124750251894E-2</v>
      </c>
      <c r="P83" s="177">
        <v>390</v>
      </c>
      <c r="Q83" s="180">
        <v>0.2912566643340268</v>
      </c>
      <c r="R83" s="95">
        <v>4.5876293107023604E-2</v>
      </c>
      <c r="S83" s="180">
        <v>0.19332960510902436</v>
      </c>
      <c r="T83" s="95">
        <v>4.0032113239079299E-2</v>
      </c>
      <c r="U83" s="180">
        <v>0.51541373055695072</v>
      </c>
      <c r="V83" s="95">
        <v>5.035581179136852E-2</v>
      </c>
    </row>
    <row r="84" spans="1:22">
      <c r="A84" s="55" t="s">
        <v>631</v>
      </c>
      <c r="B84" s="176">
        <v>56</v>
      </c>
      <c r="C84" s="179">
        <v>0.1475586481984329</v>
      </c>
      <c r="D84" s="92">
        <v>9.7226544666674936E-2</v>
      </c>
      <c r="E84" s="179">
        <v>0.21307189791484721</v>
      </c>
      <c r="F84" s="92">
        <v>0.10902091378001873</v>
      </c>
      <c r="G84" s="179">
        <v>0.63936945388672017</v>
      </c>
      <c r="H84" s="92">
        <v>0.12465410090369948</v>
      </c>
      <c r="I84" s="176">
        <v>54</v>
      </c>
      <c r="J84" s="179">
        <v>0.23749955782797463</v>
      </c>
      <c r="K84" s="92">
        <v>0.1145516369876879</v>
      </c>
      <c r="L84" s="179">
        <v>0.19584516043913186</v>
      </c>
      <c r="M84" s="92">
        <v>0.10821748718899568</v>
      </c>
      <c r="N84" s="179">
        <v>0.56665528173289392</v>
      </c>
      <c r="O84" s="92">
        <v>0.13029112210480567</v>
      </c>
      <c r="P84" s="176">
        <v>56</v>
      </c>
      <c r="Q84" s="179">
        <v>0.30180094804785385</v>
      </c>
      <c r="R84" s="92">
        <v>0.11993894572481514</v>
      </c>
      <c r="S84" s="179">
        <v>0.10534935572938446</v>
      </c>
      <c r="T84" s="92">
        <v>8.7302234190494751E-2</v>
      </c>
      <c r="U84" s="179">
        <v>0.59284969622276185</v>
      </c>
      <c r="V84" s="92">
        <v>0.12714561036872796</v>
      </c>
    </row>
    <row r="85" spans="1:22">
      <c r="A85" s="47" t="s">
        <v>632</v>
      </c>
      <c r="B85" s="177">
        <v>335</v>
      </c>
      <c r="C85" s="180">
        <v>0.21959472113195211</v>
      </c>
      <c r="D85" s="95">
        <v>4.5209109675882583E-2</v>
      </c>
      <c r="E85" s="180">
        <v>0.19727543720652108</v>
      </c>
      <c r="F85" s="95">
        <v>4.351892098158526E-2</v>
      </c>
      <c r="G85" s="180">
        <v>0.58312984166152837</v>
      </c>
      <c r="H85" s="95">
        <v>5.3574478647049673E-2</v>
      </c>
      <c r="I85" s="177">
        <v>331</v>
      </c>
      <c r="J85" s="180">
        <v>0.21322645623581093</v>
      </c>
      <c r="K85" s="95">
        <v>4.5015835050484683E-2</v>
      </c>
      <c r="L85" s="180">
        <v>0.18304757341130762</v>
      </c>
      <c r="M85" s="95">
        <v>4.259154900145725E-2</v>
      </c>
      <c r="N85" s="180">
        <v>0.60372597035288333</v>
      </c>
      <c r="O85" s="95">
        <v>5.3475766287195643E-2</v>
      </c>
      <c r="P85" s="177">
        <v>334</v>
      </c>
      <c r="Q85" s="180">
        <v>0.2882357488194035</v>
      </c>
      <c r="R85" s="95">
        <v>4.9400071895462978E-2</v>
      </c>
      <c r="S85" s="180">
        <v>0.21853576491510221</v>
      </c>
      <c r="T85" s="95">
        <v>4.5200653092899681E-2</v>
      </c>
      <c r="U85" s="180">
        <v>0.49322848626549631</v>
      </c>
      <c r="V85" s="95">
        <v>5.4387958276920348E-2</v>
      </c>
    </row>
    <row r="86" spans="1:22">
      <c r="A86" s="55" t="s">
        <v>633</v>
      </c>
      <c r="B86" s="176">
        <v>666</v>
      </c>
      <c r="C86" s="179">
        <v>0.20343720615787364</v>
      </c>
      <c r="D86" s="92">
        <v>3.120443115541173E-2</v>
      </c>
      <c r="E86" s="179">
        <v>0.19567623460741626</v>
      </c>
      <c r="F86" s="92">
        <v>3.0760468055538177E-2</v>
      </c>
      <c r="G86" s="179">
        <v>0.60088655923470879</v>
      </c>
      <c r="H86" s="92">
        <v>3.7848328019022853E-2</v>
      </c>
      <c r="I86" s="176">
        <v>658</v>
      </c>
      <c r="J86" s="179">
        <v>0.19083600301789738</v>
      </c>
      <c r="K86" s="92">
        <v>3.0659341327770984E-2</v>
      </c>
      <c r="L86" s="179">
        <v>0.20752055288713289</v>
      </c>
      <c r="M86" s="92">
        <v>3.1621478889667452E-2</v>
      </c>
      <c r="N86" s="179">
        <v>0.60164344409496817</v>
      </c>
      <c r="O86" s="92">
        <v>3.8064429693928148E-2</v>
      </c>
      <c r="P86" s="176">
        <v>665</v>
      </c>
      <c r="Q86" s="179">
        <v>0.26697397544448942</v>
      </c>
      <c r="R86" s="92">
        <v>3.4263227203406611E-2</v>
      </c>
      <c r="S86" s="179">
        <v>0.19202948205075518</v>
      </c>
      <c r="T86" s="92">
        <v>3.0568597645602647E-2</v>
      </c>
      <c r="U86" s="179">
        <v>0.54099654250475337</v>
      </c>
      <c r="V86" s="92">
        <v>3.8533608623591988E-2</v>
      </c>
    </row>
    <row r="87" spans="1:22">
      <c r="A87" s="47" t="s">
        <v>634</v>
      </c>
      <c r="B87" s="177">
        <v>610</v>
      </c>
      <c r="C87" s="180">
        <v>0.1906512778642071</v>
      </c>
      <c r="D87" s="95">
        <v>3.1832846037147124E-2</v>
      </c>
      <c r="E87" s="180">
        <v>0.19018666022505951</v>
      </c>
      <c r="F87" s="95">
        <v>3.1803778553037947E-2</v>
      </c>
      <c r="G87" s="180">
        <v>0.61916206191073364</v>
      </c>
      <c r="H87" s="95">
        <v>3.9209186867647058E-2</v>
      </c>
      <c r="I87" s="177">
        <v>605</v>
      </c>
      <c r="J87" s="180">
        <v>0.19627378290705677</v>
      </c>
      <c r="K87" s="95">
        <v>3.2311926245683915E-2</v>
      </c>
      <c r="L87" s="180">
        <v>0.17916480692306919</v>
      </c>
      <c r="M87" s="95">
        <v>3.1221705747738318E-2</v>
      </c>
      <c r="N87" s="180">
        <v>0.62456141016987399</v>
      </c>
      <c r="O87" s="95">
        <v>3.9261458008121676E-2</v>
      </c>
      <c r="P87" s="177">
        <v>609</v>
      </c>
      <c r="Q87" s="180">
        <v>0.29322934907442166</v>
      </c>
      <c r="R87" s="95">
        <v>3.6823466072857698E-2</v>
      </c>
      <c r="S87" s="180">
        <v>0.17680460087856495</v>
      </c>
      <c r="T87" s="95">
        <v>3.0961059288087536E-2</v>
      </c>
      <c r="U87" s="180">
        <v>0.52996605004701391</v>
      </c>
      <c r="V87" s="95">
        <v>4.0317962719023916E-2</v>
      </c>
    </row>
    <row r="88" spans="1:22">
      <c r="A88" s="55" t="s">
        <v>635</v>
      </c>
      <c r="B88" s="176">
        <v>227</v>
      </c>
      <c r="C88" s="179">
        <v>0.17573043300303248</v>
      </c>
      <c r="D88" s="92">
        <v>5.0702306365432603E-2</v>
      </c>
      <c r="E88" s="179">
        <v>0.18024684003621338</v>
      </c>
      <c r="F88" s="92">
        <v>5.1179695537849713E-2</v>
      </c>
      <c r="G88" s="179">
        <v>0.64402272696075369</v>
      </c>
      <c r="H88" s="92">
        <v>6.310433758854235E-2</v>
      </c>
      <c r="I88" s="176">
        <v>224</v>
      </c>
      <c r="J88" s="179">
        <v>0.18024831391547033</v>
      </c>
      <c r="K88" s="92">
        <v>5.1523253002628278E-2</v>
      </c>
      <c r="L88" s="179">
        <v>0.19615667830323186</v>
      </c>
      <c r="M88" s="92">
        <v>5.3128468231181523E-2</v>
      </c>
      <c r="N88" s="179">
        <v>0.62359500778129762</v>
      </c>
      <c r="O88" s="92">
        <v>6.4243992519426724E-2</v>
      </c>
      <c r="P88" s="176">
        <v>225</v>
      </c>
      <c r="Q88" s="179">
        <v>0.32942727570030461</v>
      </c>
      <c r="R88" s="92">
        <v>6.2259141458142632E-2</v>
      </c>
      <c r="S88" s="179">
        <v>0.16744488115701917</v>
      </c>
      <c r="T88" s="92">
        <v>5.0019534730106001E-2</v>
      </c>
      <c r="U88" s="179">
        <v>0.50312784314267622</v>
      </c>
      <c r="V88" s="92">
        <v>6.6080611799002986E-2</v>
      </c>
    </row>
    <row r="89" spans="1:22">
      <c r="A89" s="47" t="s">
        <v>636</v>
      </c>
      <c r="B89" s="177">
        <v>383</v>
      </c>
      <c r="C89" s="180">
        <v>0.20333120157146059</v>
      </c>
      <c r="D89" s="95">
        <v>4.1146062238805563E-2</v>
      </c>
      <c r="E89" s="180">
        <v>0.19863364582346521</v>
      </c>
      <c r="F89" s="95">
        <v>4.0799005500383505E-2</v>
      </c>
      <c r="G89" s="180">
        <v>0.59803515260507645</v>
      </c>
      <c r="H89" s="95">
        <v>4.9866670487000983E-2</v>
      </c>
      <c r="I89" s="177">
        <v>381</v>
      </c>
      <c r="J89" s="180">
        <v>0.20972724384638231</v>
      </c>
      <c r="K89" s="95">
        <v>4.1714359932548857E-2</v>
      </c>
      <c r="L89" s="180">
        <v>0.16490004637103323</v>
      </c>
      <c r="M89" s="95">
        <v>3.8142486064182003E-2</v>
      </c>
      <c r="N89" s="180">
        <v>0.6253727097825863</v>
      </c>
      <c r="O89" s="95">
        <v>4.9370752297670566E-2</v>
      </c>
      <c r="P89" s="177">
        <v>384</v>
      </c>
      <c r="Q89" s="180">
        <v>0.26280993413204012</v>
      </c>
      <c r="R89" s="95">
        <v>4.4824385319811852E-2</v>
      </c>
      <c r="S89" s="180">
        <v>0.18467016734862121</v>
      </c>
      <c r="T89" s="95">
        <v>3.9664402974923497E-2</v>
      </c>
      <c r="U89" s="180">
        <v>0.55251989851934113</v>
      </c>
      <c r="V89" s="95">
        <v>5.0492240915016341E-2</v>
      </c>
    </row>
    <row r="91" spans="1:22" ht="18.75">
      <c r="A91" s="343" t="s">
        <v>232</v>
      </c>
      <c r="B91" s="343"/>
      <c r="C91" s="343"/>
      <c r="D91" s="343"/>
    </row>
    <row r="92" spans="1:22" ht="112.5" customHeight="1">
      <c r="A92" s="403" t="s">
        <v>394</v>
      </c>
      <c r="B92" s="403"/>
      <c r="C92" s="403"/>
      <c r="D92" s="403"/>
    </row>
    <row r="93" spans="1:22" ht="39" customHeight="1">
      <c r="A93" s="401" t="s">
        <v>233</v>
      </c>
      <c r="B93" s="401"/>
      <c r="C93" s="401"/>
      <c r="D93" s="401"/>
    </row>
    <row r="94" spans="1:22" ht="39" customHeight="1">
      <c r="A94" s="35" t="s">
        <v>70</v>
      </c>
      <c r="B94" s="36" t="s">
        <v>71</v>
      </c>
      <c r="C94" s="37" t="s">
        <v>550</v>
      </c>
      <c r="D94" s="38" t="s">
        <v>72</v>
      </c>
    </row>
    <row r="95" spans="1:22" ht="72">
      <c r="A95" s="39"/>
      <c r="B95" s="40" t="s">
        <v>73</v>
      </c>
      <c r="C95" s="126" t="s">
        <v>133</v>
      </c>
      <c r="D95" s="42" t="s">
        <v>75</v>
      </c>
    </row>
    <row r="96" spans="1:22">
      <c r="A96" s="43" t="s">
        <v>348</v>
      </c>
      <c r="B96" s="181">
        <v>13917</v>
      </c>
      <c r="C96" s="82">
        <v>3.2074450421480307</v>
      </c>
      <c r="D96" s="83">
        <v>2.489005461921338E-2</v>
      </c>
    </row>
    <row r="97" spans="1:4">
      <c r="A97" s="47" t="s">
        <v>349</v>
      </c>
      <c r="B97" s="47">
        <v>10206</v>
      </c>
      <c r="C97" s="184">
        <v>3.3536985486791351</v>
      </c>
      <c r="D97" s="185">
        <v>2.8654610158544529E-2</v>
      </c>
    </row>
    <row r="98" spans="1:4">
      <c r="A98" s="43" t="s">
        <v>350</v>
      </c>
      <c r="B98" s="51">
        <v>3711</v>
      </c>
      <c r="C98" s="82">
        <v>3.0887609169298753</v>
      </c>
      <c r="D98" s="83">
        <v>4.8343121708030068E-2</v>
      </c>
    </row>
    <row r="99" spans="1:4">
      <c r="A99" s="47" t="s">
        <v>568</v>
      </c>
      <c r="B99" s="47">
        <v>11543</v>
      </c>
      <c r="C99" s="184">
        <v>3.203056432306322</v>
      </c>
      <c r="D99" s="185">
        <v>2.7127246830765242E-2</v>
      </c>
    </row>
    <row r="100" spans="1:4">
      <c r="A100" s="43" t="s">
        <v>569</v>
      </c>
      <c r="B100" s="51">
        <v>2374</v>
      </c>
      <c r="C100" s="82">
        <v>3.7630553794877817</v>
      </c>
      <c r="D100" s="83">
        <v>6.0654708730734398E-2</v>
      </c>
    </row>
    <row r="101" spans="1:4">
      <c r="A101" s="47" t="s">
        <v>570</v>
      </c>
      <c r="B101" s="47">
        <v>607</v>
      </c>
      <c r="C101" s="184">
        <v>3.6263981993428516</v>
      </c>
      <c r="D101" s="185">
        <v>0.11644945278301899</v>
      </c>
    </row>
    <row r="102" spans="1:4">
      <c r="A102" s="43" t="s">
        <v>571</v>
      </c>
      <c r="B102" s="51">
        <v>1277</v>
      </c>
      <c r="C102" s="82">
        <v>3.5421056014551677</v>
      </c>
      <c r="D102" s="83">
        <v>8.2893596841414965E-2</v>
      </c>
    </row>
    <row r="103" spans="1:4">
      <c r="A103" s="47" t="s">
        <v>582</v>
      </c>
      <c r="B103" s="47">
        <v>869</v>
      </c>
      <c r="C103" s="184">
        <v>3.8964069174688398</v>
      </c>
      <c r="D103" s="185">
        <v>0.10190952538749672</v>
      </c>
    </row>
    <row r="104" spans="1:4">
      <c r="A104" s="43" t="s">
        <v>583</v>
      </c>
      <c r="B104" s="51">
        <v>1505</v>
      </c>
      <c r="C104" s="82">
        <v>3.7094204744264272</v>
      </c>
      <c r="D104" s="83">
        <v>7.533154216165118E-2</v>
      </c>
    </row>
    <row r="105" spans="1:4">
      <c r="A105" s="47" t="s">
        <v>572</v>
      </c>
      <c r="B105" s="47">
        <v>292</v>
      </c>
      <c r="C105" s="184">
        <v>4.3808663693824066</v>
      </c>
      <c r="D105" s="185">
        <v>0.17496602877589829</v>
      </c>
    </row>
    <row r="106" spans="1:4">
      <c r="A106" s="43" t="s">
        <v>573</v>
      </c>
      <c r="B106" s="181">
        <v>449</v>
      </c>
      <c r="C106" s="82">
        <v>3.7252067801442612</v>
      </c>
      <c r="D106" s="83">
        <v>0.13784201600701457</v>
      </c>
    </row>
    <row r="107" spans="1:4">
      <c r="A107" s="47" t="s">
        <v>574</v>
      </c>
      <c r="B107" s="183">
        <v>674</v>
      </c>
      <c r="C107" s="184">
        <v>3.6632036617454062</v>
      </c>
      <c r="D107" s="185">
        <v>0.11040388590381429</v>
      </c>
    </row>
    <row r="108" spans="1:4">
      <c r="A108" s="43" t="s">
        <v>575</v>
      </c>
      <c r="B108" s="81">
        <v>934</v>
      </c>
      <c r="C108" s="82">
        <v>3.4554552386090589</v>
      </c>
      <c r="D108" s="83">
        <v>9.5540721037882623E-2</v>
      </c>
    </row>
    <row r="109" spans="1:4">
      <c r="A109" s="47" t="s">
        <v>576</v>
      </c>
      <c r="B109" s="183">
        <v>755</v>
      </c>
      <c r="C109" s="184">
        <v>3.748006136514098</v>
      </c>
      <c r="D109" s="185">
        <v>0.11057234063181999</v>
      </c>
    </row>
    <row r="110" spans="1:4">
      <c r="A110" s="55" t="s">
        <v>577</v>
      </c>
      <c r="B110" s="181">
        <v>769</v>
      </c>
      <c r="C110" s="82">
        <v>3.7337621262401273</v>
      </c>
      <c r="D110" s="83">
        <v>0.10236314800115501</v>
      </c>
    </row>
    <row r="111" spans="1:4">
      <c r="A111" s="47" t="s">
        <v>578</v>
      </c>
      <c r="B111" s="183">
        <v>258</v>
      </c>
      <c r="C111" s="184">
        <v>3.6962300574927109</v>
      </c>
      <c r="D111" s="185">
        <v>0.18617387737127986</v>
      </c>
    </row>
    <row r="112" spans="1:4">
      <c r="A112" s="55" t="s">
        <v>579</v>
      </c>
      <c r="B112" s="181">
        <v>221</v>
      </c>
      <c r="C112" s="82">
        <v>3.70454499116047</v>
      </c>
      <c r="D112" s="83">
        <v>0.17940378863088471</v>
      </c>
    </row>
    <row r="113" spans="1:30">
      <c r="A113" s="47" t="s">
        <v>580</v>
      </c>
      <c r="B113" s="183">
        <v>220</v>
      </c>
      <c r="C113" s="184">
        <v>4.1608227504332307</v>
      </c>
      <c r="D113" s="185">
        <v>0.20787626952950841</v>
      </c>
    </row>
    <row r="114" spans="1:30">
      <c r="A114" s="55" t="s">
        <v>581</v>
      </c>
      <c r="B114" s="181">
        <v>123</v>
      </c>
      <c r="C114" s="82">
        <v>3.6897645578885778</v>
      </c>
      <c r="D114" s="83">
        <v>0.27855311896333373</v>
      </c>
    </row>
    <row r="115" spans="1:30">
      <c r="A115" s="47" t="s">
        <v>584</v>
      </c>
      <c r="B115" s="183">
        <v>114</v>
      </c>
      <c r="C115" s="184">
        <v>4.4526445208903223</v>
      </c>
      <c r="D115" s="185">
        <v>0.29660647892230391</v>
      </c>
      <c r="P115" s="248"/>
      <c r="Q115" s="248"/>
      <c r="R115" s="248"/>
      <c r="S115" s="248"/>
      <c r="T115" s="248"/>
      <c r="U115" s="248"/>
      <c r="V115" s="248"/>
      <c r="W115" s="248"/>
      <c r="X115" s="248"/>
      <c r="Y115" s="248"/>
      <c r="Z115" s="248"/>
      <c r="AA115" s="248"/>
      <c r="AB115" s="248"/>
      <c r="AC115" s="248"/>
      <c r="AD115" s="248"/>
    </row>
    <row r="116" spans="1:30">
      <c r="A116" s="55" t="s">
        <v>585</v>
      </c>
      <c r="B116" s="181">
        <v>2260</v>
      </c>
      <c r="C116" s="82">
        <v>3.6425061706836925</v>
      </c>
      <c r="D116" s="83">
        <v>6.1559150121951227E-2</v>
      </c>
      <c r="P116" s="248"/>
      <c r="Q116" s="248"/>
      <c r="R116" s="248"/>
      <c r="S116" s="248"/>
      <c r="T116" s="248"/>
      <c r="U116" s="248"/>
      <c r="V116" s="248"/>
      <c r="W116" s="248"/>
      <c r="X116" s="248"/>
      <c r="Y116" s="248"/>
      <c r="Z116" s="248"/>
      <c r="AA116" s="248"/>
      <c r="AB116" s="248"/>
      <c r="AC116" s="248"/>
      <c r="AD116" s="248"/>
    </row>
    <row r="117" spans="1:30">
      <c r="A117" s="47" t="s">
        <v>620</v>
      </c>
      <c r="B117" s="183">
        <v>156</v>
      </c>
      <c r="C117" s="184">
        <v>3.6174936541608558</v>
      </c>
      <c r="D117" s="185">
        <v>0.24154513604664316</v>
      </c>
      <c r="P117" s="248"/>
      <c r="Q117" s="248"/>
      <c r="R117" s="248"/>
      <c r="S117" s="248"/>
      <c r="T117" s="248"/>
      <c r="U117" s="248"/>
      <c r="V117" s="248"/>
      <c r="W117" s="248"/>
      <c r="X117" s="248"/>
      <c r="Y117" s="248"/>
      <c r="Z117" s="248"/>
      <c r="AA117" s="248"/>
      <c r="AB117" s="248"/>
      <c r="AC117" s="248"/>
      <c r="AD117" s="248"/>
    </row>
    <row r="118" spans="1:30">
      <c r="A118" s="55" t="s">
        <v>621</v>
      </c>
      <c r="B118" s="181">
        <v>163</v>
      </c>
      <c r="C118" s="82">
        <v>3.3285309229680258</v>
      </c>
      <c r="D118" s="83">
        <v>0.21900847097943441</v>
      </c>
      <c r="P118" s="248"/>
      <c r="Q118" s="248"/>
      <c r="R118" s="248"/>
      <c r="S118" s="248"/>
      <c r="T118" s="248"/>
      <c r="U118" s="248"/>
      <c r="V118" s="248"/>
      <c r="W118" s="248"/>
      <c r="X118" s="248"/>
      <c r="Y118" s="248"/>
      <c r="Z118" s="248"/>
      <c r="AA118" s="248"/>
      <c r="AB118" s="248"/>
      <c r="AC118" s="248"/>
      <c r="AD118" s="248"/>
    </row>
    <row r="119" spans="1:30">
      <c r="A119" s="47" t="s">
        <v>622</v>
      </c>
      <c r="B119" s="183">
        <v>992</v>
      </c>
      <c r="C119" s="184">
        <v>3.6053299445012517</v>
      </c>
      <c r="D119" s="185">
        <v>9.2661464444897118E-2</v>
      </c>
      <c r="P119" s="248"/>
      <c r="Q119" s="248"/>
      <c r="R119" s="248"/>
      <c r="S119" s="248"/>
      <c r="T119" s="248"/>
      <c r="U119" s="248"/>
      <c r="V119" s="248"/>
      <c r="W119" s="248"/>
      <c r="X119" s="248"/>
      <c r="Y119" s="248"/>
      <c r="Z119" s="248"/>
      <c r="AA119" s="248"/>
      <c r="AB119" s="248"/>
      <c r="AC119" s="248"/>
      <c r="AD119" s="248"/>
    </row>
    <row r="120" spans="1:30">
      <c r="A120" s="55" t="s">
        <v>623</v>
      </c>
      <c r="B120" s="181">
        <v>302</v>
      </c>
      <c r="C120" s="82">
        <v>3.5629003580505167</v>
      </c>
      <c r="D120" s="83">
        <v>0.1650015678693216</v>
      </c>
      <c r="P120" s="248"/>
      <c r="Q120" s="248"/>
      <c r="R120" s="248"/>
      <c r="S120" s="248"/>
      <c r="T120" s="248"/>
      <c r="U120" s="248"/>
      <c r="V120" s="248"/>
      <c r="W120" s="248"/>
      <c r="X120" s="248"/>
      <c r="Y120" s="248"/>
      <c r="Z120" s="248"/>
      <c r="AA120" s="248"/>
      <c r="AB120" s="248"/>
      <c r="AC120" s="248"/>
      <c r="AD120" s="248"/>
    </row>
    <row r="121" spans="1:30">
      <c r="A121" s="47" t="s">
        <v>624</v>
      </c>
      <c r="B121" s="183">
        <v>319</v>
      </c>
      <c r="C121" s="184">
        <v>3.9153200292071255</v>
      </c>
      <c r="D121" s="185">
        <v>0.16859587929071948</v>
      </c>
      <c r="P121" s="248"/>
      <c r="Q121" s="248"/>
      <c r="R121" s="248"/>
      <c r="S121" s="248"/>
      <c r="T121" s="248"/>
      <c r="U121" s="248"/>
      <c r="V121" s="248"/>
      <c r="W121" s="248"/>
      <c r="X121" s="248"/>
      <c r="Y121" s="248"/>
      <c r="Z121" s="248"/>
      <c r="AA121" s="248"/>
      <c r="AB121" s="248"/>
      <c r="AC121" s="248"/>
      <c r="AD121" s="248"/>
    </row>
    <row r="122" spans="1:30">
      <c r="A122" s="55" t="s">
        <v>625</v>
      </c>
      <c r="B122" s="181">
        <v>1195</v>
      </c>
      <c r="C122" s="82">
        <v>3.7836240620386437</v>
      </c>
      <c r="D122" s="83">
        <v>8.4502249054638282E-2</v>
      </c>
      <c r="P122" s="248"/>
      <c r="Q122" s="248"/>
      <c r="R122" s="248"/>
      <c r="S122" s="248"/>
      <c r="T122" s="248"/>
      <c r="U122" s="248"/>
      <c r="V122" s="248"/>
      <c r="W122" s="248"/>
      <c r="X122" s="248"/>
      <c r="Y122" s="248"/>
      <c r="Z122" s="248"/>
      <c r="AA122" s="248"/>
      <c r="AB122" s="248"/>
      <c r="AC122" s="248"/>
      <c r="AD122" s="248"/>
    </row>
    <row r="123" spans="1:30">
      <c r="A123" s="47" t="s">
        <v>626</v>
      </c>
      <c r="B123" s="183">
        <v>1178</v>
      </c>
      <c r="C123" s="184">
        <v>3.717361286486089</v>
      </c>
      <c r="D123" s="185">
        <v>8.7136637056972582E-2</v>
      </c>
      <c r="P123" s="248"/>
      <c r="Q123" s="248"/>
      <c r="R123" s="248"/>
      <c r="S123" s="248"/>
      <c r="T123" s="248"/>
      <c r="U123" s="248"/>
      <c r="V123" s="248"/>
      <c r="W123" s="248"/>
      <c r="X123" s="248"/>
      <c r="Y123" s="248"/>
      <c r="Z123" s="248"/>
      <c r="AA123" s="248"/>
      <c r="AB123" s="248"/>
      <c r="AC123" s="248"/>
      <c r="AD123" s="248"/>
    </row>
    <row r="124" spans="1:30">
      <c r="A124" s="55" t="s">
        <v>627</v>
      </c>
      <c r="B124" s="181">
        <v>345</v>
      </c>
      <c r="C124" s="82">
        <v>3.5635374501944996</v>
      </c>
      <c r="D124" s="83">
        <v>0.1681822683207583</v>
      </c>
      <c r="P124" s="248"/>
      <c r="Q124" s="248"/>
      <c r="R124" s="248"/>
      <c r="S124" s="248"/>
      <c r="T124" s="248"/>
      <c r="U124" s="248"/>
      <c r="V124" s="248"/>
      <c r="W124" s="248"/>
      <c r="X124" s="248"/>
      <c r="Y124" s="248"/>
      <c r="Z124" s="248"/>
      <c r="AA124" s="248"/>
      <c r="AB124" s="248"/>
      <c r="AC124" s="248"/>
      <c r="AD124" s="248"/>
    </row>
    <row r="125" spans="1:30">
      <c r="A125" s="47" t="s">
        <v>628</v>
      </c>
      <c r="B125" s="183">
        <v>833</v>
      </c>
      <c r="C125" s="184">
        <v>3.8095613300549385</v>
      </c>
      <c r="D125" s="185">
        <v>0.10142066740040795</v>
      </c>
      <c r="P125" s="248"/>
      <c r="Q125" s="248"/>
      <c r="R125" s="248"/>
      <c r="S125" s="248"/>
      <c r="T125" s="248"/>
      <c r="U125" s="248"/>
      <c r="V125" s="248"/>
      <c r="W125" s="248"/>
      <c r="X125" s="248"/>
      <c r="Y125" s="248"/>
      <c r="Z125" s="248"/>
      <c r="AA125" s="248"/>
      <c r="AB125" s="248"/>
      <c r="AC125" s="248"/>
      <c r="AD125" s="248"/>
    </row>
    <row r="126" spans="1:30">
      <c r="A126" s="55" t="s">
        <v>629</v>
      </c>
      <c r="B126" s="181">
        <v>217</v>
      </c>
      <c r="C126" s="82">
        <v>3.622969437570938</v>
      </c>
      <c r="D126" s="83">
        <v>0.20445801785931819</v>
      </c>
      <c r="P126" s="248"/>
      <c r="Q126" s="248"/>
      <c r="R126" s="248"/>
      <c r="S126" s="248"/>
      <c r="T126" s="248"/>
      <c r="U126" s="248"/>
      <c r="V126" s="248"/>
      <c r="W126" s="248"/>
      <c r="X126" s="248"/>
      <c r="Y126" s="248"/>
      <c r="Z126" s="248"/>
      <c r="AA126" s="248"/>
      <c r="AB126" s="248"/>
      <c r="AC126" s="248"/>
      <c r="AD126" s="248"/>
    </row>
    <row r="127" spans="1:30">
      <c r="A127" s="47" t="s">
        <v>630</v>
      </c>
      <c r="B127" s="183">
        <v>390</v>
      </c>
      <c r="C127" s="184">
        <v>3.6306612526423314</v>
      </c>
      <c r="D127" s="185">
        <v>0.14122716366989999</v>
      </c>
      <c r="P127" s="248"/>
      <c r="Q127" s="248"/>
      <c r="R127" s="248"/>
      <c r="S127" s="248"/>
      <c r="T127" s="248"/>
      <c r="U127" s="248"/>
      <c r="V127" s="248"/>
      <c r="W127" s="248"/>
      <c r="X127" s="248"/>
      <c r="Y127" s="248"/>
      <c r="Z127" s="248"/>
      <c r="AA127" s="248"/>
      <c r="AB127" s="248"/>
      <c r="AC127" s="248"/>
      <c r="AD127" s="248"/>
    </row>
    <row r="128" spans="1:30">
      <c r="A128" s="55" t="s">
        <v>631</v>
      </c>
      <c r="B128" s="181">
        <v>56</v>
      </c>
      <c r="C128" s="82">
        <v>3.7334648955296479</v>
      </c>
      <c r="D128" s="83">
        <v>0.37324051876569475</v>
      </c>
      <c r="P128" s="248"/>
      <c r="Q128" s="248"/>
      <c r="R128" s="248"/>
      <c r="S128" s="248"/>
      <c r="T128" s="248"/>
      <c r="U128" s="248"/>
      <c r="V128" s="248"/>
      <c r="W128" s="248"/>
      <c r="X128" s="248"/>
      <c r="Y128" s="248"/>
      <c r="Z128" s="248"/>
      <c r="AA128" s="248"/>
      <c r="AB128" s="248"/>
      <c r="AC128" s="248"/>
      <c r="AD128" s="248"/>
    </row>
    <row r="129" spans="1:30">
      <c r="A129" s="47" t="s">
        <v>632</v>
      </c>
      <c r="B129" s="183">
        <v>334</v>
      </c>
      <c r="C129" s="184">
        <v>3.6012710220418178</v>
      </c>
      <c r="D129" s="185">
        <v>0.15274856563261091</v>
      </c>
      <c r="P129" s="248"/>
      <c r="Q129" s="248"/>
      <c r="R129" s="248"/>
      <c r="S129" s="248"/>
      <c r="T129" s="248"/>
      <c r="U129" s="248"/>
      <c r="V129" s="248"/>
      <c r="W129" s="248"/>
      <c r="X129" s="248"/>
      <c r="Y129" s="248"/>
      <c r="Z129" s="248"/>
      <c r="AA129" s="248"/>
      <c r="AB129" s="248"/>
      <c r="AC129" s="248"/>
      <c r="AD129" s="248"/>
    </row>
    <row r="130" spans="1:30">
      <c r="A130" s="55" t="s">
        <v>633</v>
      </c>
      <c r="B130" s="181">
        <v>666</v>
      </c>
      <c r="C130" s="82">
        <v>3.4747450426047428</v>
      </c>
      <c r="D130" s="83">
        <v>0.11126595109514875</v>
      </c>
      <c r="P130" s="248"/>
      <c r="Q130" s="248"/>
      <c r="R130" s="248"/>
      <c r="S130" s="248"/>
      <c r="T130" s="248"/>
      <c r="U130" s="248"/>
      <c r="V130" s="248"/>
      <c r="W130" s="248"/>
      <c r="X130" s="248"/>
      <c r="Y130" s="248"/>
      <c r="Z130" s="248"/>
      <c r="AA130" s="248"/>
      <c r="AB130" s="248"/>
      <c r="AC130" s="248"/>
      <c r="AD130" s="248"/>
    </row>
    <row r="131" spans="1:30">
      <c r="A131" s="47" t="s">
        <v>634</v>
      </c>
      <c r="B131" s="183">
        <v>611</v>
      </c>
      <c r="C131" s="184">
        <v>3.6578256488021093</v>
      </c>
      <c r="D131" s="185">
        <v>0.123742547119187</v>
      </c>
      <c r="P131" s="248"/>
      <c r="Q131" s="248"/>
      <c r="R131" s="248"/>
      <c r="S131" s="248"/>
      <c r="T131" s="248"/>
      <c r="U131" s="248"/>
      <c r="V131" s="248"/>
      <c r="W131" s="248"/>
      <c r="X131" s="248"/>
      <c r="Y131" s="248"/>
      <c r="Z131" s="248"/>
      <c r="AA131" s="248"/>
      <c r="AB131" s="248"/>
      <c r="AC131" s="248"/>
      <c r="AD131" s="248"/>
    </row>
    <row r="132" spans="1:30">
      <c r="A132" s="55" t="s">
        <v>635</v>
      </c>
      <c r="B132" s="181">
        <v>227</v>
      </c>
      <c r="C132" s="82">
        <v>3.4580974458290723</v>
      </c>
      <c r="D132" s="83">
        <v>0.20830094868545626</v>
      </c>
      <c r="P132" s="248"/>
      <c r="Q132" s="248"/>
      <c r="R132" s="248"/>
      <c r="S132" s="248"/>
      <c r="T132" s="248"/>
      <c r="U132" s="248"/>
      <c r="V132" s="248"/>
      <c r="W132" s="248"/>
      <c r="X132" s="248"/>
      <c r="Y132" s="248"/>
      <c r="Z132" s="248"/>
      <c r="AA132" s="248"/>
      <c r="AB132" s="248"/>
      <c r="AC132" s="248"/>
      <c r="AD132" s="248"/>
    </row>
    <row r="133" spans="1:30">
      <c r="A133" s="47" t="s">
        <v>636</v>
      </c>
      <c r="B133" s="183">
        <v>384</v>
      </c>
      <c r="C133" s="184">
        <v>3.826954703688318</v>
      </c>
      <c r="D133" s="185">
        <v>0.15221309417742787</v>
      </c>
      <c r="P133" s="248"/>
      <c r="Q133" s="248"/>
      <c r="R133" s="248"/>
      <c r="S133" s="248"/>
      <c r="T133" s="248"/>
      <c r="U133" s="248"/>
      <c r="V133" s="248"/>
      <c r="W133" s="248"/>
      <c r="X133" s="248"/>
      <c r="Y133" s="248"/>
      <c r="Z133" s="248"/>
      <c r="AA133" s="248"/>
      <c r="AB133" s="248"/>
      <c r="AC133" s="248"/>
      <c r="AD133" s="248"/>
    </row>
    <row r="134" spans="1:30">
      <c r="P134" s="248"/>
      <c r="Q134" s="248"/>
      <c r="R134" s="248"/>
      <c r="S134" s="248"/>
      <c r="T134" s="248"/>
      <c r="U134" s="248"/>
      <c r="V134" s="248"/>
      <c r="W134" s="248"/>
      <c r="X134" s="248"/>
      <c r="Y134" s="248"/>
      <c r="Z134" s="248"/>
      <c r="AA134" s="248"/>
      <c r="AB134" s="248"/>
      <c r="AC134" s="248"/>
      <c r="AD134" s="248"/>
    </row>
    <row r="135" spans="1:30" ht="18.75">
      <c r="A135" s="343" t="s">
        <v>46</v>
      </c>
      <c r="B135" s="343"/>
      <c r="C135" s="343"/>
      <c r="D135" s="343"/>
      <c r="E135" s="343"/>
      <c r="F135" s="343"/>
      <c r="G135" s="343"/>
      <c r="H135" s="343"/>
      <c r="I135" s="343"/>
      <c r="J135" s="343"/>
      <c r="K135" s="343"/>
      <c r="L135" s="343"/>
      <c r="M135" s="343"/>
      <c r="N135" s="343"/>
      <c r="O135" s="343"/>
      <c r="P135" s="343"/>
      <c r="Q135" s="343"/>
      <c r="R135" s="343"/>
      <c r="S135" s="343"/>
      <c r="T135" s="343"/>
      <c r="U135" s="343"/>
      <c r="V135" s="343"/>
      <c r="W135" s="230"/>
      <c r="X135" s="230"/>
      <c r="Y135" s="230"/>
      <c r="Z135" s="230"/>
      <c r="AA135" s="230"/>
      <c r="AB135" s="230"/>
      <c r="AC135" s="230"/>
      <c r="AD135" s="248"/>
    </row>
    <row r="136" spans="1:30" ht="38.25" customHeight="1">
      <c r="A136" s="409" t="s">
        <v>395</v>
      </c>
      <c r="B136" s="409"/>
      <c r="C136" s="409"/>
      <c r="D136" s="409"/>
      <c r="E136" s="409"/>
      <c r="F136" s="409"/>
      <c r="G136" s="409"/>
      <c r="H136" s="409"/>
      <c r="I136" s="409"/>
      <c r="J136" s="409"/>
      <c r="K136" s="409"/>
      <c r="L136" s="409"/>
      <c r="M136" s="409"/>
      <c r="N136" s="409"/>
      <c r="O136" s="409"/>
      <c r="P136" s="409"/>
      <c r="Q136" s="409"/>
      <c r="R136" s="409"/>
      <c r="S136" s="409"/>
      <c r="T136" s="409"/>
      <c r="U136" s="409"/>
      <c r="V136" s="409"/>
      <c r="W136" s="245"/>
      <c r="X136" s="245"/>
      <c r="Y136" s="245"/>
      <c r="Z136" s="245"/>
      <c r="AA136" s="245"/>
      <c r="AB136" s="245"/>
      <c r="AC136" s="245"/>
      <c r="AD136" s="248"/>
    </row>
    <row r="137" spans="1:30" ht="38.25" customHeight="1">
      <c r="A137" s="62"/>
      <c r="B137" s="349" t="s">
        <v>396</v>
      </c>
      <c r="C137" s="349"/>
      <c r="D137" s="349"/>
      <c r="E137" s="349"/>
      <c r="F137" s="349"/>
      <c r="G137" s="349"/>
      <c r="H137" s="349"/>
      <c r="I137" s="349" t="s">
        <v>216</v>
      </c>
      <c r="J137" s="349"/>
      <c r="K137" s="349"/>
      <c r="L137" s="349"/>
      <c r="M137" s="349"/>
      <c r="N137" s="349"/>
      <c r="O137" s="349"/>
      <c r="P137" s="404" t="s">
        <v>217</v>
      </c>
      <c r="Q137" s="405"/>
      <c r="R137" s="405"/>
      <c r="S137" s="405"/>
      <c r="T137" s="405"/>
      <c r="U137" s="405"/>
      <c r="V137" s="406"/>
    </row>
    <row r="138" spans="1:30" ht="72">
      <c r="A138" s="35" t="s">
        <v>70</v>
      </c>
      <c r="B138" s="36" t="s">
        <v>71</v>
      </c>
      <c r="C138" s="36" t="s">
        <v>179</v>
      </c>
      <c r="D138" s="87" t="s">
        <v>134</v>
      </c>
      <c r="E138" s="36" t="s">
        <v>180</v>
      </c>
      <c r="F138" s="87" t="s">
        <v>135</v>
      </c>
      <c r="G138" s="36" t="s">
        <v>181</v>
      </c>
      <c r="H138" s="87" t="s">
        <v>136</v>
      </c>
      <c r="I138" s="63" t="s">
        <v>71</v>
      </c>
      <c r="J138" s="63" t="s">
        <v>179</v>
      </c>
      <c r="K138" s="86" t="s">
        <v>134</v>
      </c>
      <c r="L138" s="63" t="s">
        <v>180</v>
      </c>
      <c r="M138" s="86" t="s">
        <v>135</v>
      </c>
      <c r="N138" s="63" t="s">
        <v>181</v>
      </c>
      <c r="O138" s="86" t="s">
        <v>136</v>
      </c>
      <c r="P138" s="36" t="s">
        <v>71</v>
      </c>
      <c r="Q138" s="36" t="s">
        <v>179</v>
      </c>
      <c r="R138" s="87" t="s">
        <v>134</v>
      </c>
      <c r="S138" s="36" t="s">
        <v>180</v>
      </c>
      <c r="T138" s="87" t="s">
        <v>135</v>
      </c>
      <c r="U138" s="36" t="s">
        <v>181</v>
      </c>
      <c r="V138" s="87" t="s">
        <v>136</v>
      </c>
    </row>
    <row r="139" spans="1:30" ht="72">
      <c r="A139" s="39"/>
      <c r="B139" s="40" t="s">
        <v>73</v>
      </c>
      <c r="C139" s="40" t="s">
        <v>158</v>
      </c>
      <c r="D139" s="89" t="s">
        <v>87</v>
      </c>
      <c r="E139" s="40" t="s">
        <v>159</v>
      </c>
      <c r="F139" s="89" t="s">
        <v>87</v>
      </c>
      <c r="G139" s="40" t="s">
        <v>160</v>
      </c>
      <c r="H139" s="89" t="s">
        <v>87</v>
      </c>
      <c r="I139" s="66" t="s">
        <v>73</v>
      </c>
      <c r="J139" s="66" t="s">
        <v>158</v>
      </c>
      <c r="K139" s="88" t="s">
        <v>87</v>
      </c>
      <c r="L139" s="66" t="s">
        <v>159</v>
      </c>
      <c r="M139" s="88" t="s">
        <v>87</v>
      </c>
      <c r="N139" s="66" t="s">
        <v>160</v>
      </c>
      <c r="O139" s="88" t="s">
        <v>87</v>
      </c>
      <c r="P139" s="40" t="s">
        <v>73</v>
      </c>
      <c r="Q139" s="40" t="s">
        <v>158</v>
      </c>
      <c r="R139" s="89" t="s">
        <v>87</v>
      </c>
      <c r="S139" s="40" t="s">
        <v>159</v>
      </c>
      <c r="T139" s="89" t="s">
        <v>87</v>
      </c>
      <c r="U139" s="40" t="s">
        <v>160</v>
      </c>
      <c r="V139" s="89" t="s">
        <v>87</v>
      </c>
    </row>
    <row r="140" spans="1:30">
      <c r="A140" s="43" t="s">
        <v>348</v>
      </c>
      <c r="B140" s="181">
        <v>13864</v>
      </c>
      <c r="C140" s="186">
        <v>0.36941685225473447</v>
      </c>
      <c r="D140" s="92">
        <v>8.1971291735852322E-3</v>
      </c>
      <c r="E140" s="186">
        <v>0.18191280805711105</v>
      </c>
      <c r="F140" s="92">
        <v>6.5529921928604217E-3</v>
      </c>
      <c r="G140" s="186">
        <v>0.4486703396881711</v>
      </c>
      <c r="H140" s="92">
        <v>8.4468303567892446E-3</v>
      </c>
      <c r="I140" s="181">
        <v>13874</v>
      </c>
      <c r="J140" s="186">
        <v>0.68703414810968599</v>
      </c>
      <c r="K140" s="92">
        <v>7.8727154349536518E-3</v>
      </c>
      <c r="L140" s="186">
        <v>0.10693583474896291</v>
      </c>
      <c r="M140" s="92">
        <v>5.2489435293593826E-3</v>
      </c>
      <c r="N140" s="186">
        <v>0.20603001714136485</v>
      </c>
      <c r="O140" s="92">
        <v>6.8675203366448962E-3</v>
      </c>
      <c r="P140" s="181">
        <v>13801</v>
      </c>
      <c r="Q140" s="186">
        <v>0.63243341264434283</v>
      </c>
      <c r="R140" s="92">
        <v>8.2072317890079828E-3</v>
      </c>
      <c r="S140" s="186">
        <v>0.11159186567701865</v>
      </c>
      <c r="T140" s="92">
        <v>5.3619862697563397E-3</v>
      </c>
      <c r="U140" s="186">
        <v>0.25597472167865454</v>
      </c>
      <c r="V140" s="92">
        <v>7.429224998737969E-3</v>
      </c>
    </row>
    <row r="141" spans="1:30">
      <c r="A141" s="47" t="s">
        <v>349</v>
      </c>
      <c r="B141" s="183">
        <v>10169</v>
      </c>
      <c r="C141" s="187">
        <v>0.29921799622467765</v>
      </c>
      <c r="D141" s="95">
        <v>9.0807897432153995E-3</v>
      </c>
      <c r="E141" s="187">
        <v>0.17364389363614335</v>
      </c>
      <c r="F141" s="95">
        <v>7.513556227539942E-3</v>
      </c>
      <c r="G141" s="187">
        <v>0.52713811013917389</v>
      </c>
      <c r="H141" s="95">
        <v>9.9000033665326351E-3</v>
      </c>
      <c r="I141" s="183">
        <v>10178</v>
      </c>
      <c r="J141" s="187">
        <v>0.67399356076051931</v>
      </c>
      <c r="K141" s="95">
        <v>9.2913305987163321E-3</v>
      </c>
      <c r="L141" s="187">
        <v>9.8012257373976036E-2</v>
      </c>
      <c r="M141" s="95">
        <v>5.8974672176965066E-3</v>
      </c>
      <c r="N141" s="187">
        <v>0.22799418186549908</v>
      </c>
      <c r="O141" s="95">
        <v>8.3168201397571546E-3</v>
      </c>
      <c r="P141" s="183">
        <v>10110</v>
      </c>
      <c r="Q141" s="187">
        <v>0.64785030239475649</v>
      </c>
      <c r="R141" s="95">
        <v>9.4991767243926203E-3</v>
      </c>
      <c r="S141" s="187">
        <v>9.3200115458179425E-2</v>
      </c>
      <c r="T141" s="95">
        <v>5.7858673099878671E-3</v>
      </c>
      <c r="U141" s="187">
        <v>0.25894958214705782</v>
      </c>
      <c r="V141" s="95">
        <v>8.7126847142486377E-3</v>
      </c>
    </row>
    <row r="142" spans="1:30">
      <c r="A142" s="43" t="s">
        <v>350</v>
      </c>
      <c r="B142" s="181">
        <v>3695</v>
      </c>
      <c r="C142" s="186">
        <v>0.4264237590466618</v>
      </c>
      <c r="D142" s="92">
        <v>1.6263517916383152E-2</v>
      </c>
      <c r="E142" s="186">
        <v>0.18862780685231045</v>
      </c>
      <c r="F142" s="92">
        <v>1.2873537070686917E-2</v>
      </c>
      <c r="G142" s="186">
        <v>0.38494843410102897</v>
      </c>
      <c r="H142" s="92">
        <v>1.6001883833632921E-2</v>
      </c>
      <c r="I142" s="181">
        <v>3696</v>
      </c>
      <c r="J142" s="186">
        <v>0.69762716992267959</v>
      </c>
      <c r="K142" s="92">
        <v>1.5104246853814672E-2</v>
      </c>
      <c r="L142" s="186">
        <v>0.11418456114849343</v>
      </c>
      <c r="M142" s="92">
        <v>1.0473550661158119E-2</v>
      </c>
      <c r="N142" s="186">
        <v>0.18818826892882773</v>
      </c>
      <c r="O142" s="92">
        <v>1.2860311892058386E-2</v>
      </c>
      <c r="P142" s="181">
        <v>3691</v>
      </c>
      <c r="Q142" s="186">
        <v>0.61996938191198347</v>
      </c>
      <c r="R142" s="92">
        <v>1.5971506831509177E-2</v>
      </c>
      <c r="S142" s="186">
        <v>0.12646096986470978</v>
      </c>
      <c r="T142" s="92">
        <v>1.0950523604734065E-2</v>
      </c>
      <c r="U142" s="186">
        <v>0.25356964822330663</v>
      </c>
      <c r="V142" s="92">
        <v>1.4319134386208946E-2</v>
      </c>
    </row>
    <row r="143" spans="1:30">
      <c r="A143" s="47" t="s">
        <v>568</v>
      </c>
      <c r="B143" s="183">
        <v>11498</v>
      </c>
      <c r="C143" s="187">
        <v>0.3698282747679093</v>
      </c>
      <c r="D143" s="95">
        <v>9.0029285880940911E-3</v>
      </c>
      <c r="E143" s="187">
        <v>0.18200183282104795</v>
      </c>
      <c r="F143" s="95">
        <v>7.1971392413768117E-3</v>
      </c>
      <c r="G143" s="187">
        <v>0.44816989241106187</v>
      </c>
      <c r="H143" s="95">
        <v>9.2740405181612039E-3</v>
      </c>
      <c r="I143" s="183">
        <v>11507</v>
      </c>
      <c r="J143" s="187">
        <v>0.6887083027664328</v>
      </c>
      <c r="K143" s="95">
        <v>8.6317719607820979E-3</v>
      </c>
      <c r="L143" s="187">
        <v>0.10672202431397458</v>
      </c>
      <c r="M143" s="95">
        <v>5.7588858845788729E-3</v>
      </c>
      <c r="N143" s="187">
        <v>0.20456967291960951</v>
      </c>
      <c r="O143" s="95">
        <v>7.5210085781644721E-3</v>
      </c>
      <c r="P143" s="183">
        <v>11461</v>
      </c>
      <c r="Q143" s="187">
        <v>0.63297416804350815</v>
      </c>
      <c r="R143" s="95">
        <v>9.0031773553715267E-3</v>
      </c>
      <c r="S143" s="187">
        <v>0.11166836367192653</v>
      </c>
      <c r="T143" s="95">
        <v>5.8860749132454079E-3</v>
      </c>
      <c r="U143" s="187">
        <v>0.25535746828458467</v>
      </c>
      <c r="V143" s="95">
        <v>8.145895694171762E-3</v>
      </c>
    </row>
    <row r="144" spans="1:30">
      <c r="A144" s="43" t="s">
        <v>569</v>
      </c>
      <c r="B144" s="181">
        <v>2366</v>
      </c>
      <c r="C144" s="186">
        <v>0.31746248053356768</v>
      </c>
      <c r="D144" s="92">
        <v>1.9128366346801415E-2</v>
      </c>
      <c r="E144" s="186">
        <v>0.1706707745518018</v>
      </c>
      <c r="F144" s="92">
        <v>1.547602225360392E-2</v>
      </c>
      <c r="G144" s="186">
        <v>0.51186674491462836</v>
      </c>
      <c r="H144" s="92">
        <v>2.0535434243904381E-2</v>
      </c>
      <c r="I144" s="181">
        <v>2367</v>
      </c>
      <c r="J144" s="186">
        <v>0.47536028826405852</v>
      </c>
      <c r="K144" s="92">
        <v>2.0512001048319597E-2</v>
      </c>
      <c r="L144" s="186">
        <v>0.13396922731336097</v>
      </c>
      <c r="M144" s="92">
        <v>1.4017711852874155E-2</v>
      </c>
      <c r="N144" s="186">
        <v>0.39067048442257829</v>
      </c>
      <c r="O144" s="92">
        <v>2.004159964999554E-2</v>
      </c>
      <c r="P144" s="181">
        <v>2340</v>
      </c>
      <c r="Q144" s="186">
        <v>0.5633875899467764</v>
      </c>
      <c r="R144" s="92">
        <v>2.0488726401715399E-2</v>
      </c>
      <c r="S144" s="186">
        <v>0.10182429423660819</v>
      </c>
      <c r="T144" s="92">
        <v>1.2529606649896826E-2</v>
      </c>
      <c r="U144" s="186">
        <v>0.3347881158166135</v>
      </c>
      <c r="V144" s="92">
        <v>1.9498757758717858E-2</v>
      </c>
    </row>
    <row r="145" spans="1:22">
      <c r="A145" s="47" t="s">
        <v>570</v>
      </c>
      <c r="B145" s="183">
        <v>606</v>
      </c>
      <c r="C145" s="187">
        <v>0.33141526601257726</v>
      </c>
      <c r="D145" s="95">
        <v>3.8149893957012126E-2</v>
      </c>
      <c r="E145" s="187">
        <v>0.17005202454872262</v>
      </c>
      <c r="F145" s="95">
        <v>3.0574541944552086E-2</v>
      </c>
      <c r="G145" s="187">
        <v>0.49853270943870043</v>
      </c>
      <c r="H145" s="95">
        <v>4.0488644447397353E-2</v>
      </c>
      <c r="I145" s="183">
        <v>605</v>
      </c>
      <c r="J145" s="187">
        <v>0.51786159285618227</v>
      </c>
      <c r="K145" s="95">
        <v>4.0496519398199787E-2</v>
      </c>
      <c r="L145" s="187">
        <v>0.11236873160723362</v>
      </c>
      <c r="M145" s="95">
        <v>2.5846502823093129E-2</v>
      </c>
      <c r="N145" s="187">
        <v>0.36976967553658413</v>
      </c>
      <c r="O145" s="95">
        <v>3.9142040323020752E-2</v>
      </c>
      <c r="P145" s="183">
        <v>596</v>
      </c>
      <c r="Q145" s="187">
        <v>0.62578034508639868</v>
      </c>
      <c r="R145" s="95">
        <v>3.9529697211989692E-2</v>
      </c>
      <c r="S145" s="187">
        <v>5.9748736033559624E-2</v>
      </c>
      <c r="T145" s="95">
        <v>1.9791326827758946E-2</v>
      </c>
      <c r="U145" s="187">
        <v>0.31447091888004169</v>
      </c>
      <c r="V145" s="95">
        <v>3.7950527219350785E-2</v>
      </c>
    </row>
    <row r="146" spans="1:22">
      <c r="A146" s="43" t="s">
        <v>571</v>
      </c>
      <c r="B146" s="181">
        <v>1272</v>
      </c>
      <c r="C146" s="186">
        <v>0.33842456995080789</v>
      </c>
      <c r="D146" s="92">
        <v>2.6502309695396915E-2</v>
      </c>
      <c r="E146" s="186">
        <v>0.18263941123042662</v>
      </c>
      <c r="F146" s="92">
        <v>2.1678234476337255E-2</v>
      </c>
      <c r="G146" s="186">
        <v>0.47893601881876735</v>
      </c>
      <c r="H146" s="92">
        <v>2.7969928214549071E-2</v>
      </c>
      <c r="I146" s="181">
        <v>1274</v>
      </c>
      <c r="J146" s="186">
        <v>0.5164001386457201</v>
      </c>
      <c r="K146" s="92">
        <v>2.7957754654308456E-2</v>
      </c>
      <c r="L146" s="186">
        <v>0.12927740440867383</v>
      </c>
      <c r="M146" s="92">
        <v>1.8841545451464926E-2</v>
      </c>
      <c r="N146" s="186">
        <v>0.3543224569456076</v>
      </c>
      <c r="O146" s="92">
        <v>2.6766871022246223E-2</v>
      </c>
      <c r="P146" s="181">
        <v>1261</v>
      </c>
      <c r="Q146" s="186">
        <v>0.62026650913895198</v>
      </c>
      <c r="R146" s="92">
        <v>2.7295907078924743E-2</v>
      </c>
      <c r="S146" s="186">
        <v>9.1958773849235731E-2</v>
      </c>
      <c r="T146" s="92">
        <v>1.6351247553443155E-2</v>
      </c>
      <c r="U146" s="186">
        <v>0.28777471701181401</v>
      </c>
      <c r="V146" s="92">
        <v>2.5475389296116827E-2</v>
      </c>
    </row>
    <row r="147" spans="1:22">
      <c r="A147" s="47" t="s">
        <v>582</v>
      </c>
      <c r="B147" s="183">
        <v>866</v>
      </c>
      <c r="C147" s="187">
        <v>0.24605850145038158</v>
      </c>
      <c r="D147" s="95">
        <v>2.9251609994283296E-2</v>
      </c>
      <c r="E147" s="187">
        <v>0.17273748996521601</v>
      </c>
      <c r="F147" s="95">
        <v>2.5720140149555225E-2</v>
      </c>
      <c r="G147" s="187">
        <v>0.58120400858440457</v>
      </c>
      <c r="H147" s="95">
        <v>3.34572229830504E-2</v>
      </c>
      <c r="I147" s="183">
        <v>867</v>
      </c>
      <c r="J147" s="187">
        <v>0.45045442965898908</v>
      </c>
      <c r="K147" s="95">
        <v>3.3718475947980081E-2</v>
      </c>
      <c r="L147" s="187">
        <v>0.13396698240482072</v>
      </c>
      <c r="M147" s="95">
        <v>2.3204535705843441E-2</v>
      </c>
      <c r="N147" s="187">
        <v>0.41557858793619246</v>
      </c>
      <c r="O147" s="95">
        <v>3.340172864717051E-2</v>
      </c>
      <c r="P147" s="183">
        <v>860</v>
      </c>
      <c r="Q147" s="187">
        <v>0.52699613036399828</v>
      </c>
      <c r="R147" s="95">
        <v>3.3971525480510953E-2</v>
      </c>
      <c r="S147" s="187">
        <v>0.13367871267899192</v>
      </c>
      <c r="T147" s="95">
        <v>2.3278541837139725E-2</v>
      </c>
      <c r="U147" s="187">
        <v>0.33932515695701171</v>
      </c>
      <c r="V147" s="95">
        <v>3.2233385202382669E-2</v>
      </c>
    </row>
    <row r="148" spans="1:22">
      <c r="A148" s="43" t="s">
        <v>583</v>
      </c>
      <c r="B148" s="181">
        <v>1500</v>
      </c>
      <c r="C148" s="186">
        <v>0.34615087535238126</v>
      </c>
      <c r="D148" s="92">
        <v>2.454133406985072E-2</v>
      </c>
      <c r="E148" s="186">
        <v>0.16984041819744466</v>
      </c>
      <c r="F148" s="92">
        <v>1.9404272341656977E-2</v>
      </c>
      <c r="G148" s="186">
        <v>0.4840087064501738</v>
      </c>
      <c r="H148" s="92">
        <v>2.5772410044999857E-2</v>
      </c>
      <c r="I148" s="181">
        <v>1500</v>
      </c>
      <c r="J148" s="186">
        <v>0.48537622371799594</v>
      </c>
      <c r="K148" s="92">
        <v>2.5774558686415993E-2</v>
      </c>
      <c r="L148" s="186">
        <v>0.13397013010733436</v>
      </c>
      <c r="M148" s="92">
        <v>1.761994117058344E-2</v>
      </c>
      <c r="N148" s="186">
        <v>0.38065364617466885</v>
      </c>
      <c r="O148" s="92">
        <v>2.5044222093158434E-2</v>
      </c>
      <c r="P148" s="181">
        <v>1480</v>
      </c>
      <c r="Q148" s="186">
        <v>0.57815439255542489</v>
      </c>
      <c r="R148" s="92">
        <v>2.5641356753681867E-2</v>
      </c>
      <c r="S148" s="186">
        <v>8.8898516739776778E-2</v>
      </c>
      <c r="T148" s="92">
        <v>1.4858308110841252E-2</v>
      </c>
      <c r="U148" s="186">
        <v>0.33294709070479767</v>
      </c>
      <c r="V148" s="92">
        <v>2.4475278414706182E-2</v>
      </c>
    </row>
    <row r="149" spans="1:22">
      <c r="A149" s="47" t="s">
        <v>572</v>
      </c>
      <c r="B149" s="183">
        <v>292</v>
      </c>
      <c r="C149" s="187">
        <v>0.26356423393494799</v>
      </c>
      <c r="D149" s="95">
        <v>5.1412321242949352E-2</v>
      </c>
      <c r="E149" s="187">
        <v>0.15501629619886159</v>
      </c>
      <c r="F149" s="95">
        <v>4.2582368259255765E-2</v>
      </c>
      <c r="G149" s="187">
        <v>0.58141946986618964</v>
      </c>
      <c r="H149" s="95">
        <v>5.7368984113211556E-2</v>
      </c>
      <c r="I149" s="183">
        <v>291</v>
      </c>
      <c r="J149" s="187">
        <v>0.35673819946650676</v>
      </c>
      <c r="K149" s="95">
        <v>5.5848325418933496E-2</v>
      </c>
      <c r="L149" s="187">
        <v>0.17311228528763159</v>
      </c>
      <c r="M149" s="95">
        <v>4.4496818305941564E-2</v>
      </c>
      <c r="N149" s="187">
        <v>0.4701495152458614</v>
      </c>
      <c r="O149" s="95">
        <v>5.8121199941226116E-2</v>
      </c>
      <c r="P149" s="183">
        <v>291</v>
      </c>
      <c r="Q149" s="187">
        <v>0.34457621110535491</v>
      </c>
      <c r="R149" s="95">
        <v>5.5417564067747713E-2</v>
      </c>
      <c r="S149" s="187">
        <v>0.15766924391788228</v>
      </c>
      <c r="T149" s="95">
        <v>4.2937266130797111E-2</v>
      </c>
      <c r="U149" s="187">
        <v>0.49775454497676258</v>
      </c>
      <c r="V149" s="95">
        <v>5.8221679664011303E-2</v>
      </c>
    </row>
    <row r="150" spans="1:22">
      <c r="A150" s="43" t="s">
        <v>573</v>
      </c>
      <c r="B150" s="181">
        <v>447</v>
      </c>
      <c r="C150" s="186">
        <v>0.34178487520028944</v>
      </c>
      <c r="D150" s="92">
        <v>4.4712437420118344E-2</v>
      </c>
      <c r="E150" s="186">
        <v>0.15329418175524562</v>
      </c>
      <c r="F150" s="92">
        <v>3.4205309182008599E-2</v>
      </c>
      <c r="G150" s="186">
        <v>0.50492094304446578</v>
      </c>
      <c r="H150" s="92">
        <v>4.7085920611501582E-2</v>
      </c>
      <c r="I150" s="181">
        <v>448</v>
      </c>
      <c r="J150" s="186">
        <v>0.49655399436117625</v>
      </c>
      <c r="K150" s="92">
        <v>4.7034945988819916E-2</v>
      </c>
      <c r="L150" s="186">
        <v>0.13418047075195169</v>
      </c>
      <c r="M150" s="92">
        <v>3.2387881042413295E-2</v>
      </c>
      <c r="N150" s="186">
        <v>0.36926553488687275</v>
      </c>
      <c r="O150" s="92">
        <v>4.5429091450079173E-2</v>
      </c>
      <c r="P150" s="181">
        <v>446</v>
      </c>
      <c r="Q150" s="186">
        <v>0.53784095674443055</v>
      </c>
      <c r="R150" s="92">
        <v>4.7007650018322314E-2</v>
      </c>
      <c r="S150" s="186">
        <v>7.8187827191913847E-2</v>
      </c>
      <c r="T150" s="92">
        <v>2.5858341052121925E-2</v>
      </c>
      <c r="U150" s="186">
        <v>0.38397121606365642</v>
      </c>
      <c r="V150" s="92">
        <v>4.5876703755530865E-2</v>
      </c>
    </row>
    <row r="151" spans="1:22">
      <c r="A151" s="47" t="s">
        <v>574</v>
      </c>
      <c r="B151" s="183">
        <v>673</v>
      </c>
      <c r="C151" s="187">
        <v>0.31701902588853909</v>
      </c>
      <c r="D151" s="95">
        <v>3.5799577175311445E-2</v>
      </c>
      <c r="E151" s="187">
        <v>0.19031488481675476</v>
      </c>
      <c r="F151" s="95">
        <v>3.0284234396264098E-2</v>
      </c>
      <c r="G151" s="187">
        <v>0.49266608929470429</v>
      </c>
      <c r="H151" s="95">
        <v>3.8429036247863771E-2</v>
      </c>
      <c r="I151" s="183">
        <v>673</v>
      </c>
      <c r="J151" s="187">
        <v>0.50074509256450095</v>
      </c>
      <c r="K151" s="95">
        <v>3.8433079930665623E-2</v>
      </c>
      <c r="L151" s="187">
        <v>0.11115631043132629</v>
      </c>
      <c r="M151" s="95">
        <v>2.4377872856905906E-2</v>
      </c>
      <c r="N151" s="187">
        <v>0.38809859700417126</v>
      </c>
      <c r="O151" s="95">
        <v>3.7469878276362091E-2</v>
      </c>
      <c r="P151" s="183">
        <v>667</v>
      </c>
      <c r="Q151" s="187">
        <v>0.60487211291858567</v>
      </c>
      <c r="R151" s="95">
        <v>3.7756185008662617E-2</v>
      </c>
      <c r="S151" s="187">
        <v>9.8221284290221533E-2</v>
      </c>
      <c r="T151" s="95">
        <v>2.3226062085703766E-2</v>
      </c>
      <c r="U151" s="187">
        <v>0.29690660279119141</v>
      </c>
      <c r="V151" s="95">
        <v>3.5317877150820361E-2</v>
      </c>
    </row>
    <row r="152" spans="1:22">
      <c r="A152" s="43" t="s">
        <v>575</v>
      </c>
      <c r="B152" s="181">
        <v>929</v>
      </c>
      <c r="C152" s="186">
        <v>0.34016211621101156</v>
      </c>
      <c r="D152" s="92">
        <v>3.1035742882898659E-2</v>
      </c>
      <c r="E152" s="186">
        <v>0.17772431795723079</v>
      </c>
      <c r="F152" s="92">
        <v>2.5106592585650362E-2</v>
      </c>
      <c r="G152" s="186">
        <v>0.48211356583175335</v>
      </c>
      <c r="H152" s="92">
        <v>3.2717755145277042E-2</v>
      </c>
      <c r="I152" s="181">
        <v>931</v>
      </c>
      <c r="J152" s="186">
        <v>0.52511626435718151</v>
      </c>
      <c r="K152" s="92">
        <v>3.2662563185874224E-2</v>
      </c>
      <c r="L152" s="186">
        <v>0.11462776197423324</v>
      </c>
      <c r="M152" s="92">
        <v>2.0966610479324726E-2</v>
      </c>
      <c r="N152" s="186">
        <v>0.36025597366858092</v>
      </c>
      <c r="O152" s="92">
        <v>3.1411591412807721E-2</v>
      </c>
      <c r="P152" s="181">
        <v>912</v>
      </c>
      <c r="Q152" s="186">
        <v>0.68870914998868682</v>
      </c>
      <c r="R152" s="92">
        <v>3.061945552639166E-2</v>
      </c>
      <c r="S152" s="186">
        <v>8.539591593853825E-2</v>
      </c>
      <c r="T152" s="92">
        <v>1.8644157502756435E-2</v>
      </c>
      <c r="U152" s="186">
        <v>0.22589493407277253</v>
      </c>
      <c r="V152" s="92">
        <v>2.7685158213972237E-2</v>
      </c>
    </row>
    <row r="153" spans="1:22">
      <c r="A153" s="47" t="s">
        <v>576</v>
      </c>
      <c r="B153" s="183">
        <v>753</v>
      </c>
      <c r="C153" s="187">
        <v>0.32465537080294138</v>
      </c>
      <c r="D153" s="95">
        <v>3.4062521155600892E-2</v>
      </c>
      <c r="E153" s="187">
        <v>0.13954947449550029</v>
      </c>
      <c r="F153" s="95">
        <v>2.5332122887167546E-2</v>
      </c>
      <c r="G153" s="187">
        <v>0.53579515470155814</v>
      </c>
      <c r="H153" s="95">
        <v>3.6253343989795871E-2</v>
      </c>
      <c r="I153" s="183">
        <v>752</v>
      </c>
      <c r="J153" s="187">
        <v>0.46569801168915853</v>
      </c>
      <c r="K153" s="95">
        <v>3.6284865862277353E-2</v>
      </c>
      <c r="L153" s="187">
        <v>0.14658906678786252</v>
      </c>
      <c r="M153" s="95">
        <v>2.5862773940815102E-2</v>
      </c>
      <c r="N153" s="187">
        <v>0.38771292152297854</v>
      </c>
      <c r="O153" s="95">
        <v>3.5450590187231429E-2</v>
      </c>
      <c r="P153" s="183">
        <v>741</v>
      </c>
      <c r="Q153" s="187">
        <v>0.57578585175342945</v>
      </c>
      <c r="R153" s="95">
        <v>3.6218428637886421E-2</v>
      </c>
      <c r="S153" s="187">
        <v>0.10377705828816872</v>
      </c>
      <c r="T153" s="95">
        <v>2.2547629710837139E-2</v>
      </c>
      <c r="U153" s="187">
        <v>0.32043708995840187</v>
      </c>
      <c r="V153" s="95">
        <v>3.4220168603097609E-2</v>
      </c>
    </row>
    <row r="154" spans="1:22">
      <c r="A154" s="55" t="s">
        <v>577</v>
      </c>
      <c r="B154" s="181">
        <v>766</v>
      </c>
      <c r="C154" s="186">
        <v>0.3335116839610861</v>
      </c>
      <c r="D154" s="92">
        <v>3.4002969738097771E-2</v>
      </c>
      <c r="E154" s="186">
        <v>0.18591936786088653</v>
      </c>
      <c r="F154" s="92">
        <v>2.8134703313502898E-2</v>
      </c>
      <c r="G154" s="186">
        <v>0.48056894817802431</v>
      </c>
      <c r="H154" s="92">
        <v>3.6010557383958551E-2</v>
      </c>
      <c r="I154" s="181">
        <v>768</v>
      </c>
      <c r="J154" s="186">
        <v>0.48860908410333365</v>
      </c>
      <c r="K154" s="92">
        <v>3.5981543062381369E-2</v>
      </c>
      <c r="L154" s="186">
        <v>0.11768766718788484</v>
      </c>
      <c r="M154" s="92">
        <v>2.33633160737486E-2</v>
      </c>
      <c r="N154" s="186">
        <v>0.39370324870877771</v>
      </c>
      <c r="O154" s="92">
        <v>3.5176666297902399E-2</v>
      </c>
      <c r="P154" s="181">
        <v>759</v>
      </c>
      <c r="Q154" s="186">
        <v>0.56560746838258391</v>
      </c>
      <c r="R154" s="92">
        <v>3.5892709824533936E-2</v>
      </c>
      <c r="S154" s="186">
        <v>0.10586936530904816</v>
      </c>
      <c r="T154" s="92">
        <v>2.2467158652761533E-2</v>
      </c>
      <c r="U154" s="186">
        <v>0.32852316630836481</v>
      </c>
      <c r="V154" s="92">
        <v>3.4030530536454204E-2</v>
      </c>
    </row>
    <row r="155" spans="1:22">
      <c r="A155" s="47" t="s">
        <v>578</v>
      </c>
      <c r="B155" s="183">
        <v>258</v>
      </c>
      <c r="C155" s="187">
        <v>0.31760675675142441</v>
      </c>
      <c r="D155" s="95">
        <v>5.7656623187353366E-2</v>
      </c>
      <c r="E155" s="187">
        <v>0.18854789933761806</v>
      </c>
      <c r="F155" s="95">
        <v>4.879257932341402E-2</v>
      </c>
      <c r="G155" s="187">
        <v>0.49384534391095741</v>
      </c>
      <c r="H155" s="95">
        <v>6.1775667535450565E-2</v>
      </c>
      <c r="I155" s="183">
        <v>259</v>
      </c>
      <c r="J155" s="187">
        <v>0.4970163311086791</v>
      </c>
      <c r="K155" s="95">
        <v>6.1661576853935571E-2</v>
      </c>
      <c r="L155" s="187">
        <v>0.12350924445320542</v>
      </c>
      <c r="M155" s="95">
        <v>4.1370727991137002E-2</v>
      </c>
      <c r="N155" s="187">
        <v>0.37947442443811541</v>
      </c>
      <c r="O155" s="95">
        <v>5.9900055357027908E-2</v>
      </c>
      <c r="P155" s="183">
        <v>254</v>
      </c>
      <c r="Q155" s="187">
        <v>0.61013770409571966</v>
      </c>
      <c r="R155" s="95">
        <v>6.0775722424237788E-2</v>
      </c>
      <c r="S155" s="187">
        <v>9.2479416440062925E-2</v>
      </c>
      <c r="T155" s="95">
        <v>3.7153902873442772E-2</v>
      </c>
      <c r="U155" s="187">
        <v>0.29738287946421793</v>
      </c>
      <c r="V155" s="95">
        <v>5.7088183826170813E-2</v>
      </c>
    </row>
    <row r="156" spans="1:22">
      <c r="A156" s="55" t="s">
        <v>579</v>
      </c>
      <c r="B156" s="181">
        <v>220</v>
      </c>
      <c r="C156" s="186">
        <v>0.29476735082705474</v>
      </c>
      <c r="D156" s="92">
        <v>6.1145381482141964E-2</v>
      </c>
      <c r="E156" s="186">
        <v>0.20570118609327293</v>
      </c>
      <c r="F156" s="92">
        <v>5.4519634054749778E-2</v>
      </c>
      <c r="G156" s="186">
        <v>0.49953146307967272</v>
      </c>
      <c r="H156" s="92">
        <v>6.6815282180933702E-2</v>
      </c>
      <c r="I156" s="181">
        <v>220</v>
      </c>
      <c r="J156" s="186">
        <v>0.47385906472422618</v>
      </c>
      <c r="K156" s="92">
        <v>6.6727168232967274E-2</v>
      </c>
      <c r="L156" s="186">
        <v>0.18746648948616174</v>
      </c>
      <c r="M156" s="92">
        <v>5.2742658425813625E-2</v>
      </c>
      <c r="N156" s="186">
        <v>0.33867444578961242</v>
      </c>
      <c r="O156" s="92">
        <v>6.3371814393180903E-2</v>
      </c>
      <c r="P156" s="181">
        <v>218</v>
      </c>
      <c r="Q156" s="186">
        <v>0.55447262121426533</v>
      </c>
      <c r="R156" s="92">
        <v>6.6730424296809476E-2</v>
      </c>
      <c r="S156" s="186">
        <v>0.11335102834144077</v>
      </c>
      <c r="T156" s="92">
        <v>4.3669795611580069E-2</v>
      </c>
      <c r="U156" s="186">
        <v>0.33217635044429478</v>
      </c>
      <c r="V156" s="92">
        <v>6.3365239840904586E-2</v>
      </c>
    </row>
    <row r="157" spans="1:22">
      <c r="A157" s="47" t="s">
        <v>580</v>
      </c>
      <c r="B157" s="183">
        <v>218</v>
      </c>
      <c r="C157" s="187">
        <v>0.25895974904396746</v>
      </c>
      <c r="D157" s="95">
        <v>5.9118821164922813E-2</v>
      </c>
      <c r="E157" s="187">
        <v>0.13064940836124975</v>
      </c>
      <c r="F157" s="95">
        <v>4.6198140219055224E-2</v>
      </c>
      <c r="G157" s="187">
        <v>0.61039084259478316</v>
      </c>
      <c r="H157" s="95">
        <v>6.551927654820798E-2</v>
      </c>
      <c r="I157" s="183">
        <v>220</v>
      </c>
      <c r="J157" s="187">
        <v>0.40767769468531279</v>
      </c>
      <c r="K157" s="95">
        <v>6.5707452481293185E-2</v>
      </c>
      <c r="L157" s="187">
        <v>0.12189904411978526</v>
      </c>
      <c r="M157" s="95">
        <v>4.4741281372226313E-2</v>
      </c>
      <c r="N157" s="187">
        <v>0.47042326119490219</v>
      </c>
      <c r="O157" s="95">
        <v>6.6702454955882451E-2</v>
      </c>
      <c r="P157" s="183">
        <v>217</v>
      </c>
      <c r="Q157" s="187">
        <v>0.39650438095063573</v>
      </c>
      <c r="R157" s="95">
        <v>6.5863273817723736E-2</v>
      </c>
      <c r="S157" s="187">
        <v>9.9274768878602621E-2</v>
      </c>
      <c r="T157" s="95">
        <v>4.1505505350895748E-2</v>
      </c>
      <c r="U157" s="187">
        <v>0.5042208501707619</v>
      </c>
      <c r="V157" s="95">
        <v>6.7264968526456484E-2</v>
      </c>
    </row>
    <row r="158" spans="1:22">
      <c r="A158" s="55" t="s">
        <v>581</v>
      </c>
      <c r="B158" s="181">
        <v>123</v>
      </c>
      <c r="C158" s="186">
        <v>0.28803873169687194</v>
      </c>
      <c r="D158" s="92">
        <v>8.0911721355690164E-2</v>
      </c>
      <c r="E158" s="186">
        <v>0.22261022431269198</v>
      </c>
      <c r="F158" s="92">
        <v>7.4838517456712578E-2</v>
      </c>
      <c r="G158" s="186">
        <v>0.4893510439904365</v>
      </c>
      <c r="H158" s="92">
        <v>8.871677141132088E-2</v>
      </c>
      <c r="I158" s="181">
        <v>122</v>
      </c>
      <c r="J158" s="186">
        <v>0.50496756684539523</v>
      </c>
      <c r="K158" s="92">
        <v>8.9082958516040561E-2</v>
      </c>
      <c r="L158" s="186">
        <v>0.16616433115582385</v>
      </c>
      <c r="M158" s="92">
        <v>6.7967635183280029E-2</v>
      </c>
      <c r="N158" s="186">
        <v>0.32886810199878164</v>
      </c>
      <c r="O158" s="92">
        <v>8.4052854728778811E-2</v>
      </c>
      <c r="P158" s="181">
        <v>123</v>
      </c>
      <c r="Q158" s="186">
        <v>0.5675792512510881</v>
      </c>
      <c r="R158" s="92">
        <v>8.7972113797234255E-2</v>
      </c>
      <c r="S158" s="186">
        <v>5.575498612216559E-2</v>
      </c>
      <c r="T158" s="92">
        <v>4.5205503574986164E-2</v>
      </c>
      <c r="U158" s="186">
        <v>0.37666576262674684</v>
      </c>
      <c r="V158" s="92">
        <v>8.616625031111004E-2</v>
      </c>
    </row>
    <row r="159" spans="1:22">
      <c r="A159" s="47" t="s">
        <v>584</v>
      </c>
      <c r="B159" s="183">
        <v>114</v>
      </c>
      <c r="C159" s="187">
        <v>0.27405681425001654</v>
      </c>
      <c r="D159" s="95">
        <v>8.282144445092865E-2</v>
      </c>
      <c r="E159" s="187">
        <v>0.15097191126188386</v>
      </c>
      <c r="F159" s="95">
        <v>6.7972684941600428E-2</v>
      </c>
      <c r="G159" s="187">
        <v>0.57497127448809959</v>
      </c>
      <c r="H159" s="95">
        <v>9.1086457933436671E-2</v>
      </c>
      <c r="I159" s="183">
        <v>113</v>
      </c>
      <c r="J159" s="187">
        <v>0.339322271230656</v>
      </c>
      <c r="K159" s="95">
        <v>8.7884496715005131E-2</v>
      </c>
      <c r="L159" s="187">
        <v>0.15540571686724267</v>
      </c>
      <c r="M159" s="95">
        <v>6.8994071174585309E-2</v>
      </c>
      <c r="N159" s="187">
        <v>0.50527201190210147</v>
      </c>
      <c r="O159" s="95">
        <v>9.2445238834208035E-2</v>
      </c>
      <c r="P159" s="183">
        <v>112</v>
      </c>
      <c r="Q159" s="187">
        <v>0.32918195432461106</v>
      </c>
      <c r="R159" s="95">
        <v>8.765111704619577E-2</v>
      </c>
      <c r="S159" s="187">
        <v>0.18965309824721513</v>
      </c>
      <c r="T159" s="95">
        <v>7.43274914347032E-2</v>
      </c>
      <c r="U159" s="187">
        <v>0.48116494742817395</v>
      </c>
      <c r="V159" s="95">
        <v>9.2786236553017556E-2</v>
      </c>
    </row>
    <row r="160" spans="1:22">
      <c r="A160" s="55" t="s">
        <v>585</v>
      </c>
      <c r="B160" s="181">
        <v>2252</v>
      </c>
      <c r="C160" s="186">
        <v>0.32506921878212597</v>
      </c>
      <c r="D160" s="92">
        <v>1.9728100300206206E-2</v>
      </c>
      <c r="E160" s="186">
        <v>0.17412295279649634</v>
      </c>
      <c r="F160" s="92">
        <v>1.5988714841388498E-2</v>
      </c>
      <c r="G160" s="186">
        <v>0.50080782842137461</v>
      </c>
      <c r="H160" s="92">
        <v>2.1053770645141936E-2</v>
      </c>
      <c r="I160" s="181">
        <v>2254</v>
      </c>
      <c r="J160" s="186">
        <v>0.49907088845187525</v>
      </c>
      <c r="K160" s="92">
        <v>2.1044435665199961E-2</v>
      </c>
      <c r="L160" s="186">
        <v>0.13023297737142298</v>
      </c>
      <c r="M160" s="92">
        <v>1.4195667965420345E-2</v>
      </c>
      <c r="N160" s="186">
        <v>0.3706961341766985</v>
      </c>
      <c r="O160" s="92">
        <v>2.0331168472654076E-2</v>
      </c>
      <c r="P160" s="181">
        <v>2228</v>
      </c>
      <c r="Q160" s="186">
        <v>0.60394112760682073</v>
      </c>
      <c r="R160" s="92">
        <v>2.0705951668093948E-2</v>
      </c>
      <c r="S160" s="186">
        <v>8.6616424871641437E-2</v>
      </c>
      <c r="T160" s="92">
        <v>1.1953161692127914E-2</v>
      </c>
      <c r="U160" s="186">
        <v>0.30944244752153466</v>
      </c>
      <c r="V160" s="92">
        <v>1.9575140301990476E-2</v>
      </c>
    </row>
    <row r="161" spans="1:22">
      <c r="A161" s="47" t="s">
        <v>620</v>
      </c>
      <c r="B161" s="183">
        <v>156</v>
      </c>
      <c r="C161" s="187">
        <v>0.41405247299448716</v>
      </c>
      <c r="D161" s="95">
        <v>7.793871865297132E-2</v>
      </c>
      <c r="E161" s="187">
        <v>0.17537725022485742</v>
      </c>
      <c r="F161" s="95">
        <v>6.120114466984241E-2</v>
      </c>
      <c r="G161" s="187">
        <v>0.41057027678065561</v>
      </c>
      <c r="H161" s="95">
        <v>7.7845553795246381E-2</v>
      </c>
      <c r="I161" s="183">
        <v>155</v>
      </c>
      <c r="J161" s="187">
        <v>0.48762092733663853</v>
      </c>
      <c r="K161" s="95">
        <v>7.9282057077931872E-2</v>
      </c>
      <c r="L161" s="187">
        <v>0.11541075402354121</v>
      </c>
      <c r="M161" s="95">
        <v>5.2470886566052068E-2</v>
      </c>
      <c r="N161" s="187">
        <v>0.39696831863982057</v>
      </c>
      <c r="O161" s="95">
        <v>7.7688600913514358E-2</v>
      </c>
      <c r="P161" s="183">
        <v>154</v>
      </c>
      <c r="Q161" s="187">
        <v>0.57639262567623895</v>
      </c>
      <c r="R161" s="95">
        <v>7.8668654856886885E-2</v>
      </c>
      <c r="S161" s="187">
        <v>8.7102759525289133E-2</v>
      </c>
      <c r="T161" s="95">
        <v>4.7210465887542033E-2</v>
      </c>
      <c r="U161" s="187">
        <v>0.33650461479847193</v>
      </c>
      <c r="V161" s="95">
        <v>7.540701070596964E-2</v>
      </c>
    </row>
    <row r="162" spans="1:22">
      <c r="A162" s="55" t="s">
        <v>621</v>
      </c>
      <c r="B162" s="181">
        <v>163</v>
      </c>
      <c r="C162" s="186">
        <v>0.36124698494285812</v>
      </c>
      <c r="D162" s="92">
        <v>7.4489693258872419E-2</v>
      </c>
      <c r="E162" s="186">
        <v>0.25932335664650075</v>
      </c>
      <c r="F162" s="92">
        <v>6.8310033556545899E-2</v>
      </c>
      <c r="G162" s="186">
        <v>0.37942965841064202</v>
      </c>
      <c r="H162" s="92">
        <v>7.5208428285144263E-2</v>
      </c>
      <c r="I162" s="181">
        <v>163</v>
      </c>
      <c r="J162" s="186">
        <v>0.58832785476758065</v>
      </c>
      <c r="K162" s="92">
        <v>7.6223348702352409E-2</v>
      </c>
      <c r="L162" s="186">
        <v>8.2562005760032392E-2</v>
      </c>
      <c r="M162" s="92">
        <v>4.4853205846703416E-2</v>
      </c>
      <c r="N162" s="186">
        <v>0.32911013947238765</v>
      </c>
      <c r="O162" s="92">
        <v>7.2949636327499873E-2</v>
      </c>
      <c r="P162" s="181">
        <v>160</v>
      </c>
      <c r="Q162" s="186">
        <v>0.66222352897072223</v>
      </c>
      <c r="R162" s="92">
        <v>7.4071751932248547E-2</v>
      </c>
      <c r="S162" s="186">
        <v>9.081498145171242E-2</v>
      </c>
      <c r="T162" s="92">
        <v>4.7017238897187334E-2</v>
      </c>
      <c r="U162" s="186">
        <v>0.24696148957756597</v>
      </c>
      <c r="V162" s="92">
        <v>6.7905379575431926E-2</v>
      </c>
    </row>
    <row r="163" spans="1:22">
      <c r="A163" s="47" t="s">
        <v>622</v>
      </c>
      <c r="B163" s="183">
        <v>991</v>
      </c>
      <c r="C163" s="187">
        <v>0.3417524300992944</v>
      </c>
      <c r="D163" s="95">
        <v>3.0085883564657922E-2</v>
      </c>
      <c r="E163" s="187">
        <v>0.17600920237250292</v>
      </c>
      <c r="F163" s="95">
        <v>2.4216132901230609E-2</v>
      </c>
      <c r="G163" s="187">
        <v>0.48223836752820348</v>
      </c>
      <c r="H163" s="95">
        <v>3.1682283037920679E-2</v>
      </c>
      <c r="I163" s="183">
        <v>989</v>
      </c>
      <c r="J163" s="187">
        <v>0.48308867778549497</v>
      </c>
      <c r="K163" s="95">
        <v>3.1716030212696707E-2</v>
      </c>
      <c r="L163" s="187">
        <v>0.12814109451528122</v>
      </c>
      <c r="M163" s="95">
        <v>2.1319300006357272E-2</v>
      </c>
      <c r="N163" s="187">
        <v>0.38877022769922442</v>
      </c>
      <c r="O163" s="95">
        <v>3.0945321704883309E-2</v>
      </c>
      <c r="P163" s="183">
        <v>982</v>
      </c>
      <c r="Q163" s="187">
        <v>0.62572890166573891</v>
      </c>
      <c r="R163" s="95">
        <v>3.0831626816099803E-2</v>
      </c>
      <c r="S163" s="187">
        <v>8.5887676049841613E-2</v>
      </c>
      <c r="T163" s="95">
        <v>1.8003780589527035E-2</v>
      </c>
      <c r="U163" s="187">
        <v>0.28838342228442015</v>
      </c>
      <c r="V163" s="95">
        <v>2.8879060010521769E-2</v>
      </c>
    </row>
    <row r="164" spans="1:22">
      <c r="A164" s="55" t="s">
        <v>623</v>
      </c>
      <c r="B164" s="181">
        <v>300</v>
      </c>
      <c r="C164" s="186">
        <v>0.25292611954723354</v>
      </c>
      <c r="D164" s="92">
        <v>5.0072367283430015E-2</v>
      </c>
      <c r="E164" s="186">
        <v>0.15518573132432228</v>
      </c>
      <c r="F164" s="92">
        <v>4.2023082744995846E-2</v>
      </c>
      <c r="G164" s="186">
        <v>0.5918881491284439</v>
      </c>
      <c r="H164" s="92">
        <v>5.6402839352565105E-2</v>
      </c>
      <c r="I164" s="181">
        <v>302</v>
      </c>
      <c r="J164" s="186">
        <v>0.55154813838759575</v>
      </c>
      <c r="K164" s="92">
        <v>5.6869510645018481E-2</v>
      </c>
      <c r="L164" s="186">
        <v>0.12500809396602625</v>
      </c>
      <c r="M164" s="92">
        <v>3.8439045051404053E-2</v>
      </c>
      <c r="N164" s="186">
        <v>0.32344376764637772</v>
      </c>
      <c r="O164" s="92">
        <v>5.3582448502689187E-2</v>
      </c>
      <c r="P164" s="181">
        <v>296</v>
      </c>
      <c r="Q164" s="186">
        <v>0.67806163527722629</v>
      </c>
      <c r="R164" s="92">
        <v>5.4053542507651674E-2</v>
      </c>
      <c r="S164" s="186">
        <v>5.5902259060002658E-2</v>
      </c>
      <c r="T164" s="92">
        <v>2.780920936679546E-2</v>
      </c>
      <c r="U164" s="186">
        <v>0.26603610566277064</v>
      </c>
      <c r="V164" s="92">
        <v>5.1213393324586354E-2</v>
      </c>
    </row>
    <row r="165" spans="1:22">
      <c r="A165" s="47" t="s">
        <v>624</v>
      </c>
      <c r="B165" s="183">
        <v>317</v>
      </c>
      <c r="C165" s="187">
        <v>0.3270769069150623</v>
      </c>
      <c r="D165" s="95">
        <v>5.2458343271719721E-2</v>
      </c>
      <c r="E165" s="187">
        <v>0.16869667413034667</v>
      </c>
      <c r="F165" s="95">
        <v>4.2206518161621007E-2</v>
      </c>
      <c r="G165" s="187">
        <v>0.50422641895459275</v>
      </c>
      <c r="H165" s="95">
        <v>5.5812612581366786E-2</v>
      </c>
      <c r="I165" s="183">
        <v>318</v>
      </c>
      <c r="J165" s="187">
        <v>0.43500648636456218</v>
      </c>
      <c r="K165" s="95">
        <v>5.5266732024730099E-2</v>
      </c>
      <c r="L165" s="187">
        <v>0.14067364517461522</v>
      </c>
      <c r="M165" s="95">
        <v>3.9259050944906275E-2</v>
      </c>
      <c r="N165" s="187">
        <v>0.42431986846082376</v>
      </c>
      <c r="O165" s="95">
        <v>5.5101705123003129E-2</v>
      </c>
      <c r="P165" s="183">
        <v>313</v>
      </c>
      <c r="Q165" s="187">
        <v>0.50191160932638723</v>
      </c>
      <c r="R165" s="95">
        <v>5.6165195436384298E-2</v>
      </c>
      <c r="S165" s="187">
        <v>9.5227039783409795E-2</v>
      </c>
      <c r="T165" s="95">
        <v>3.374941169176255E-2</v>
      </c>
      <c r="U165" s="187">
        <v>0.40286135089020414</v>
      </c>
      <c r="V165" s="95">
        <v>5.5122543248089864E-2</v>
      </c>
    </row>
    <row r="166" spans="1:22">
      <c r="A166" s="55" t="s">
        <v>625</v>
      </c>
      <c r="B166" s="181">
        <v>1191</v>
      </c>
      <c r="C166" s="186">
        <v>0.31014695425428401</v>
      </c>
      <c r="D166" s="92">
        <v>2.6776416096287371E-2</v>
      </c>
      <c r="E166" s="186">
        <v>0.16595534432324835</v>
      </c>
      <c r="F166" s="92">
        <v>2.158256974523336E-2</v>
      </c>
      <c r="G166" s="186">
        <v>0.52389770142246761</v>
      </c>
      <c r="H166" s="92">
        <v>2.8895003505040422E-2</v>
      </c>
      <c r="I166" s="181">
        <v>1194</v>
      </c>
      <c r="J166" s="186">
        <v>0.47118039484974089</v>
      </c>
      <c r="K166" s="92">
        <v>2.8843887416871623E-2</v>
      </c>
      <c r="L166" s="186">
        <v>0.14554302059597174</v>
      </c>
      <c r="M166" s="92">
        <v>2.0445607285425917E-2</v>
      </c>
      <c r="N166" s="186">
        <v>0.3832765845542882</v>
      </c>
      <c r="O166" s="92">
        <v>2.8098709448892083E-2</v>
      </c>
      <c r="P166" s="181">
        <v>1180</v>
      </c>
      <c r="Q166" s="186">
        <v>0.54767086238078699</v>
      </c>
      <c r="R166" s="92">
        <v>2.8930416154575395E-2</v>
      </c>
      <c r="S166" s="186">
        <v>0.10940054838022978</v>
      </c>
      <c r="T166" s="92">
        <v>1.8238397966340646E-2</v>
      </c>
      <c r="U166" s="186">
        <v>0.34292858923898373</v>
      </c>
      <c r="V166" s="92">
        <v>2.7600858607264939E-2</v>
      </c>
    </row>
    <row r="167" spans="1:22">
      <c r="A167" s="47" t="s">
        <v>626</v>
      </c>
      <c r="B167" s="183">
        <v>1174</v>
      </c>
      <c r="C167" s="187">
        <v>0.33372146723784418</v>
      </c>
      <c r="D167" s="95">
        <v>2.7489087002859746E-2</v>
      </c>
      <c r="E167" s="187">
        <v>0.17601756332481952</v>
      </c>
      <c r="F167" s="95">
        <v>2.2246268126189007E-2</v>
      </c>
      <c r="G167" s="187">
        <v>0.49026096943733727</v>
      </c>
      <c r="H167" s="95">
        <v>2.913033729954095E-2</v>
      </c>
      <c r="I167" s="183">
        <v>1172</v>
      </c>
      <c r="J167" s="187">
        <v>0.48616971347714633</v>
      </c>
      <c r="K167" s="95">
        <v>2.9149510337928779E-2</v>
      </c>
      <c r="L167" s="187">
        <v>0.11126361802092669</v>
      </c>
      <c r="M167" s="95">
        <v>1.8434502262192808E-2</v>
      </c>
      <c r="N167" s="187">
        <v>0.40256666850192757</v>
      </c>
      <c r="O167" s="95">
        <v>2.8605409319278418E-2</v>
      </c>
      <c r="P167" s="183">
        <v>1159</v>
      </c>
      <c r="Q167" s="187">
        <v>0.59783265535171193</v>
      </c>
      <c r="R167" s="95">
        <v>2.8760253487378377E-2</v>
      </c>
      <c r="S167" s="187">
        <v>8.7100840781956762E-2</v>
      </c>
      <c r="T167" s="95">
        <v>1.6658524625622378E-2</v>
      </c>
      <c r="U167" s="187">
        <v>0.31506650386633273</v>
      </c>
      <c r="V167" s="95">
        <v>2.7258480821957802E-2</v>
      </c>
    </row>
    <row r="168" spans="1:22">
      <c r="A168" s="55" t="s">
        <v>627</v>
      </c>
      <c r="B168" s="181">
        <v>343</v>
      </c>
      <c r="C168" s="186">
        <v>0.36555732059066715</v>
      </c>
      <c r="D168" s="92">
        <v>5.1751954957058831E-2</v>
      </c>
      <c r="E168" s="186">
        <v>0.1475573668291344</v>
      </c>
      <c r="F168" s="92">
        <v>3.8506925091118117E-2</v>
      </c>
      <c r="G168" s="186">
        <v>0.4868853125801953</v>
      </c>
      <c r="H168" s="92">
        <v>5.3664766606190205E-2</v>
      </c>
      <c r="I168" s="181">
        <v>342</v>
      </c>
      <c r="J168" s="186">
        <v>0.52141538327508696</v>
      </c>
      <c r="K168" s="92">
        <v>5.3712134016684808E-2</v>
      </c>
      <c r="L168" s="186">
        <v>8.5007999573229132E-2</v>
      </c>
      <c r="M168" s="92">
        <v>3.0740485640983549E-2</v>
      </c>
      <c r="N168" s="186">
        <v>0.3935766171516808</v>
      </c>
      <c r="O168" s="92">
        <v>5.2557089382600716E-2</v>
      </c>
      <c r="P168" s="181">
        <v>336</v>
      </c>
      <c r="Q168" s="186">
        <v>0.65603202519706794</v>
      </c>
      <c r="R168" s="92">
        <v>5.1589269782269971E-2</v>
      </c>
      <c r="S168" s="186">
        <v>8.5143370904134805E-2</v>
      </c>
      <c r="T168" s="92">
        <v>3.1044505030079921E-2</v>
      </c>
      <c r="U168" s="186">
        <v>0.25882460389879491</v>
      </c>
      <c r="V168" s="92">
        <v>4.7674753388296513E-2</v>
      </c>
    </row>
    <row r="169" spans="1:22">
      <c r="A169" s="47" t="s">
        <v>628</v>
      </c>
      <c r="B169" s="183">
        <v>831</v>
      </c>
      <c r="C169" s="187">
        <v>0.31467498786661896</v>
      </c>
      <c r="D169" s="95">
        <v>3.2165955079099778E-2</v>
      </c>
      <c r="E169" s="187">
        <v>0.19304448386778586</v>
      </c>
      <c r="F169" s="95">
        <v>2.739630393127469E-2</v>
      </c>
      <c r="G169" s="187">
        <v>0.49228052826559526</v>
      </c>
      <c r="H169" s="95">
        <v>3.4602341778988598E-2</v>
      </c>
      <c r="I169" s="183">
        <v>830</v>
      </c>
      <c r="J169" s="187">
        <v>0.46509945256949825</v>
      </c>
      <c r="K169" s="95">
        <v>3.4543519118948457E-2</v>
      </c>
      <c r="L169" s="187">
        <v>0.12695952433100921</v>
      </c>
      <c r="M169" s="95">
        <v>2.3194771469720772E-2</v>
      </c>
      <c r="N169" s="187">
        <v>0.40794102309949209</v>
      </c>
      <c r="O169" s="95">
        <v>3.4040901015695436E-2</v>
      </c>
      <c r="P169" s="183">
        <v>823</v>
      </c>
      <c r="Q169" s="187">
        <v>0.56349880214402115</v>
      </c>
      <c r="R169" s="95">
        <v>3.4494575734863128E-2</v>
      </c>
      <c r="S169" s="187">
        <v>8.8255621041986615E-2</v>
      </c>
      <c r="T169" s="95">
        <v>1.9927630267222121E-2</v>
      </c>
      <c r="U169" s="187">
        <v>0.34824557681399165</v>
      </c>
      <c r="V169" s="95">
        <v>3.3149314587890402E-2</v>
      </c>
    </row>
    <row r="170" spans="1:22">
      <c r="A170" s="55" t="s">
        <v>629</v>
      </c>
      <c r="B170" s="181">
        <v>218</v>
      </c>
      <c r="C170" s="186">
        <v>0.3097115221557456</v>
      </c>
      <c r="D170" s="92">
        <v>6.2252521781587085E-2</v>
      </c>
      <c r="E170" s="186">
        <v>0.16907036798421016</v>
      </c>
      <c r="F170" s="92">
        <v>5.1007240352248129E-2</v>
      </c>
      <c r="G170" s="186">
        <v>0.52121810986004424</v>
      </c>
      <c r="H170" s="92">
        <v>6.7057306321091303E-2</v>
      </c>
      <c r="I170" s="181">
        <v>216</v>
      </c>
      <c r="J170" s="186">
        <v>0.5359911268746359</v>
      </c>
      <c r="K170" s="92">
        <v>6.7251402771695612E-2</v>
      </c>
      <c r="L170" s="186">
        <v>0.11712384070104744</v>
      </c>
      <c r="M170" s="92">
        <v>4.4453874409148691E-2</v>
      </c>
      <c r="N170" s="186">
        <v>0.34688503242431679</v>
      </c>
      <c r="O170" s="92">
        <v>6.430051218198346E-2</v>
      </c>
      <c r="P170" s="181">
        <v>213</v>
      </c>
      <c r="Q170" s="186">
        <v>0.62625736262782838</v>
      </c>
      <c r="R170" s="92">
        <v>6.5766147033563108E-2</v>
      </c>
      <c r="S170" s="186">
        <v>6.52192009769159E-2</v>
      </c>
      <c r="T170" s="92">
        <v>3.5370438425321372E-2</v>
      </c>
      <c r="U170" s="186">
        <v>0.30852343639525548</v>
      </c>
      <c r="V170" s="92">
        <v>6.2905958560803749E-2</v>
      </c>
    </row>
    <row r="171" spans="1:22">
      <c r="A171" s="47" t="s">
        <v>630</v>
      </c>
      <c r="B171" s="183">
        <v>388</v>
      </c>
      <c r="C171" s="187">
        <v>0.35861120723133455</v>
      </c>
      <c r="D171" s="95">
        <v>4.8488911323748371E-2</v>
      </c>
      <c r="E171" s="187">
        <v>0.1712820922458716</v>
      </c>
      <c r="F171" s="95">
        <v>3.8351023661995325E-2</v>
      </c>
      <c r="G171" s="187">
        <v>0.47010670052279563</v>
      </c>
      <c r="H171" s="95">
        <v>5.0419114302060107E-2</v>
      </c>
      <c r="I171" s="183">
        <v>389</v>
      </c>
      <c r="J171" s="187">
        <v>0.49525989775532864</v>
      </c>
      <c r="K171" s="95">
        <v>5.0441106311109096E-2</v>
      </c>
      <c r="L171" s="187">
        <v>0.10644064069213974</v>
      </c>
      <c r="M171" s="95">
        <v>3.1622445283534355E-2</v>
      </c>
      <c r="N171" s="187">
        <v>0.39829946155253315</v>
      </c>
      <c r="O171" s="95">
        <v>4.9410414322465561E-2</v>
      </c>
      <c r="P171" s="183">
        <v>383</v>
      </c>
      <c r="Q171" s="187">
        <v>0.62518096833171033</v>
      </c>
      <c r="R171" s="95">
        <v>4.9247776683335381E-2</v>
      </c>
      <c r="S171" s="187">
        <v>5.2875048507188833E-2</v>
      </c>
      <c r="T171" s="95">
        <v>2.3666644413795238E-2</v>
      </c>
      <c r="U171" s="187">
        <v>0.32194398316110223</v>
      </c>
      <c r="V171" s="95">
        <v>4.7571303382506112E-2</v>
      </c>
    </row>
    <row r="172" spans="1:22">
      <c r="A172" s="55" t="s">
        <v>631</v>
      </c>
      <c r="B172" s="181">
        <v>56</v>
      </c>
      <c r="C172" s="186">
        <v>0.28142045265141963</v>
      </c>
      <c r="D172" s="92">
        <v>0.1178645856657098</v>
      </c>
      <c r="E172" s="186">
        <v>0.15428298761747028</v>
      </c>
      <c r="F172" s="92">
        <v>9.8618652702608653E-2</v>
      </c>
      <c r="G172" s="186">
        <v>0.56429655973111048</v>
      </c>
      <c r="H172" s="92">
        <v>0.12816624235932861</v>
      </c>
      <c r="I172" s="181">
        <v>56</v>
      </c>
      <c r="J172" s="186">
        <v>0.47795646827887517</v>
      </c>
      <c r="K172" s="92">
        <v>0.12899010609318198</v>
      </c>
      <c r="L172" s="186">
        <v>7.5756623905778128E-2</v>
      </c>
      <c r="M172" s="92">
        <v>7.8831167621977602E-2</v>
      </c>
      <c r="N172" s="186">
        <v>0.44628690781534708</v>
      </c>
      <c r="O172" s="92">
        <v>0.12844889011608296</v>
      </c>
      <c r="P172" s="181">
        <v>53</v>
      </c>
      <c r="Q172" s="186">
        <v>0.66026103321786156</v>
      </c>
      <c r="R172" s="92">
        <v>0.1264341269716143</v>
      </c>
      <c r="S172" s="186">
        <v>6.7456470756732625E-2</v>
      </c>
      <c r="T172" s="92">
        <v>7.8692618869693684E-2</v>
      </c>
      <c r="U172" s="186">
        <v>0.27228249602540605</v>
      </c>
      <c r="V172" s="92">
        <v>0.11999043933333735</v>
      </c>
    </row>
    <row r="173" spans="1:22">
      <c r="A173" s="47" t="s">
        <v>632</v>
      </c>
      <c r="B173" s="183">
        <v>332</v>
      </c>
      <c r="C173" s="187">
        <v>0.38081957452381709</v>
      </c>
      <c r="D173" s="95">
        <v>5.3019785502931446E-2</v>
      </c>
      <c r="E173" s="187">
        <v>0.17617286396180329</v>
      </c>
      <c r="F173" s="95">
        <v>4.1920827663049359E-2</v>
      </c>
      <c r="G173" s="187">
        <v>0.44300756151438248</v>
      </c>
      <c r="H173" s="95">
        <v>5.4207355220326867E-2</v>
      </c>
      <c r="I173" s="183">
        <v>333</v>
      </c>
      <c r="J173" s="187">
        <v>0.50023297458247218</v>
      </c>
      <c r="K173" s="95">
        <v>5.4473465296496541E-2</v>
      </c>
      <c r="L173" s="187">
        <v>0.11525935336707936</v>
      </c>
      <c r="M173" s="95">
        <v>3.5381387209120402E-2</v>
      </c>
      <c r="N173" s="187">
        <v>0.38450767205045078</v>
      </c>
      <c r="O173" s="95">
        <v>5.3035600096343928E-2</v>
      </c>
      <c r="P173" s="183">
        <v>330</v>
      </c>
      <c r="Q173" s="187">
        <v>0.6157279180692673</v>
      </c>
      <c r="R173" s="95">
        <v>5.3267589918341497E-2</v>
      </c>
      <c r="S173" s="187">
        <v>4.8945782188264182E-2</v>
      </c>
      <c r="T173" s="95">
        <v>2.4809203507257325E-2</v>
      </c>
      <c r="U173" s="187">
        <v>0.33532629974246997</v>
      </c>
      <c r="V173" s="95">
        <v>5.173958309687849E-2</v>
      </c>
    </row>
    <row r="174" spans="1:22">
      <c r="A174" s="55" t="s">
        <v>633</v>
      </c>
      <c r="B174" s="181">
        <v>662</v>
      </c>
      <c r="C174" s="186">
        <v>0.33674697228042211</v>
      </c>
      <c r="D174" s="92">
        <v>3.665172720339855E-2</v>
      </c>
      <c r="E174" s="186">
        <v>0.1976058178135158</v>
      </c>
      <c r="F174" s="92">
        <v>3.0965724087681539E-2</v>
      </c>
      <c r="G174" s="186">
        <v>0.4656472099060594</v>
      </c>
      <c r="H174" s="92">
        <v>3.8658745599766085E-2</v>
      </c>
      <c r="I174" s="181">
        <v>666</v>
      </c>
      <c r="J174" s="186">
        <v>0.5300868871345864</v>
      </c>
      <c r="K174" s="92">
        <v>3.8564197731222785E-2</v>
      </c>
      <c r="L174" s="186">
        <v>0.13753754982136718</v>
      </c>
      <c r="M174" s="92">
        <v>2.6786607738631545E-2</v>
      </c>
      <c r="N174" s="186">
        <v>0.33237556304404409</v>
      </c>
      <c r="O174" s="92">
        <v>3.6425064732754454E-2</v>
      </c>
      <c r="P174" s="181">
        <v>657</v>
      </c>
      <c r="Q174" s="186">
        <v>0.62879622219697984</v>
      </c>
      <c r="R174" s="92">
        <v>3.7599022568431367E-2</v>
      </c>
      <c r="S174" s="186">
        <v>8.3179730451463041E-2</v>
      </c>
      <c r="T174" s="92">
        <v>2.1775535349573022E-2</v>
      </c>
      <c r="U174" s="186">
        <v>0.28802404735155523</v>
      </c>
      <c r="V174" s="92">
        <v>3.5273590573682984E-2</v>
      </c>
    </row>
    <row r="175" spans="1:22">
      <c r="A175" s="47" t="s">
        <v>634</v>
      </c>
      <c r="B175" s="183">
        <v>610</v>
      </c>
      <c r="C175" s="187">
        <v>0.3413006492269775</v>
      </c>
      <c r="D175" s="95">
        <v>3.8297787146656902E-2</v>
      </c>
      <c r="E175" s="187">
        <v>0.15698095177244506</v>
      </c>
      <c r="F175" s="95">
        <v>2.9531189842886094E-2</v>
      </c>
      <c r="G175" s="187">
        <v>0.50171839900057758</v>
      </c>
      <c r="H175" s="95">
        <v>4.0356480369849568E-2</v>
      </c>
      <c r="I175" s="183">
        <v>608</v>
      </c>
      <c r="J175" s="187">
        <v>0.49270364948985945</v>
      </c>
      <c r="K175" s="95">
        <v>4.0418356091637381E-2</v>
      </c>
      <c r="L175" s="187">
        <v>0.11497623957343794</v>
      </c>
      <c r="M175" s="95">
        <v>2.6032683331875427E-2</v>
      </c>
      <c r="N175" s="187">
        <v>0.39232011093670283</v>
      </c>
      <c r="O175" s="95">
        <v>3.9486583661466207E-2</v>
      </c>
      <c r="P175" s="183">
        <v>604</v>
      </c>
      <c r="Q175" s="187">
        <v>0.60562842142375162</v>
      </c>
      <c r="R175" s="95">
        <v>3.9652185268788151E-2</v>
      </c>
      <c r="S175" s="187">
        <v>0.10702474458445875</v>
      </c>
      <c r="T175" s="95">
        <v>2.5339242021713636E-2</v>
      </c>
      <c r="U175" s="187">
        <v>0.28734683399179045</v>
      </c>
      <c r="V175" s="95">
        <v>3.675771416565092E-2</v>
      </c>
    </row>
    <row r="176" spans="1:22">
      <c r="A176" s="55" t="s">
        <v>635</v>
      </c>
      <c r="B176" s="181">
        <v>226</v>
      </c>
      <c r="C176" s="186">
        <v>0.39218220533361164</v>
      </c>
      <c r="D176" s="92">
        <v>6.4440892198089988E-2</v>
      </c>
      <c r="E176" s="186">
        <v>0.13328880214674255</v>
      </c>
      <c r="F176" s="92">
        <v>4.5713605282291639E-2</v>
      </c>
      <c r="G176" s="186">
        <v>0.47452899251964564</v>
      </c>
      <c r="H176" s="92">
        <v>6.5855388019279301E-2</v>
      </c>
      <c r="I176" s="181">
        <v>225</v>
      </c>
      <c r="J176" s="186">
        <v>0.55105530053936103</v>
      </c>
      <c r="K176" s="92">
        <v>6.5748445150921472E-2</v>
      </c>
      <c r="L176" s="186">
        <v>8.8151310064640442E-2</v>
      </c>
      <c r="M176" s="92">
        <v>3.8815310423427084E-2</v>
      </c>
      <c r="N176" s="186">
        <v>0.36079338939599814</v>
      </c>
      <c r="O176" s="92">
        <v>6.3561349462498751E-2</v>
      </c>
      <c r="P176" s="181">
        <v>223</v>
      </c>
      <c r="Q176" s="186">
        <v>0.67481459708893199</v>
      </c>
      <c r="R176" s="92">
        <v>6.233452130897512E-2</v>
      </c>
      <c r="S176" s="186">
        <v>8.1866839850812848E-2</v>
      </c>
      <c r="T176" s="92">
        <v>3.7843166050614392E-2</v>
      </c>
      <c r="U176" s="186">
        <v>0.24331856306025451</v>
      </c>
      <c r="V176" s="92">
        <v>5.7313748645098264E-2</v>
      </c>
    </row>
    <row r="177" spans="1:28">
      <c r="A177" s="47" t="s">
        <v>636</v>
      </c>
      <c r="B177" s="183">
        <v>384</v>
      </c>
      <c r="C177" s="187">
        <v>0.2984257210978094</v>
      </c>
      <c r="D177" s="95">
        <v>4.655129847015689E-2</v>
      </c>
      <c r="E177" s="187">
        <v>0.17694494835892294</v>
      </c>
      <c r="F177" s="95">
        <v>3.9031600777207492E-2</v>
      </c>
      <c r="G177" s="187">
        <v>0.52462933054326977</v>
      </c>
      <c r="H177" s="95">
        <v>5.0706944450467056E-2</v>
      </c>
      <c r="I177" s="183">
        <v>383</v>
      </c>
      <c r="J177" s="187">
        <v>0.4436345024287221</v>
      </c>
      <c r="K177" s="95">
        <v>5.0515509642780711E-2</v>
      </c>
      <c r="L177" s="187">
        <v>0.13753389453773723</v>
      </c>
      <c r="M177" s="95">
        <v>3.5411232986599435E-2</v>
      </c>
      <c r="N177" s="187">
        <v>0.41883160303354311</v>
      </c>
      <c r="O177" s="95">
        <v>5.0172537442600362E-2</v>
      </c>
      <c r="P177" s="183">
        <v>381</v>
      </c>
      <c r="Q177" s="187">
        <v>0.54751413256999659</v>
      </c>
      <c r="R177" s="95">
        <v>5.073886028662395E-2</v>
      </c>
      <c r="S177" s="187">
        <v>0.12815662141664133</v>
      </c>
      <c r="T177" s="95">
        <v>3.4504382184016379E-2</v>
      </c>
      <c r="U177" s="187">
        <v>0.32432924601336388</v>
      </c>
      <c r="V177" s="95">
        <v>4.77849844605285E-2</v>
      </c>
    </row>
    <row r="178" spans="1:28" s="244" customFormat="1">
      <c r="A178" s="237"/>
      <c r="B178" s="246"/>
      <c r="C178" s="247"/>
      <c r="D178" s="243"/>
      <c r="E178" s="247"/>
      <c r="F178" s="243"/>
      <c r="G178" s="247"/>
      <c r="H178" s="243"/>
      <c r="I178"/>
      <c r="J178"/>
      <c r="K178"/>
      <c r="L178"/>
      <c r="M178"/>
      <c r="N178"/>
      <c r="O178"/>
    </row>
    <row r="179" spans="1:28" ht="18.75">
      <c r="A179" s="291" t="s">
        <v>461</v>
      </c>
      <c r="B179" s="291"/>
      <c r="C179" s="291"/>
      <c r="D179" s="291"/>
      <c r="E179" s="291"/>
      <c r="F179" s="291"/>
      <c r="G179" s="291"/>
      <c r="H179" s="291"/>
      <c r="I179" s="291"/>
      <c r="J179" s="291"/>
      <c r="K179" s="291"/>
      <c r="L179" s="291"/>
      <c r="M179" s="292"/>
      <c r="N179" s="230"/>
      <c r="O179" s="230"/>
      <c r="P179" s="230"/>
      <c r="Q179" s="230"/>
      <c r="R179" s="230"/>
      <c r="S179" s="230"/>
      <c r="T179" s="230"/>
      <c r="U179" s="230"/>
      <c r="V179" s="230"/>
      <c r="W179" s="230"/>
      <c r="X179" s="230"/>
      <c r="Y179" s="230"/>
      <c r="Z179" s="230"/>
      <c r="AA179" s="230"/>
      <c r="AB179" s="248"/>
    </row>
    <row r="180" spans="1:28" ht="49.5" customHeight="1">
      <c r="A180" s="410" t="s">
        <v>561</v>
      </c>
      <c r="B180" s="410"/>
      <c r="C180" s="410"/>
      <c r="D180" s="410"/>
      <c r="E180" s="410"/>
      <c r="F180" s="410"/>
      <c r="G180" s="410"/>
      <c r="H180" s="410"/>
      <c r="I180" s="410"/>
      <c r="J180" s="410"/>
      <c r="K180" s="410"/>
      <c r="L180" s="410"/>
      <c r="M180" s="292"/>
      <c r="N180" s="245"/>
      <c r="O180" s="245"/>
      <c r="P180" s="245"/>
      <c r="Q180" s="245"/>
      <c r="R180" s="245"/>
      <c r="S180" s="245"/>
      <c r="T180" s="245"/>
      <c r="U180" s="245"/>
      <c r="V180" s="245"/>
      <c r="W180" s="245"/>
      <c r="X180" s="245"/>
      <c r="Y180" s="245"/>
      <c r="Z180" s="245"/>
      <c r="AA180" s="245"/>
      <c r="AB180" s="248"/>
    </row>
    <row r="181" spans="1:28" ht="38.25" customHeight="1">
      <c r="A181" s="414" t="s">
        <v>234</v>
      </c>
      <c r="B181" s="415"/>
      <c r="C181" s="415"/>
      <c r="D181" s="415"/>
      <c r="E181" s="415"/>
      <c r="F181" s="415"/>
      <c r="G181" s="415"/>
      <c r="H181" s="415"/>
      <c r="I181" s="415"/>
      <c r="J181" s="415"/>
      <c r="K181" s="415"/>
      <c r="L181" s="415"/>
      <c r="M181" s="243"/>
      <c r="N181" s="248"/>
      <c r="O181" s="248"/>
      <c r="P181" s="248"/>
      <c r="Q181" s="248"/>
      <c r="R181" s="248"/>
      <c r="S181" s="248"/>
      <c r="T181" s="248"/>
      <c r="U181" s="248"/>
      <c r="V181" s="248"/>
      <c r="W181" s="248"/>
      <c r="X181" s="248"/>
      <c r="Y181" s="248"/>
      <c r="Z181" s="248"/>
      <c r="AA181" s="248"/>
      <c r="AB181" s="248"/>
    </row>
    <row r="182" spans="1:28" ht="72">
      <c r="A182" s="35" t="s">
        <v>70</v>
      </c>
      <c r="B182" s="36" t="s">
        <v>71</v>
      </c>
      <c r="C182" s="37" t="s">
        <v>551</v>
      </c>
      <c r="D182" s="38" t="s">
        <v>72</v>
      </c>
      <c r="E182" s="36" t="s">
        <v>467</v>
      </c>
      <c r="F182" s="87" t="s">
        <v>466</v>
      </c>
      <c r="G182" s="36" t="s">
        <v>462</v>
      </c>
      <c r="H182" s="87" t="s">
        <v>465</v>
      </c>
      <c r="I182" s="36" t="s">
        <v>463</v>
      </c>
      <c r="J182" s="87" t="s">
        <v>464</v>
      </c>
      <c r="K182" s="36" t="s">
        <v>300</v>
      </c>
      <c r="L182" s="87" t="s">
        <v>299</v>
      </c>
      <c r="M182" s="243"/>
      <c r="N182" s="247"/>
      <c r="O182" s="243"/>
      <c r="P182" s="247"/>
      <c r="Q182" s="243"/>
    </row>
    <row r="183" spans="1:28" ht="72">
      <c r="A183" s="39"/>
      <c r="B183" s="40" t="s">
        <v>73</v>
      </c>
      <c r="C183" s="126" t="s">
        <v>303</v>
      </c>
      <c r="D183" s="42" t="s">
        <v>75</v>
      </c>
      <c r="E183" s="40" t="s">
        <v>158</v>
      </c>
      <c r="F183" s="89" t="s">
        <v>87</v>
      </c>
      <c r="G183" s="40" t="s">
        <v>159</v>
      </c>
      <c r="H183" s="89" t="s">
        <v>87</v>
      </c>
      <c r="I183" s="40" t="s">
        <v>160</v>
      </c>
      <c r="J183" s="89" t="s">
        <v>87</v>
      </c>
      <c r="K183" s="40" t="s">
        <v>300</v>
      </c>
      <c r="L183" s="89" t="s">
        <v>87</v>
      </c>
    </row>
    <row r="184" spans="1:28">
      <c r="A184" s="43" t="s">
        <v>348</v>
      </c>
      <c r="B184" s="181">
        <v>13842</v>
      </c>
      <c r="C184" s="182">
        <v>5.1036555153933705</v>
      </c>
      <c r="D184" s="83">
        <v>2.5613062985244635E-2</v>
      </c>
      <c r="E184" s="186">
        <v>0.14001098066140449</v>
      </c>
      <c r="F184" s="92">
        <v>5.8997051367260427E-3</v>
      </c>
      <c r="G184" s="186">
        <v>0.15466386656429337</v>
      </c>
      <c r="H184" s="92">
        <v>6.1473986241741526E-3</v>
      </c>
      <c r="I184" s="186">
        <v>0.66939583980021322</v>
      </c>
      <c r="J184" s="92">
        <v>7.9961283884657681E-3</v>
      </c>
      <c r="K184" s="91">
        <v>3.5929312974102921E-2</v>
      </c>
      <c r="L184" s="92">
        <v>3.1690222023489788E-3</v>
      </c>
    </row>
    <row r="185" spans="1:28">
      <c r="A185" s="47" t="s">
        <v>349</v>
      </c>
      <c r="B185" s="183">
        <v>10160</v>
      </c>
      <c r="C185" s="184">
        <v>5.218333162847518</v>
      </c>
      <c r="D185" s="185">
        <v>2.9704039142234386E-2</v>
      </c>
      <c r="E185" s="187">
        <v>0.13618665266714181</v>
      </c>
      <c r="F185" s="95">
        <v>6.8071774798117296E-3</v>
      </c>
      <c r="G185" s="187">
        <v>0.13327815911204455</v>
      </c>
      <c r="H185" s="95">
        <v>6.7455269637586761E-3</v>
      </c>
      <c r="I185" s="187">
        <v>0.70609292582147842</v>
      </c>
      <c r="J185" s="95">
        <v>9.037921998252799E-3</v>
      </c>
      <c r="K185" s="94">
        <v>2.4442262399327314E-2</v>
      </c>
      <c r="L185" s="95">
        <v>3.0747481783533668E-3</v>
      </c>
    </row>
    <row r="186" spans="1:28">
      <c r="A186" s="43" t="s">
        <v>350</v>
      </c>
      <c r="B186" s="181">
        <v>3682</v>
      </c>
      <c r="C186" s="182">
        <v>5.0081588290137242</v>
      </c>
      <c r="D186" s="83">
        <v>5.0009313275332423E-2</v>
      </c>
      <c r="E186" s="186">
        <v>0.14312759363084968</v>
      </c>
      <c r="F186" s="92">
        <v>1.1549433724983587E-2</v>
      </c>
      <c r="G186" s="186">
        <v>0.17209201951208292</v>
      </c>
      <c r="H186" s="92">
        <v>1.2444542034473358E-2</v>
      </c>
      <c r="I186" s="186">
        <v>0.63948977149054964</v>
      </c>
      <c r="J186" s="92">
        <v>1.581858665445654E-2</v>
      </c>
      <c r="K186" s="91">
        <v>4.5290615366517697E-2</v>
      </c>
      <c r="L186" s="92">
        <v>6.8854577150971779E-3</v>
      </c>
    </row>
    <row r="187" spans="1:28">
      <c r="A187" s="47" t="s">
        <v>568</v>
      </c>
      <c r="B187" s="183">
        <v>11480</v>
      </c>
      <c r="C187" s="184">
        <v>5.1034326975403479</v>
      </c>
      <c r="D187" s="185">
        <v>2.8220314066382975E-2</v>
      </c>
      <c r="E187" s="187">
        <v>0.13997539147522686</v>
      </c>
      <c r="F187" s="95">
        <v>6.4777990768404336E-3</v>
      </c>
      <c r="G187" s="187">
        <v>0.15477719029509976</v>
      </c>
      <c r="H187" s="95">
        <v>6.7524321171064643E-3</v>
      </c>
      <c r="I187" s="187">
        <v>0.66919143682888493</v>
      </c>
      <c r="J187" s="95">
        <v>8.7814557849851E-3</v>
      </c>
      <c r="K187" s="94">
        <v>3.6055981400803738E-2</v>
      </c>
      <c r="L187" s="95">
        <v>3.4868447152859401E-3</v>
      </c>
    </row>
    <row r="188" spans="1:28">
      <c r="A188" s="43" t="s">
        <v>569</v>
      </c>
      <c r="B188" s="181">
        <v>2362</v>
      </c>
      <c r="C188" s="182">
        <v>5.1313407368098165</v>
      </c>
      <c r="D188" s="83">
        <v>6.0936175105971532E-2</v>
      </c>
      <c r="E188" s="186">
        <v>0.14450694153662538</v>
      </c>
      <c r="F188" s="92">
        <v>1.4481843864200738E-2</v>
      </c>
      <c r="G188" s="186">
        <v>0.14034774656670515</v>
      </c>
      <c r="H188" s="92">
        <v>1.4307766079477298E-2</v>
      </c>
      <c r="I188" s="186">
        <v>0.69521794647278878</v>
      </c>
      <c r="J188" s="92">
        <v>1.8932576166626129E-2</v>
      </c>
      <c r="K188" s="91">
        <v>1.9927365423877724E-2</v>
      </c>
      <c r="L188" s="92">
        <v>5.8595680317889975E-3</v>
      </c>
    </row>
    <row r="189" spans="1:28">
      <c r="A189" s="47" t="s">
        <v>570</v>
      </c>
      <c r="B189" s="183">
        <v>607</v>
      </c>
      <c r="C189" s="184">
        <v>5.1357445465684233</v>
      </c>
      <c r="D189" s="185">
        <v>0.1111181525077196</v>
      </c>
      <c r="E189" s="187">
        <v>0.11698210740421303</v>
      </c>
      <c r="F189" s="95">
        <v>2.6244703621356166E-2</v>
      </c>
      <c r="G189" s="187">
        <v>0.14092790542059275</v>
      </c>
      <c r="H189" s="95">
        <v>2.8347834703203314E-2</v>
      </c>
      <c r="I189" s="187">
        <v>0.72592437915511032</v>
      </c>
      <c r="J189" s="95">
        <v>3.6150647944660261E-2</v>
      </c>
      <c r="K189" s="94">
        <v>1.6165608020084436E-2</v>
      </c>
      <c r="L189" s="95">
        <v>1.1140915932675298E-2</v>
      </c>
    </row>
    <row r="190" spans="1:28">
      <c r="A190" s="43" t="s">
        <v>571</v>
      </c>
      <c r="B190" s="181">
        <v>1268</v>
      </c>
      <c r="C190" s="182">
        <v>5.0968237743403373</v>
      </c>
      <c r="D190" s="83">
        <v>8.4193801117627545E-2</v>
      </c>
      <c r="E190" s="186">
        <v>0.14743560853380411</v>
      </c>
      <c r="F190" s="92">
        <v>1.994322854881974E-2</v>
      </c>
      <c r="G190" s="186">
        <v>0.15209736963634266</v>
      </c>
      <c r="H190" s="92">
        <v>2.0197437185025265E-2</v>
      </c>
      <c r="I190" s="186">
        <v>0.67948506026903388</v>
      </c>
      <c r="J190" s="92">
        <v>2.6181959072825823E-2</v>
      </c>
      <c r="K190" s="91">
        <v>2.0981961560820345E-2</v>
      </c>
      <c r="L190" s="92">
        <v>8.3143022215645939E-3</v>
      </c>
    </row>
    <row r="191" spans="1:28">
      <c r="A191" s="47" t="s">
        <v>582</v>
      </c>
      <c r="B191" s="183">
        <v>862</v>
      </c>
      <c r="C191" s="184">
        <v>5.1822489155017397</v>
      </c>
      <c r="D191" s="185">
        <v>0.10446687295358185</v>
      </c>
      <c r="E191" s="187">
        <v>0.14025284975909919</v>
      </c>
      <c r="F191" s="95">
        <v>2.3716451863771269E-2</v>
      </c>
      <c r="G191" s="187">
        <v>0.13435059201963306</v>
      </c>
      <c r="H191" s="95">
        <v>2.3299709801161455E-2</v>
      </c>
      <c r="I191" s="187">
        <v>0.70655504998159779</v>
      </c>
      <c r="J191" s="95">
        <v>3.0975534928702916E-2</v>
      </c>
      <c r="K191" s="94">
        <v>1.8841508239670981E-2</v>
      </c>
      <c r="L191" s="95">
        <v>9.7592874814729745E-3</v>
      </c>
    </row>
    <row r="192" spans="1:28">
      <c r="A192" s="43" t="s">
        <v>583</v>
      </c>
      <c r="B192" s="181">
        <v>1500</v>
      </c>
      <c r="C192" s="182">
        <v>5.1108992811280389</v>
      </c>
      <c r="D192" s="83">
        <v>7.4838682975877452E-2</v>
      </c>
      <c r="E192" s="186">
        <v>0.14621246328050613</v>
      </c>
      <c r="F192" s="92">
        <v>1.8269500518968678E-2</v>
      </c>
      <c r="G192" s="186">
        <v>0.14275208526374006</v>
      </c>
      <c r="H192" s="92">
        <v>1.8090485241797231E-2</v>
      </c>
      <c r="I192" s="186">
        <v>0.69067275150331708</v>
      </c>
      <c r="J192" s="92">
        <v>2.384775671773803E-2</v>
      </c>
      <c r="K192" s="91">
        <v>2.0362699952436156E-2</v>
      </c>
      <c r="L192" s="92">
        <v>7.5035654110525464E-3</v>
      </c>
    </row>
    <row r="193" spans="1:12">
      <c r="A193" s="47" t="s">
        <v>572</v>
      </c>
      <c r="B193" s="183">
        <v>290</v>
      </c>
      <c r="C193" s="184">
        <v>5.1241609601598448</v>
      </c>
      <c r="D193" s="185">
        <v>0.18071820449263803</v>
      </c>
      <c r="E193" s="187">
        <v>0.15375660432597524</v>
      </c>
      <c r="F193" s="95">
        <v>4.2595308472554674E-2</v>
      </c>
      <c r="G193" s="187">
        <v>0.15643780091737855</v>
      </c>
      <c r="H193" s="95">
        <v>4.288173936268861E-2</v>
      </c>
      <c r="I193" s="187">
        <v>0.67269481892187455</v>
      </c>
      <c r="J193" s="95">
        <v>5.4832149908033125E-2</v>
      </c>
      <c r="K193" s="94">
        <v>1.7110775834771493E-2</v>
      </c>
      <c r="L193" s="95">
        <v>1.7735748069563087E-2</v>
      </c>
    </row>
    <row r="194" spans="1:12">
      <c r="A194" s="43" t="s">
        <v>573</v>
      </c>
      <c r="B194" s="181">
        <v>448</v>
      </c>
      <c r="C194" s="182">
        <v>4.965688450598579</v>
      </c>
      <c r="D194" s="83">
        <v>0.14391543225305725</v>
      </c>
      <c r="E194" s="186">
        <v>0.19911370347217933</v>
      </c>
      <c r="F194" s="92">
        <v>3.7753590087699747E-2</v>
      </c>
      <c r="G194" s="186">
        <v>0.12866275331746471</v>
      </c>
      <c r="H194" s="92">
        <v>3.183730838555638E-2</v>
      </c>
      <c r="I194" s="186">
        <v>0.65497374451128332</v>
      </c>
      <c r="J194" s="92">
        <v>4.476154469505577E-2</v>
      </c>
      <c r="K194" s="91">
        <v>1.7249798699073615E-2</v>
      </c>
      <c r="L194" s="92">
        <v>1.3651390134902314E-2</v>
      </c>
    </row>
    <row r="195" spans="1:12">
      <c r="A195" s="47" t="s">
        <v>574</v>
      </c>
      <c r="B195" s="183">
        <v>674</v>
      </c>
      <c r="C195" s="184">
        <v>5.1122821108382466</v>
      </c>
      <c r="D195" s="185">
        <v>0.11398051291852174</v>
      </c>
      <c r="E195" s="187">
        <v>0.13673979057363636</v>
      </c>
      <c r="F195" s="95">
        <v>2.6562605244969565E-2</v>
      </c>
      <c r="G195" s="187">
        <v>0.14784991740203618</v>
      </c>
      <c r="H195" s="95">
        <v>2.7421031057429945E-2</v>
      </c>
      <c r="I195" s="187">
        <v>0.69913843596285075</v>
      </c>
      <c r="J195" s="95">
        <v>3.5266404732040985E-2</v>
      </c>
      <c r="K195" s="94">
        <v>1.6271856061475558E-2</v>
      </c>
      <c r="L195" s="95">
        <v>1.0520359992859562E-2</v>
      </c>
    </row>
    <row r="196" spans="1:12">
      <c r="A196" s="43" t="s">
        <v>575</v>
      </c>
      <c r="B196" s="181">
        <v>926</v>
      </c>
      <c r="C196" s="182">
        <v>5.2713379137559668</v>
      </c>
      <c r="D196" s="83">
        <v>9.4039343490455909E-2</v>
      </c>
      <c r="E196" s="186">
        <v>0.10842136933341234</v>
      </c>
      <c r="F196" s="92">
        <v>2.0528746179551555E-2</v>
      </c>
      <c r="G196" s="186">
        <v>0.1253845339840183</v>
      </c>
      <c r="H196" s="92">
        <v>2.1836917967986275E-2</v>
      </c>
      <c r="I196" s="186">
        <v>0.74077922996131162</v>
      </c>
      <c r="J196" s="92">
        <v>2.877596043383546E-2</v>
      </c>
      <c r="K196" s="91">
        <v>2.5414866721255192E-2</v>
      </c>
      <c r="L196" s="92">
        <v>1.0716735189850479E-2</v>
      </c>
    </row>
    <row r="197" spans="1:12">
      <c r="A197" s="47" t="s">
        <v>576</v>
      </c>
      <c r="B197" s="183">
        <v>755</v>
      </c>
      <c r="C197" s="184">
        <v>5.1249268089261886</v>
      </c>
      <c r="D197" s="185">
        <v>0.10934922695426305</v>
      </c>
      <c r="E197" s="187">
        <v>0.13658152628842876</v>
      </c>
      <c r="F197" s="95">
        <v>2.5075949816333154E-2</v>
      </c>
      <c r="G197" s="187">
        <v>0.15546579410991757</v>
      </c>
      <c r="H197" s="95">
        <v>2.6429516403285728E-2</v>
      </c>
      <c r="I197" s="187">
        <v>0.68185441044091533</v>
      </c>
      <c r="J197" s="95">
        <v>3.3838851587324123E-2</v>
      </c>
      <c r="K197" s="94">
        <v>2.6098269160738378E-2</v>
      </c>
      <c r="L197" s="95">
        <v>1.2099294209843715E-2</v>
      </c>
    </row>
    <row r="198" spans="1:12">
      <c r="A198" s="55" t="s">
        <v>577</v>
      </c>
      <c r="B198" s="181">
        <v>762</v>
      </c>
      <c r="C198" s="182">
        <v>5.0581578677008423</v>
      </c>
      <c r="D198" s="83">
        <v>0.10691247911029339</v>
      </c>
      <c r="E198" s="186">
        <v>0.16017453992249511</v>
      </c>
      <c r="F198" s="92">
        <v>2.6621962226792403E-2</v>
      </c>
      <c r="G198" s="186">
        <v>0.13741986672691958</v>
      </c>
      <c r="H198" s="92">
        <v>2.5022711142498051E-2</v>
      </c>
      <c r="I198" s="186">
        <v>0.68319708164500537</v>
      </c>
      <c r="J198" s="92">
        <v>3.3646016483077405E-2</v>
      </c>
      <c r="K198" s="91">
        <v>1.9208511705578343E-2</v>
      </c>
      <c r="L198" s="92">
        <v>1.0533410670330378E-2</v>
      </c>
    </row>
    <row r="199" spans="1:12">
      <c r="A199" s="47" t="s">
        <v>578</v>
      </c>
      <c r="B199" s="183">
        <v>256</v>
      </c>
      <c r="C199" s="184">
        <v>5.1875646967929203</v>
      </c>
      <c r="D199" s="185">
        <v>0.1850925960065764</v>
      </c>
      <c r="E199" s="187">
        <v>0.1537969016108223</v>
      </c>
      <c r="F199" s="95">
        <v>4.5370770186665854E-2</v>
      </c>
      <c r="G199" s="187">
        <v>0.12830367811229129</v>
      </c>
      <c r="H199" s="95">
        <v>4.2255662217849807E-2</v>
      </c>
      <c r="I199" s="187">
        <v>0.70331967289156283</v>
      </c>
      <c r="J199" s="95">
        <v>5.6829473946857126E-2</v>
      </c>
      <c r="K199" s="94">
        <v>1.457974738532391E-2</v>
      </c>
      <c r="L199" s="95">
        <v>1.8213117815111948E-2</v>
      </c>
    </row>
    <row r="200" spans="1:12">
      <c r="A200" s="55" t="s">
        <v>579</v>
      </c>
      <c r="B200" s="181">
        <v>219</v>
      </c>
      <c r="C200" s="182">
        <v>5.1369266516452816</v>
      </c>
      <c r="D200" s="83">
        <v>0.19906937906593547</v>
      </c>
      <c r="E200" s="186">
        <v>0.13588004594978492</v>
      </c>
      <c r="F200" s="92">
        <v>4.680468993130945E-2</v>
      </c>
      <c r="G200" s="186">
        <v>0.1393786077816935</v>
      </c>
      <c r="H200" s="92">
        <v>4.727095087553513E-2</v>
      </c>
      <c r="I200" s="186">
        <v>0.70981918633645624</v>
      </c>
      <c r="J200" s="92">
        <v>6.1014015026078734E-2</v>
      </c>
      <c r="K200" s="91">
        <v>1.4922159932065778E-2</v>
      </c>
      <c r="L200" s="92">
        <v>2.0340181583498117E-2</v>
      </c>
    </row>
    <row r="201" spans="1:12">
      <c r="A201" s="47" t="s">
        <v>580</v>
      </c>
      <c r="B201" s="183">
        <v>222</v>
      </c>
      <c r="C201" s="184">
        <v>5.277829009587232</v>
      </c>
      <c r="D201" s="185">
        <v>0.19825107283225035</v>
      </c>
      <c r="E201" s="187">
        <v>0.11206425747245019</v>
      </c>
      <c r="F201" s="95">
        <v>4.3065281230424288E-2</v>
      </c>
      <c r="G201" s="187">
        <v>0.12306395342128189</v>
      </c>
      <c r="H201" s="95">
        <v>4.4702381993349916E-2</v>
      </c>
      <c r="I201" s="187">
        <v>0.74709182257168294</v>
      </c>
      <c r="J201" s="95">
        <v>5.8155683946206217E-2</v>
      </c>
      <c r="K201" s="94">
        <v>1.7779966534584964E-2</v>
      </c>
      <c r="L201" s="95">
        <v>2.129537898060031E-2</v>
      </c>
    </row>
    <row r="202" spans="1:12">
      <c r="A202" s="55" t="s">
        <v>581</v>
      </c>
      <c r="B202" s="181">
        <v>123</v>
      </c>
      <c r="C202" s="182">
        <v>5.1790087293659584</v>
      </c>
      <c r="D202" s="83">
        <v>0.25884431567156579</v>
      </c>
      <c r="E202" s="186">
        <v>0.10300963167950832</v>
      </c>
      <c r="F202" s="92">
        <v>5.6726988358401093E-2</v>
      </c>
      <c r="G202" s="186">
        <v>0.15142679872890943</v>
      </c>
      <c r="H202" s="92">
        <v>6.5455386398907495E-2</v>
      </c>
      <c r="I202" s="186">
        <v>0.72949965608542255</v>
      </c>
      <c r="J202" s="92">
        <v>7.9485641767963314E-2</v>
      </c>
      <c r="K202" s="91">
        <v>1.6063913506160554E-2</v>
      </c>
      <c r="L202" s="92">
        <v>3.0905458911549791E-2</v>
      </c>
    </row>
    <row r="203" spans="1:12">
      <c r="A203" s="47" t="s">
        <v>584</v>
      </c>
      <c r="B203" s="183">
        <v>113</v>
      </c>
      <c r="C203" s="184">
        <v>5.3003747583529899</v>
      </c>
      <c r="D203" s="185">
        <v>0.2793138844112385</v>
      </c>
      <c r="E203" s="187">
        <v>0.12920284577712607</v>
      </c>
      <c r="F203" s="95">
        <v>6.4516566575797921E-2</v>
      </c>
      <c r="G203" s="187">
        <v>0.14046273711571688</v>
      </c>
      <c r="H203" s="95">
        <v>6.6517946597834568E-2</v>
      </c>
      <c r="I203" s="187">
        <v>0.71278978128697534</v>
      </c>
      <c r="J203" s="95">
        <v>8.4279473812349667E-2</v>
      </c>
      <c r="K203" s="94">
        <v>1.7544635820181592E-2</v>
      </c>
      <c r="L203" s="95">
        <v>3.3527737682678305E-2</v>
      </c>
    </row>
    <row r="204" spans="1:12">
      <c r="A204" s="55" t="s">
        <v>585</v>
      </c>
      <c r="B204" s="181">
        <v>2249</v>
      </c>
      <c r="C204" s="182">
        <v>5.1017029033813808</v>
      </c>
      <c r="D204" s="83">
        <v>6.2434194248415252E-2</v>
      </c>
      <c r="E204" s="186">
        <v>0.14718266235664124</v>
      </c>
      <c r="F204" s="92">
        <v>1.4954378936575554E-2</v>
      </c>
      <c r="G204" s="186">
        <v>0.14032764197438358</v>
      </c>
      <c r="H204" s="92">
        <v>1.4662635300675627E-2</v>
      </c>
      <c r="I204" s="186">
        <v>0.69214574116271621</v>
      </c>
      <c r="J204" s="92">
        <v>1.9456028657490333E-2</v>
      </c>
      <c r="K204" s="91">
        <v>2.0343954506255913E-2</v>
      </c>
      <c r="L204" s="92">
        <v>6.0690347136351285E-3</v>
      </c>
    </row>
    <row r="205" spans="1:12">
      <c r="A205" s="47" t="s">
        <v>620</v>
      </c>
      <c r="B205" s="183">
        <v>154</v>
      </c>
      <c r="C205" s="184">
        <v>5.221456002771534</v>
      </c>
      <c r="D205" s="185">
        <v>0.22281322455152539</v>
      </c>
      <c r="E205" s="187">
        <v>0.13899281501293281</v>
      </c>
      <c r="F205" s="95">
        <v>5.6521325124285329E-2</v>
      </c>
      <c r="G205" s="187">
        <v>0.13542219179492762</v>
      </c>
      <c r="H205" s="95">
        <v>5.596739688514607E-2</v>
      </c>
      <c r="I205" s="187">
        <v>0.68559176522055565</v>
      </c>
      <c r="J205" s="95">
        <v>7.4166701712742797E-2</v>
      </c>
      <c r="K205" s="94">
        <v>3.9993227971584479E-2</v>
      </c>
      <c r="L205" s="95">
        <v>3.5210896584609248E-2</v>
      </c>
    </row>
    <row r="206" spans="1:12">
      <c r="A206" s="55" t="s">
        <v>621</v>
      </c>
      <c r="B206" s="181">
        <v>162</v>
      </c>
      <c r="C206" s="182">
        <v>5.1163307051672815</v>
      </c>
      <c r="D206" s="83">
        <v>0.21739863722097127</v>
      </c>
      <c r="E206" s="186">
        <v>0.1282934833983323</v>
      </c>
      <c r="F206" s="92">
        <v>5.3416443287184312E-2</v>
      </c>
      <c r="G206" s="186">
        <v>0.12860490885115777</v>
      </c>
      <c r="H206" s="92">
        <v>5.3466132389501791E-2</v>
      </c>
      <c r="I206" s="186">
        <v>0.71610691038646213</v>
      </c>
      <c r="J206" s="92">
        <v>7.0372741606691561E-2</v>
      </c>
      <c r="K206" s="91">
        <v>2.6994697364048584E-2</v>
      </c>
      <c r="L206" s="92">
        <v>2.9826178334186208E-2</v>
      </c>
    </row>
    <row r="207" spans="1:12">
      <c r="A207" s="47" t="s">
        <v>622</v>
      </c>
      <c r="B207" s="183">
        <v>991</v>
      </c>
      <c r="C207" s="184">
        <v>5.1043042967650081</v>
      </c>
      <c r="D207" s="185">
        <v>9.3417531894014527E-2</v>
      </c>
      <c r="E207" s="187">
        <v>0.14522051581137546</v>
      </c>
      <c r="F207" s="95">
        <v>2.2429475520034336E-2</v>
      </c>
      <c r="G207" s="187">
        <v>0.13429570072481062</v>
      </c>
      <c r="H207" s="95">
        <v>2.1718481826076858E-2</v>
      </c>
      <c r="I207" s="187">
        <v>0.70096560864730206</v>
      </c>
      <c r="J207" s="95">
        <v>2.9051117135554628E-2</v>
      </c>
      <c r="K207" s="94">
        <v>1.9518174816513505E-2</v>
      </c>
      <c r="L207" s="95">
        <v>9.1858899525825658E-3</v>
      </c>
    </row>
    <row r="208" spans="1:12">
      <c r="A208" s="55" t="s">
        <v>623</v>
      </c>
      <c r="B208" s="181">
        <v>300</v>
      </c>
      <c r="C208" s="182">
        <v>5.2554911097245709</v>
      </c>
      <c r="D208" s="83">
        <v>0.15505947816069174</v>
      </c>
      <c r="E208" s="186">
        <v>7.8766383834990003E-2</v>
      </c>
      <c r="F208" s="92">
        <v>3.1871645437429846E-2</v>
      </c>
      <c r="G208" s="186">
        <v>0.20119558730098114</v>
      </c>
      <c r="H208" s="92">
        <v>4.6318412582587433E-2</v>
      </c>
      <c r="I208" s="186">
        <v>0.71350591240968375</v>
      </c>
      <c r="J208" s="92">
        <v>5.2013021218591304E-2</v>
      </c>
      <c r="K208" s="91">
        <v>6.532116454345184E-3</v>
      </c>
      <c r="L208" s="92">
        <v>1.3005798961333064E-2</v>
      </c>
    </row>
    <row r="209" spans="1:15">
      <c r="A209" s="47" t="s">
        <v>624</v>
      </c>
      <c r="B209" s="183">
        <v>319</v>
      </c>
      <c r="C209" s="184">
        <v>4.9188445470374234</v>
      </c>
      <c r="D209" s="185">
        <v>0.17672380951404271</v>
      </c>
      <c r="E209" s="187">
        <v>0.19462066843652984</v>
      </c>
      <c r="F209" s="95">
        <v>4.4379299744201565E-2</v>
      </c>
      <c r="G209" s="187">
        <v>0.15098804071128549</v>
      </c>
      <c r="H209" s="95">
        <v>4.0306706685400373E-2</v>
      </c>
      <c r="I209" s="187">
        <v>0.63824220845226587</v>
      </c>
      <c r="J209" s="95">
        <v>5.3526937880914921E-2</v>
      </c>
      <c r="K209" s="94">
        <v>1.6149082399919881E-2</v>
      </c>
      <c r="L209" s="95">
        <v>1.6374418766717743E-2</v>
      </c>
    </row>
    <row r="210" spans="1:15">
      <c r="A210" s="55" t="s">
        <v>625</v>
      </c>
      <c r="B210" s="181">
        <v>1188</v>
      </c>
      <c r="C210" s="182">
        <v>5.1202165571434008</v>
      </c>
      <c r="D210" s="83">
        <v>8.5050928106993731E-2</v>
      </c>
      <c r="E210" s="186">
        <v>0.14839156749519808</v>
      </c>
      <c r="F210" s="92">
        <v>2.0660229883140344E-2</v>
      </c>
      <c r="G210" s="186">
        <v>0.14204744949274517</v>
      </c>
      <c r="H210" s="92">
        <v>2.0293853155824246E-2</v>
      </c>
      <c r="I210" s="186">
        <v>0.68861763602423498</v>
      </c>
      <c r="J210" s="92">
        <v>2.6839177763073138E-2</v>
      </c>
      <c r="K210" s="91">
        <v>2.094334698782193E-2</v>
      </c>
      <c r="L210" s="92">
        <v>8.6004478718878247E-3</v>
      </c>
    </row>
    <row r="211" spans="1:15">
      <c r="A211" s="47" t="s">
        <v>626</v>
      </c>
      <c r="B211" s="183">
        <v>1173</v>
      </c>
      <c r="C211" s="184">
        <v>5.1492168043039213</v>
      </c>
      <c r="D211" s="185">
        <v>8.7389709642351709E-2</v>
      </c>
      <c r="E211" s="187">
        <v>0.13742244544665408</v>
      </c>
      <c r="F211" s="95">
        <v>2.0146409002640402E-2</v>
      </c>
      <c r="G211" s="187">
        <v>0.13763196388819701</v>
      </c>
      <c r="H211" s="95">
        <v>2.0159129074694002E-2</v>
      </c>
      <c r="I211" s="187">
        <v>0.70696006485742202</v>
      </c>
      <c r="J211" s="95">
        <v>2.655259871140217E-2</v>
      </c>
      <c r="K211" s="94">
        <v>1.7985525807728078E-2</v>
      </c>
      <c r="L211" s="95">
        <v>8.0858920756269551E-3</v>
      </c>
    </row>
    <row r="212" spans="1:15">
      <c r="A212" s="55" t="s">
        <v>627</v>
      </c>
      <c r="B212" s="181">
        <v>346</v>
      </c>
      <c r="C212" s="182">
        <v>5.1779036906016263</v>
      </c>
      <c r="D212" s="83">
        <v>0.16617243690405153</v>
      </c>
      <c r="E212" s="186">
        <v>0.12260800648973</v>
      </c>
      <c r="F212" s="92">
        <v>3.5586851973303572E-2</v>
      </c>
      <c r="G212" s="186">
        <v>0.15667417712701823</v>
      </c>
      <c r="H212" s="92">
        <v>3.9251018559329096E-2</v>
      </c>
      <c r="I212" s="186">
        <v>0.70363050250899961</v>
      </c>
      <c r="J212" s="92">
        <v>4.8928750848102595E-2</v>
      </c>
      <c r="K212" s="91">
        <v>1.7087313874249957E-2</v>
      </c>
      <c r="L212" s="92">
        <v>1.5890795351216437E-2</v>
      </c>
    </row>
    <row r="213" spans="1:15">
      <c r="A213" s="47" t="s">
        <v>628</v>
      </c>
      <c r="B213" s="183">
        <v>827</v>
      </c>
      <c r="C213" s="184">
        <v>5.1317882853830774</v>
      </c>
      <c r="D213" s="185">
        <v>0.10266711036698822</v>
      </c>
      <c r="E213" s="187">
        <v>0.14640964073697768</v>
      </c>
      <c r="F213" s="95">
        <v>2.464423953345905E-2</v>
      </c>
      <c r="G213" s="187">
        <v>0.12607998479301233</v>
      </c>
      <c r="H213" s="95">
        <v>2.3169608176101E-2</v>
      </c>
      <c r="I213" s="187">
        <v>0.70897994742898174</v>
      </c>
      <c r="J213" s="95">
        <v>3.1546333204162204E-2</v>
      </c>
      <c r="K213" s="94">
        <v>1.8530427041027465E-2</v>
      </c>
      <c r="L213" s="95">
        <v>9.9125738512464215E-3</v>
      </c>
    </row>
    <row r="214" spans="1:15">
      <c r="A214" s="55" t="s">
        <v>629</v>
      </c>
      <c r="B214" s="181">
        <v>218</v>
      </c>
      <c r="C214" s="182">
        <v>5.1638140394675229</v>
      </c>
      <c r="D214" s="83">
        <v>0.17921751653167942</v>
      </c>
      <c r="E214" s="186">
        <v>0.102986926992677</v>
      </c>
      <c r="F214" s="92">
        <v>4.2023036701143698E-2</v>
      </c>
      <c r="G214" s="186">
        <v>0.15705428515987421</v>
      </c>
      <c r="H214" s="92">
        <v>4.960897838603795E-2</v>
      </c>
      <c r="I214" s="186">
        <v>0.72262233581260815</v>
      </c>
      <c r="J214" s="92">
        <v>6.036065437280199E-2</v>
      </c>
      <c r="K214" s="91">
        <v>1.7336452034840143E-2</v>
      </c>
      <c r="L214" s="92">
        <v>2.1374132143632603E-2</v>
      </c>
    </row>
    <row r="215" spans="1:15">
      <c r="A215" s="47" t="s">
        <v>630</v>
      </c>
      <c r="B215" s="183">
        <v>389</v>
      </c>
      <c r="C215" s="184">
        <v>5.100796271625935</v>
      </c>
      <c r="D215" s="185">
        <v>0.14090791602230873</v>
      </c>
      <c r="E215" s="187">
        <v>0.13445366335162123</v>
      </c>
      <c r="F215" s="95">
        <v>3.4814246016600069E-2</v>
      </c>
      <c r="G215" s="187">
        <v>0.12079576438640068</v>
      </c>
      <c r="H215" s="95">
        <v>3.3325657130484493E-2</v>
      </c>
      <c r="I215" s="187">
        <v>0.73004664362779481</v>
      </c>
      <c r="J215" s="95">
        <v>4.4908767115790532E-2</v>
      </c>
      <c r="K215" s="94">
        <v>1.4703928634184541E-2</v>
      </c>
      <c r="L215" s="95">
        <v>1.4000170294592889E-2</v>
      </c>
    </row>
    <row r="216" spans="1:15">
      <c r="A216" s="55" t="s">
        <v>631</v>
      </c>
      <c r="B216" s="181">
        <v>56</v>
      </c>
      <c r="C216" s="182">
        <v>5.2200054669426157</v>
      </c>
      <c r="D216" s="83">
        <v>0.39552956446217319</v>
      </c>
      <c r="E216" s="186">
        <v>9.6267144913028971E-2</v>
      </c>
      <c r="F216" s="92">
        <v>8.4856230863600557E-2</v>
      </c>
      <c r="G216" s="186">
        <v>0.16803038629568923</v>
      </c>
      <c r="H216" s="92">
        <v>0.10132463473351251</v>
      </c>
      <c r="I216" s="186">
        <v>0.73570246879128209</v>
      </c>
      <c r="J216" s="92">
        <v>0.11593240924341462</v>
      </c>
      <c r="K216" s="91">
        <v>0</v>
      </c>
      <c r="L216" s="92">
        <v>4.6348119143587135E-2</v>
      </c>
    </row>
    <row r="217" spans="1:15">
      <c r="A217" s="47" t="s">
        <v>632</v>
      </c>
      <c r="B217" s="183">
        <v>333</v>
      </c>
      <c r="C217" s="184">
        <v>5.0660047194283973</v>
      </c>
      <c r="D217" s="185">
        <v>0.15068317063263129</v>
      </c>
      <c r="E217" s="187">
        <v>0.14538771515097368</v>
      </c>
      <c r="F217" s="95">
        <v>3.8858729379845809E-2</v>
      </c>
      <c r="G217" s="187">
        <v>0.10727094401008051</v>
      </c>
      <c r="H217" s="95">
        <v>3.4349149951191531E-2</v>
      </c>
      <c r="I217" s="187">
        <v>0.72842719551274582</v>
      </c>
      <c r="J217" s="95">
        <v>4.8606985055242476E-2</v>
      </c>
      <c r="K217" s="94">
        <v>1.8914145326201039E-2</v>
      </c>
      <c r="L217" s="95">
        <v>1.6884317139415735E-2</v>
      </c>
    </row>
    <row r="218" spans="1:15">
      <c r="A218" s="55" t="s">
        <v>633</v>
      </c>
      <c r="B218" s="181">
        <v>659</v>
      </c>
      <c r="C218" s="182">
        <v>5.0936660878422879</v>
      </c>
      <c r="D218" s="83">
        <v>0.11394775112240053</v>
      </c>
      <c r="E218" s="186">
        <v>0.14565274829363112</v>
      </c>
      <c r="F218" s="92">
        <v>2.7565748246349966E-2</v>
      </c>
      <c r="G218" s="186">
        <v>0.15399350631084002</v>
      </c>
      <c r="H218" s="92">
        <v>2.8190232870936496E-2</v>
      </c>
      <c r="I218" s="186">
        <v>0.67678677742698268</v>
      </c>
      <c r="J218" s="92">
        <v>3.6359393809318165E-2</v>
      </c>
      <c r="K218" s="91">
        <v>2.3566967968545679E-2</v>
      </c>
      <c r="L218" s="92">
        <v>1.2462245625249684E-2</v>
      </c>
    </row>
    <row r="219" spans="1:15">
      <c r="A219" s="47" t="s">
        <v>634</v>
      </c>
      <c r="B219" s="183">
        <v>609</v>
      </c>
      <c r="C219" s="184">
        <v>5.1021895370902266</v>
      </c>
      <c r="D219" s="185">
        <v>0.12463890834553647</v>
      </c>
      <c r="E219" s="187">
        <v>0.15048691711801712</v>
      </c>
      <c r="F219" s="95">
        <v>2.9061408042239962E-2</v>
      </c>
      <c r="G219" s="187">
        <v>0.14885219203836356</v>
      </c>
      <c r="H219" s="95">
        <v>2.8934212891918939E-2</v>
      </c>
      <c r="I219" s="187">
        <v>0.68410308551468291</v>
      </c>
      <c r="J219" s="95">
        <v>3.7590299855156051E-2</v>
      </c>
      <c r="K219" s="94">
        <v>1.6557805328936765E-2</v>
      </c>
      <c r="L219" s="95">
        <v>1.1229135026348737E-2</v>
      </c>
    </row>
    <row r="220" spans="1:15">
      <c r="A220" s="55" t="s">
        <v>635</v>
      </c>
      <c r="B220" s="181">
        <v>228</v>
      </c>
      <c r="C220" s="182">
        <v>5.1244947995407246</v>
      </c>
      <c r="D220" s="83">
        <v>0.21280636053746557</v>
      </c>
      <c r="E220" s="186">
        <v>0.14083485429613496</v>
      </c>
      <c r="F220" s="92">
        <v>4.6499965361174352E-2</v>
      </c>
      <c r="G220" s="186">
        <v>0.15821378115024068</v>
      </c>
      <c r="H220" s="92">
        <v>4.8632268166198429E-2</v>
      </c>
      <c r="I220" s="186">
        <v>0.67885273387941381</v>
      </c>
      <c r="J220" s="92">
        <v>6.1462805604148948E-2</v>
      </c>
      <c r="K220" s="91">
        <v>2.2098630674209842E-2</v>
      </c>
      <c r="L220" s="92">
        <v>2.252121468636422E-2</v>
      </c>
    </row>
    <row r="221" spans="1:15">
      <c r="A221" s="47" t="s">
        <v>636</v>
      </c>
      <c r="B221" s="183">
        <v>381</v>
      </c>
      <c r="C221" s="184">
        <v>5.0832785693447073</v>
      </c>
      <c r="D221" s="185">
        <v>0.15339733372803277</v>
      </c>
      <c r="E221" s="187">
        <v>0.15875627209126272</v>
      </c>
      <c r="F221" s="95">
        <v>3.7584168006391389E-2</v>
      </c>
      <c r="G221" s="187">
        <v>0.14083169891597344</v>
      </c>
      <c r="H221" s="95">
        <v>3.5844507605100613E-2</v>
      </c>
      <c r="I221" s="187">
        <v>0.68860129716203911</v>
      </c>
      <c r="J221" s="95">
        <v>4.7280850555022361E-2</v>
      </c>
      <c r="K221" s="94">
        <v>1.1810731830726295E-2</v>
      </c>
      <c r="L221" s="95">
        <v>1.3131818496219876E-2</v>
      </c>
    </row>
    <row r="222" spans="1:15" s="244" customFormat="1">
      <c r="A222" s="237"/>
      <c r="B222" s="246"/>
      <c r="C222" s="247"/>
      <c r="D222" s="243"/>
      <c r="E222" s="247"/>
      <c r="F222" s="243"/>
      <c r="G222" s="247"/>
      <c r="H222" s="243"/>
      <c r="I222"/>
      <c r="J222"/>
      <c r="K222"/>
      <c r="L222"/>
      <c r="M222"/>
      <c r="N222"/>
      <c r="O222"/>
    </row>
    <row r="223" spans="1:15" ht="18.75">
      <c r="A223" s="344" t="s">
        <v>30</v>
      </c>
      <c r="B223" s="344"/>
      <c r="C223" s="344"/>
      <c r="D223" s="344"/>
      <c r="E223" s="344"/>
      <c r="F223" s="344"/>
      <c r="G223" s="344"/>
      <c r="H223" s="344"/>
      <c r="I223" s="344"/>
      <c r="J223" s="344"/>
    </row>
    <row r="224" spans="1:15" ht="48.75" customHeight="1">
      <c r="A224" s="410" t="s">
        <v>562</v>
      </c>
      <c r="B224" s="410"/>
      <c r="C224" s="410"/>
      <c r="D224" s="410"/>
      <c r="E224" s="410"/>
      <c r="F224" s="410"/>
      <c r="G224" s="410"/>
      <c r="H224" s="410"/>
      <c r="I224" s="410"/>
      <c r="J224" s="410"/>
    </row>
    <row r="225" spans="1:10" ht="36" customHeight="1">
      <c r="A225" s="295" t="s">
        <v>219</v>
      </c>
      <c r="B225" s="296"/>
      <c r="C225" s="296"/>
      <c r="D225" s="296"/>
      <c r="E225" s="296"/>
      <c r="F225" s="296"/>
      <c r="G225" s="296"/>
      <c r="H225" s="296"/>
      <c r="I225" s="296"/>
      <c r="J225" s="296"/>
    </row>
    <row r="226" spans="1:10" ht="37.5" customHeight="1">
      <c r="A226" s="108" t="s">
        <v>70</v>
      </c>
      <c r="B226" s="36" t="s">
        <v>71</v>
      </c>
      <c r="C226" s="37" t="s">
        <v>550</v>
      </c>
      <c r="D226" s="38" t="s">
        <v>72</v>
      </c>
      <c r="E226" s="36" t="s">
        <v>218</v>
      </c>
      <c r="F226" s="87" t="s">
        <v>137</v>
      </c>
      <c r="G226" s="36" t="s">
        <v>138</v>
      </c>
      <c r="H226" s="87" t="s">
        <v>139</v>
      </c>
      <c r="I226" s="36" t="s">
        <v>317</v>
      </c>
      <c r="J226" s="87" t="s">
        <v>318</v>
      </c>
    </row>
    <row r="227" spans="1:10" ht="72">
      <c r="A227" s="109"/>
      <c r="B227" s="40" t="s">
        <v>73</v>
      </c>
      <c r="C227" s="126" t="s">
        <v>305</v>
      </c>
      <c r="D227" s="42" t="s">
        <v>75</v>
      </c>
      <c r="E227" s="40" t="s">
        <v>182</v>
      </c>
      <c r="F227" s="89" t="s">
        <v>87</v>
      </c>
      <c r="G227" s="40" t="s">
        <v>183</v>
      </c>
      <c r="H227" s="89" t="s">
        <v>87</v>
      </c>
      <c r="I227" s="40" t="s">
        <v>184</v>
      </c>
      <c r="J227" s="89" t="s">
        <v>87</v>
      </c>
    </row>
    <row r="228" spans="1:10">
      <c r="A228" s="43" t="s">
        <v>348</v>
      </c>
      <c r="B228" s="188">
        <v>13851</v>
      </c>
      <c r="C228" s="182">
        <v>3.0329160970560132</v>
      </c>
      <c r="D228" s="83">
        <v>3.6623511781898717E-2</v>
      </c>
      <c r="E228" s="189">
        <v>0.37105043020143802</v>
      </c>
      <c r="F228" s="92">
        <v>8.2084289746870275E-3</v>
      </c>
      <c r="G228" s="189">
        <v>0.34435669868004803</v>
      </c>
      <c r="H228" s="92">
        <v>8.0738051360290924E-3</v>
      </c>
      <c r="I228" s="189">
        <v>0.28459287111853304</v>
      </c>
      <c r="J228" s="92">
        <v>7.6673261852317435E-3</v>
      </c>
    </row>
    <row r="229" spans="1:10">
      <c r="A229" s="47" t="s">
        <v>349</v>
      </c>
      <c r="B229" s="47">
        <v>10168</v>
      </c>
      <c r="C229" s="184">
        <v>3.2855500810756517</v>
      </c>
      <c r="D229" s="185">
        <v>4.3504768149603079E-2</v>
      </c>
      <c r="E229" s="191">
        <v>0.33692624218903311</v>
      </c>
      <c r="F229" s="95">
        <v>9.3733640094873748E-3</v>
      </c>
      <c r="G229" s="191">
        <v>0.33185389271766746</v>
      </c>
      <c r="H229" s="95">
        <v>9.3380838807650968E-3</v>
      </c>
      <c r="I229" s="191">
        <v>0.3312198650932992</v>
      </c>
      <c r="J229" s="95">
        <v>9.3335884448259264E-3</v>
      </c>
    </row>
    <row r="230" spans="1:10">
      <c r="A230" s="43" t="s">
        <v>350</v>
      </c>
      <c r="B230" s="51">
        <v>3683</v>
      </c>
      <c r="C230" s="182">
        <v>2.8273523170568304</v>
      </c>
      <c r="D230" s="83">
        <v>6.3360027012683451E-2</v>
      </c>
      <c r="E230" s="189">
        <v>0.39881667512865937</v>
      </c>
      <c r="F230" s="92">
        <v>1.6128859226447259E-2</v>
      </c>
      <c r="G230" s="189">
        <v>0.35453000954395897</v>
      </c>
      <c r="H230" s="92">
        <v>1.5758014580535377E-2</v>
      </c>
      <c r="I230" s="189">
        <v>0.24665331532738238</v>
      </c>
      <c r="J230" s="92">
        <v>1.4203551377707875E-2</v>
      </c>
    </row>
    <row r="231" spans="1:10">
      <c r="A231" s="47" t="s">
        <v>568</v>
      </c>
      <c r="B231" s="47">
        <v>11479</v>
      </c>
      <c r="C231" s="184">
        <v>3.0228311158502161</v>
      </c>
      <c r="D231" s="185">
        <v>3.9649374386070031E-2</v>
      </c>
      <c r="E231" s="191">
        <v>0.37281307255528601</v>
      </c>
      <c r="F231" s="95">
        <v>9.025200157676912E-3</v>
      </c>
      <c r="G231" s="191">
        <v>0.34461474847056356</v>
      </c>
      <c r="H231" s="95">
        <v>8.8702067852209788E-3</v>
      </c>
      <c r="I231" s="191">
        <v>0.28257217897417242</v>
      </c>
      <c r="J231" s="95">
        <v>8.4041034596358966E-3</v>
      </c>
    </row>
    <row r="232" spans="1:10">
      <c r="A232" s="43" t="s">
        <v>569</v>
      </c>
      <c r="B232" s="51">
        <v>2372</v>
      </c>
      <c r="C232" s="182">
        <v>4.3032050465734919</v>
      </c>
      <c r="D232" s="83">
        <v>8.5487940351743744E-2</v>
      </c>
      <c r="E232" s="189">
        <v>0.14903067048608012</v>
      </c>
      <c r="F232" s="92">
        <v>1.4635580366301099E-2</v>
      </c>
      <c r="G232" s="189">
        <v>0.31185313812523119</v>
      </c>
      <c r="H232" s="92">
        <v>1.9012659587417827E-2</v>
      </c>
      <c r="I232" s="189">
        <v>0.53911619138868605</v>
      </c>
      <c r="J232" s="92">
        <v>2.0452584197329662E-2</v>
      </c>
    </row>
    <row r="233" spans="1:10">
      <c r="A233" s="47" t="s">
        <v>570</v>
      </c>
      <c r="B233" s="47">
        <v>607</v>
      </c>
      <c r="C233" s="184">
        <v>4.1406573170298273</v>
      </c>
      <c r="D233" s="185">
        <v>0.16985270899274427</v>
      </c>
      <c r="E233" s="191">
        <v>0.17682380659717384</v>
      </c>
      <c r="F233" s="95">
        <v>3.1013451731644118E-2</v>
      </c>
      <c r="G233" s="191">
        <v>0.33967976191789739</v>
      </c>
      <c r="H233" s="95">
        <v>3.8348291955126318E-2</v>
      </c>
      <c r="I233" s="191">
        <v>0.4834964314849286</v>
      </c>
      <c r="J233" s="95">
        <v>4.0433913812629445E-2</v>
      </c>
    </row>
    <row r="234" spans="1:10">
      <c r="A234" s="43" t="s">
        <v>571</v>
      </c>
      <c r="B234" s="51">
        <v>1276</v>
      </c>
      <c r="C234" s="182">
        <v>4.2879383952003893</v>
      </c>
      <c r="D234" s="83">
        <v>0.11668859107753576</v>
      </c>
      <c r="E234" s="189">
        <v>0.15622561304769098</v>
      </c>
      <c r="F234" s="92">
        <v>2.0352875023256268E-2</v>
      </c>
      <c r="G234" s="189">
        <v>0.30273315035866211</v>
      </c>
      <c r="H234" s="92">
        <v>2.5698286897141636E-2</v>
      </c>
      <c r="I234" s="189">
        <v>0.541041236593649</v>
      </c>
      <c r="J234" s="92">
        <v>2.785712026597691E-2</v>
      </c>
    </row>
    <row r="235" spans="1:10">
      <c r="A235" s="47" t="s">
        <v>582</v>
      </c>
      <c r="B235" s="47">
        <v>867</v>
      </c>
      <c r="C235" s="184">
        <v>4.3108373612327417</v>
      </c>
      <c r="D235" s="185">
        <v>0.14256179927872381</v>
      </c>
      <c r="E235" s="191">
        <v>0.16249431229321451</v>
      </c>
      <c r="F235" s="95">
        <v>2.5095341037713142E-2</v>
      </c>
      <c r="G235" s="191">
        <v>0.29886140142741235</v>
      </c>
      <c r="H235" s="95">
        <v>3.1048571242364723E-2</v>
      </c>
      <c r="I235" s="191">
        <v>0.53864428627937511</v>
      </c>
      <c r="J235" s="95">
        <v>3.3783283396264872E-2</v>
      </c>
    </row>
    <row r="236" spans="1:10">
      <c r="A236" s="43" t="s">
        <v>583</v>
      </c>
      <c r="B236" s="51">
        <v>1505</v>
      </c>
      <c r="C236" s="182">
        <v>4.3001541807913286</v>
      </c>
      <c r="D236" s="83">
        <v>0.10684353666781704</v>
      </c>
      <c r="E236" s="189">
        <v>0.14364884781149562</v>
      </c>
      <c r="F236" s="92">
        <v>1.8106977897203318E-2</v>
      </c>
      <c r="G236" s="189">
        <v>0.31704632613068723</v>
      </c>
      <c r="H236" s="92">
        <v>2.3967349719837168E-2</v>
      </c>
      <c r="I236" s="189">
        <v>0.53930482605781671</v>
      </c>
      <c r="J236" s="92">
        <v>2.5663536853008671E-2</v>
      </c>
    </row>
    <row r="237" spans="1:10">
      <c r="A237" s="47" t="s">
        <v>572</v>
      </c>
      <c r="B237" s="47">
        <v>292</v>
      </c>
      <c r="C237" s="184">
        <v>4.5348040550027235</v>
      </c>
      <c r="D237" s="185">
        <v>0.22692378205494304</v>
      </c>
      <c r="E237" s="191">
        <v>8.3074955865765909E-2</v>
      </c>
      <c r="F237" s="95">
        <v>3.3051920161197131E-2</v>
      </c>
      <c r="G237" s="191">
        <v>0.33315051949988517</v>
      </c>
      <c r="H237" s="95">
        <v>5.4884222823783857E-2</v>
      </c>
      <c r="I237" s="191">
        <v>0.58377452463434876</v>
      </c>
      <c r="J237" s="95">
        <v>5.7324376647682543E-2</v>
      </c>
    </row>
    <row r="238" spans="1:10">
      <c r="A238" s="43" t="s">
        <v>573</v>
      </c>
      <c r="B238" s="188">
        <v>449</v>
      </c>
      <c r="C238" s="182">
        <v>4.4632697084027173</v>
      </c>
      <c r="D238" s="83">
        <v>0.19230254728193949</v>
      </c>
      <c r="E238" s="189">
        <v>0.16244569334227277</v>
      </c>
      <c r="F238" s="92">
        <v>3.4915279719258584E-2</v>
      </c>
      <c r="G238" s="189">
        <v>0.26729094891274202</v>
      </c>
      <c r="H238" s="92">
        <v>4.1686163577207308E-2</v>
      </c>
      <c r="I238" s="189">
        <v>0.57026335774498638</v>
      </c>
      <c r="J238" s="92">
        <v>4.6526107669763131E-2</v>
      </c>
    </row>
    <row r="239" spans="1:10">
      <c r="A239" s="47" t="s">
        <v>574</v>
      </c>
      <c r="B239" s="190">
        <v>674</v>
      </c>
      <c r="C239" s="184">
        <v>4.2293500713890451</v>
      </c>
      <c r="D239" s="185">
        <v>0.16254332576805358</v>
      </c>
      <c r="E239" s="191">
        <v>0.17244715818026857</v>
      </c>
      <c r="F239" s="95">
        <v>2.9144272427000257E-2</v>
      </c>
      <c r="G239" s="191">
        <v>0.28907696727069188</v>
      </c>
      <c r="H239" s="95">
        <v>3.4864665796802863E-2</v>
      </c>
      <c r="I239" s="191">
        <v>0.53847587454903834</v>
      </c>
      <c r="J239" s="95">
        <v>3.8292233191513612E-2</v>
      </c>
    </row>
    <row r="240" spans="1:10">
      <c r="A240" s="43" t="s">
        <v>575</v>
      </c>
      <c r="B240" s="52">
        <v>931</v>
      </c>
      <c r="C240" s="182">
        <v>4.1016404997099309</v>
      </c>
      <c r="D240" s="83">
        <v>0.13851067525832034</v>
      </c>
      <c r="E240" s="189">
        <v>0.16853713710685525</v>
      </c>
      <c r="F240" s="92">
        <v>2.4566435397027391E-2</v>
      </c>
      <c r="G240" s="189">
        <v>0.33750045229722841</v>
      </c>
      <c r="H240" s="92">
        <v>3.0943754272747259E-2</v>
      </c>
      <c r="I240" s="189">
        <v>0.49396241059591212</v>
      </c>
      <c r="J240" s="92">
        <v>3.2701133031767297E-2</v>
      </c>
    </row>
    <row r="241" spans="1:10">
      <c r="A241" s="47" t="s">
        <v>576</v>
      </c>
      <c r="B241" s="190">
        <v>755</v>
      </c>
      <c r="C241" s="184">
        <v>4.3483028886821131</v>
      </c>
      <c r="D241" s="185">
        <v>0.15105309589792501</v>
      </c>
      <c r="E241" s="191">
        <v>0.14679066811834982</v>
      </c>
      <c r="F241" s="95">
        <v>2.5825466990241543E-2</v>
      </c>
      <c r="G241" s="191">
        <v>0.30774560018949948</v>
      </c>
      <c r="H241" s="95">
        <v>3.3537724056073928E-2</v>
      </c>
      <c r="I241" s="191">
        <v>0.54546373169215068</v>
      </c>
      <c r="J241" s="95">
        <v>3.6148921791724846E-2</v>
      </c>
    </row>
    <row r="242" spans="1:10">
      <c r="A242" s="55" t="s">
        <v>577</v>
      </c>
      <c r="B242" s="188">
        <v>767</v>
      </c>
      <c r="C242" s="182">
        <v>4.1313392847927108</v>
      </c>
      <c r="D242" s="83">
        <v>0.15206831053278988</v>
      </c>
      <c r="E242" s="189">
        <v>0.16601262507932504</v>
      </c>
      <c r="F242" s="92">
        <v>2.6912633166971334E-2</v>
      </c>
      <c r="G242" s="189">
        <v>0.32495453315438416</v>
      </c>
      <c r="H242" s="92">
        <v>3.3759367750345708E-2</v>
      </c>
      <c r="I242" s="189">
        <v>0.50903284176628749</v>
      </c>
      <c r="J242" s="92">
        <v>3.6008303710552733E-2</v>
      </c>
    </row>
    <row r="243" spans="1:10">
      <c r="A243" s="47" t="s">
        <v>578</v>
      </c>
      <c r="B243" s="190">
        <v>259</v>
      </c>
      <c r="C243" s="184">
        <v>4.521294655771217</v>
      </c>
      <c r="D243" s="185">
        <v>0.24560794838049649</v>
      </c>
      <c r="E243" s="191">
        <v>0.11823495401439241</v>
      </c>
      <c r="F243" s="95">
        <v>4.0651543581078954E-2</v>
      </c>
      <c r="G243" s="191">
        <v>0.29008610324313078</v>
      </c>
      <c r="H243" s="95">
        <v>5.6145696980045248E-2</v>
      </c>
      <c r="I243" s="191">
        <v>0.59167894274247679</v>
      </c>
      <c r="J243" s="95">
        <v>6.0649048841657151E-2</v>
      </c>
    </row>
    <row r="244" spans="1:10">
      <c r="A244" s="55" t="s">
        <v>579</v>
      </c>
      <c r="B244" s="188">
        <v>221</v>
      </c>
      <c r="C244" s="182">
        <v>3.9511718682879904</v>
      </c>
      <c r="D244" s="83">
        <v>0.28468137792323855</v>
      </c>
      <c r="E244" s="189">
        <v>0.18512462387535397</v>
      </c>
      <c r="F244" s="92">
        <v>5.2382757349148427E-2</v>
      </c>
      <c r="G244" s="189">
        <v>0.37076809899498714</v>
      </c>
      <c r="H244" s="92">
        <v>6.4482575999799133E-2</v>
      </c>
      <c r="I244" s="189">
        <v>0.44410727712965925</v>
      </c>
      <c r="J244" s="92">
        <v>6.6263593707826945E-2</v>
      </c>
    </row>
    <row r="245" spans="1:10">
      <c r="A245" s="47" t="s">
        <v>580</v>
      </c>
      <c r="B245" s="190">
        <v>219</v>
      </c>
      <c r="C245" s="184">
        <v>4.6539144694130119</v>
      </c>
      <c r="D245" s="185">
        <v>0.27099129669046984</v>
      </c>
      <c r="E245" s="191">
        <v>0.10842760067013618</v>
      </c>
      <c r="F245" s="95">
        <v>4.2799420253893286E-2</v>
      </c>
      <c r="G245" s="191">
        <v>0.29384673721253535</v>
      </c>
      <c r="H245" s="95">
        <v>6.1229816620299138E-2</v>
      </c>
      <c r="I245" s="191">
        <v>0.59772566211732847</v>
      </c>
      <c r="J245" s="95">
        <v>6.5719779366868958E-2</v>
      </c>
    </row>
    <row r="246" spans="1:10" ht="18" customHeight="1">
      <c r="A246" s="55" t="s">
        <v>581</v>
      </c>
      <c r="B246" s="188">
        <v>122</v>
      </c>
      <c r="C246" s="182">
        <v>4.0419949739201186</v>
      </c>
      <c r="D246" s="83">
        <v>0.39233027058296743</v>
      </c>
      <c r="E246" s="189">
        <v>0.20085345130514726</v>
      </c>
      <c r="F246" s="92">
        <v>7.2616184807144657E-2</v>
      </c>
      <c r="G246" s="189">
        <v>0.34578205118810579</v>
      </c>
      <c r="H246" s="92">
        <v>8.5021546892374816E-2</v>
      </c>
      <c r="I246" s="189">
        <v>0.4533644975067474</v>
      </c>
      <c r="J246" s="92">
        <v>8.8723044203329243E-2</v>
      </c>
    </row>
    <row r="247" spans="1:10">
      <c r="A247" s="47" t="s">
        <v>584</v>
      </c>
      <c r="B247" s="190">
        <v>114</v>
      </c>
      <c r="C247" s="184">
        <v>4.5344243613387825</v>
      </c>
      <c r="D247" s="185">
        <v>0.34978805034333438</v>
      </c>
      <c r="E247" s="191">
        <v>7.6982903061362698E-2</v>
      </c>
      <c r="F247" s="95">
        <v>5.3037458120158698E-2</v>
      </c>
      <c r="G247" s="191">
        <v>0.31423171329958804</v>
      </c>
      <c r="H247" s="95">
        <v>8.5922736247881201E-2</v>
      </c>
      <c r="I247" s="191">
        <v>0.60878538363904955</v>
      </c>
      <c r="J247" s="95">
        <v>9.000084073202605E-2</v>
      </c>
    </row>
    <row r="248" spans="1:10">
      <c r="A248" s="55" t="s">
        <v>585</v>
      </c>
      <c r="B248" s="188">
        <v>2258</v>
      </c>
      <c r="C248" s="182">
        <v>4.2631121028619257</v>
      </c>
      <c r="D248" s="83">
        <v>8.8037018677015785E-2</v>
      </c>
      <c r="E248" s="189">
        <v>0.16152360208582919</v>
      </c>
      <c r="F248" s="92">
        <v>1.5498698245706202E-2</v>
      </c>
      <c r="G248" s="189">
        <v>0.31144069818406045</v>
      </c>
      <c r="H248" s="92">
        <v>1.9479115491888258E-2</v>
      </c>
      <c r="I248" s="189">
        <v>0.52703569973010644</v>
      </c>
      <c r="J248" s="92">
        <v>2.0995206127337997E-2</v>
      </c>
    </row>
    <row r="249" spans="1:10">
      <c r="A249" s="47" t="s">
        <v>620</v>
      </c>
      <c r="B249" s="190">
        <v>156</v>
      </c>
      <c r="C249" s="184">
        <v>4.3960583919740932</v>
      </c>
      <c r="D249" s="185">
        <v>0.33071940430425928</v>
      </c>
      <c r="E249" s="191">
        <v>0.14108178205453192</v>
      </c>
      <c r="F249" s="95">
        <v>5.6466431013484412E-2</v>
      </c>
      <c r="G249" s="191">
        <v>0.30339493194049977</v>
      </c>
      <c r="H249" s="95">
        <v>7.3016259556033414E-2</v>
      </c>
      <c r="I249" s="191">
        <v>0.55552328600496859</v>
      </c>
      <c r="J249" s="95">
        <v>7.8592203764685592E-2</v>
      </c>
    </row>
    <row r="250" spans="1:10">
      <c r="A250" s="55" t="s">
        <v>621</v>
      </c>
      <c r="B250" s="188">
        <v>162</v>
      </c>
      <c r="C250" s="182">
        <v>4.4247382837299396</v>
      </c>
      <c r="D250" s="83">
        <v>0.30182368061102199</v>
      </c>
      <c r="E250" s="189">
        <v>0.12528312907051453</v>
      </c>
      <c r="F250" s="92">
        <v>5.2931557694293752E-2</v>
      </c>
      <c r="G250" s="189">
        <v>0.33640179537028869</v>
      </c>
      <c r="H250" s="92">
        <v>7.3551872748400596E-2</v>
      </c>
      <c r="I250" s="189">
        <v>0.53831507555919766</v>
      </c>
      <c r="J250" s="92">
        <v>7.7397713571465632E-2</v>
      </c>
    </row>
    <row r="251" spans="1:10">
      <c r="A251" s="47" t="s">
        <v>622</v>
      </c>
      <c r="B251" s="190">
        <v>994</v>
      </c>
      <c r="C251" s="184">
        <v>4.2537775247034508</v>
      </c>
      <c r="D251" s="185">
        <v>0.13268715567095951</v>
      </c>
      <c r="E251" s="191">
        <v>0.16773676776618796</v>
      </c>
      <c r="F251" s="95">
        <v>2.3728958133859803E-2</v>
      </c>
      <c r="G251" s="191">
        <v>0.29572978050415799</v>
      </c>
      <c r="H251" s="95">
        <v>2.8915431018235876E-2</v>
      </c>
      <c r="I251" s="191">
        <v>0.53653345172965472</v>
      </c>
      <c r="J251" s="95">
        <v>3.1570513652631201E-2</v>
      </c>
    </row>
    <row r="252" spans="1:10">
      <c r="A252" s="55" t="s">
        <v>623</v>
      </c>
      <c r="B252" s="188">
        <v>301</v>
      </c>
      <c r="C252" s="182">
        <v>3.7392277430599701</v>
      </c>
      <c r="D252" s="83">
        <v>0.24418633591714115</v>
      </c>
      <c r="E252" s="189">
        <v>0.18096316575308968</v>
      </c>
      <c r="F252" s="92">
        <v>4.4481382984583109E-2</v>
      </c>
      <c r="G252" s="189">
        <v>0.44743932880511267</v>
      </c>
      <c r="H252" s="92">
        <v>5.6950869013252442E-2</v>
      </c>
      <c r="I252" s="189">
        <v>0.37159750544179765</v>
      </c>
      <c r="J252" s="92">
        <v>5.5390407503484153E-2</v>
      </c>
    </row>
    <row r="253" spans="1:10">
      <c r="A253" s="47" t="s">
        <v>624</v>
      </c>
      <c r="B253" s="190">
        <v>319</v>
      </c>
      <c r="C253" s="184">
        <v>4.9771060668206406</v>
      </c>
      <c r="D253" s="185">
        <v>0.21874698003922685</v>
      </c>
      <c r="E253" s="191">
        <v>9.8127576019925403E-2</v>
      </c>
      <c r="F253" s="95">
        <v>3.3840606639970683E-2</v>
      </c>
      <c r="G253" s="191">
        <v>0.21128092173549642</v>
      </c>
      <c r="H253" s="95">
        <v>4.5706442736200066E-2</v>
      </c>
      <c r="I253" s="191">
        <v>0.6905915022445791</v>
      </c>
      <c r="J253" s="95">
        <v>5.1548048079230212E-2</v>
      </c>
    </row>
    <row r="254" spans="1:10">
      <c r="A254" s="55" t="s">
        <v>625</v>
      </c>
      <c r="B254" s="188">
        <v>1191</v>
      </c>
      <c r="C254" s="182">
        <v>4.2554312882147762</v>
      </c>
      <c r="D254" s="83">
        <v>0.11853302539652442</v>
      </c>
      <c r="E254" s="189">
        <v>0.14297050544357953</v>
      </c>
      <c r="F254" s="92">
        <v>2.032224642937237E-2</v>
      </c>
      <c r="G254" s="189">
        <v>0.32665755950254832</v>
      </c>
      <c r="H254" s="92">
        <v>2.7146169792494453E-2</v>
      </c>
      <c r="I254" s="189">
        <v>0.5303719350538727</v>
      </c>
      <c r="J254" s="92">
        <v>2.8874781494746597E-2</v>
      </c>
    </row>
    <row r="255" spans="1:10">
      <c r="A255" s="47" t="s">
        <v>626</v>
      </c>
      <c r="B255" s="190">
        <v>1180</v>
      </c>
      <c r="C255" s="184">
        <v>4.3950285170785319</v>
      </c>
      <c r="D255" s="185">
        <v>0.12340439387213789</v>
      </c>
      <c r="E255" s="191">
        <v>0.16185140332078141</v>
      </c>
      <c r="F255" s="95">
        <v>2.1468614685912303E-2</v>
      </c>
      <c r="G255" s="191">
        <v>0.28387217927094027</v>
      </c>
      <c r="H255" s="95">
        <v>2.622691059326003E-2</v>
      </c>
      <c r="I255" s="191">
        <v>0.55427641740827904</v>
      </c>
      <c r="J255" s="95">
        <v>2.8891335429542708E-2</v>
      </c>
    </row>
    <row r="256" spans="1:10">
      <c r="A256" s="55" t="s">
        <v>627</v>
      </c>
      <c r="B256" s="188">
        <v>345</v>
      </c>
      <c r="C256" s="182">
        <v>4.2933687091890915</v>
      </c>
      <c r="D256" s="83">
        <v>0.23021903859721093</v>
      </c>
      <c r="E256" s="189">
        <v>0.17613128825431787</v>
      </c>
      <c r="F256" s="92">
        <v>4.1116182550581568E-2</v>
      </c>
      <c r="G256" s="189">
        <v>0.27676813802779726</v>
      </c>
      <c r="H256" s="92">
        <v>4.8033331450230962E-2</v>
      </c>
      <c r="I256" s="189">
        <v>0.54710057371788201</v>
      </c>
      <c r="J256" s="92">
        <v>5.3296177102401698E-2</v>
      </c>
    </row>
    <row r="257" spans="1:10">
      <c r="A257" s="47" t="s">
        <v>628</v>
      </c>
      <c r="B257" s="190">
        <v>835</v>
      </c>
      <c r="C257" s="184">
        <v>4.4557728365105094</v>
      </c>
      <c r="D257" s="185">
        <v>0.14614172956346047</v>
      </c>
      <c r="E257" s="191">
        <v>0.15331880907470549</v>
      </c>
      <c r="F257" s="95">
        <v>2.4986807530475472E-2</v>
      </c>
      <c r="G257" s="191">
        <v>0.28811702450024351</v>
      </c>
      <c r="H257" s="95">
        <v>3.1303250470748049E-2</v>
      </c>
      <c r="I257" s="191">
        <v>0.55856416642505091</v>
      </c>
      <c r="J257" s="95">
        <v>3.4288467346903773E-2</v>
      </c>
    </row>
    <row r="258" spans="1:10">
      <c r="A258" s="55" t="s">
        <v>629</v>
      </c>
      <c r="B258" s="188">
        <v>217</v>
      </c>
      <c r="C258" s="182">
        <v>3.9534230135235977</v>
      </c>
      <c r="D258" s="83">
        <v>0.28079068996271633</v>
      </c>
      <c r="E258" s="189">
        <v>0.18918536573577824</v>
      </c>
      <c r="F258" s="92">
        <v>5.3283100468422329E-2</v>
      </c>
      <c r="G258" s="189">
        <v>0.37472206241312356</v>
      </c>
      <c r="H258" s="92">
        <v>6.5199787058486308E-2</v>
      </c>
      <c r="I258" s="189">
        <v>0.43609257185109845</v>
      </c>
      <c r="J258" s="92">
        <v>6.6735426230277062E-2</v>
      </c>
    </row>
    <row r="259" spans="1:10">
      <c r="A259" s="47" t="s">
        <v>630</v>
      </c>
      <c r="B259" s="190">
        <v>390</v>
      </c>
      <c r="C259" s="184">
        <v>4.3730547408074578</v>
      </c>
      <c r="D259" s="185">
        <v>0.21348830232322485</v>
      </c>
      <c r="E259" s="191">
        <v>0.16148049373254836</v>
      </c>
      <c r="F259" s="95">
        <v>3.739208417321549E-2</v>
      </c>
      <c r="G259" s="191">
        <v>0.29618484562409586</v>
      </c>
      <c r="H259" s="95">
        <v>4.609618784789702E-2</v>
      </c>
      <c r="I259" s="191">
        <v>0.54233466064335756</v>
      </c>
      <c r="J259" s="95">
        <v>5.020202658461724E-2</v>
      </c>
    </row>
    <row r="260" spans="1:10">
      <c r="A260" s="55" t="s">
        <v>631</v>
      </c>
      <c r="B260" s="188">
        <v>56</v>
      </c>
      <c r="C260" s="182">
        <v>4.8444571773622878</v>
      </c>
      <c r="D260" s="83">
        <v>0.55742875614899712</v>
      </c>
      <c r="E260" s="189">
        <v>0.10358557146217859</v>
      </c>
      <c r="F260" s="92">
        <v>8.6836922964435861E-2</v>
      </c>
      <c r="G260" s="189">
        <v>0.27524033117862151</v>
      </c>
      <c r="H260" s="92">
        <v>0.11718764425980732</v>
      </c>
      <c r="I260" s="189">
        <v>0.62117409735920004</v>
      </c>
      <c r="J260" s="92">
        <v>0.12575355118858164</v>
      </c>
    </row>
    <row r="261" spans="1:10">
      <c r="A261" s="47" t="s">
        <v>632</v>
      </c>
      <c r="B261" s="190">
        <v>334</v>
      </c>
      <c r="C261" s="184">
        <v>4.2381794948853369</v>
      </c>
      <c r="D261" s="185">
        <v>0.23061868067334304</v>
      </c>
      <c r="E261" s="191">
        <v>0.17804509177732242</v>
      </c>
      <c r="F261" s="95">
        <v>4.1961364588436474E-2</v>
      </c>
      <c r="G261" s="191">
        <v>0.30217738261053545</v>
      </c>
      <c r="H261" s="95">
        <v>5.0063506984628588E-2</v>
      </c>
      <c r="I261" s="191">
        <v>0.5197775256121443</v>
      </c>
      <c r="J261" s="95">
        <v>5.4351263051256454E-2</v>
      </c>
    </row>
    <row r="262" spans="1:10">
      <c r="A262" s="55" t="s">
        <v>633</v>
      </c>
      <c r="B262" s="188">
        <v>665</v>
      </c>
      <c r="C262" s="182">
        <v>4.2135262963559192</v>
      </c>
      <c r="D262" s="83">
        <v>0.16015065330024322</v>
      </c>
      <c r="E262" s="189">
        <v>0.15318684989410949</v>
      </c>
      <c r="F262" s="92">
        <v>2.8003273055325292E-2</v>
      </c>
      <c r="G262" s="189">
        <v>0.32296556085562933</v>
      </c>
      <c r="H262" s="92">
        <v>3.6188550370211167E-2</v>
      </c>
      <c r="I262" s="189">
        <v>0.52384758925025932</v>
      </c>
      <c r="J262" s="92">
        <v>3.8618758489719296E-2</v>
      </c>
    </row>
    <row r="263" spans="1:10">
      <c r="A263" s="47" t="s">
        <v>634</v>
      </c>
      <c r="B263" s="190">
        <v>611</v>
      </c>
      <c r="C263" s="184">
        <v>4.4159030698808381</v>
      </c>
      <c r="D263" s="185">
        <v>0.17039309307867695</v>
      </c>
      <c r="E263" s="191">
        <v>0.16145130005850561</v>
      </c>
      <c r="F263" s="95">
        <v>2.9836503962259998E-2</v>
      </c>
      <c r="G263" s="191">
        <v>0.26793996662307562</v>
      </c>
      <c r="H263" s="95">
        <v>3.578130272610671E-2</v>
      </c>
      <c r="I263" s="191">
        <v>0.57060873331841933</v>
      </c>
      <c r="J263" s="95">
        <v>3.9925055736638508E-2</v>
      </c>
    </row>
    <row r="264" spans="1:10">
      <c r="A264" s="55" t="s">
        <v>635</v>
      </c>
      <c r="B264" s="188">
        <v>227</v>
      </c>
      <c r="C264" s="182">
        <v>4.1552958264059301</v>
      </c>
      <c r="D264" s="83">
        <v>0.28134433940423775</v>
      </c>
      <c r="E264" s="189">
        <v>0.19394104742861099</v>
      </c>
      <c r="F264" s="92">
        <v>5.2561056691388365E-2</v>
      </c>
      <c r="G264" s="189">
        <v>0.27513014812464165</v>
      </c>
      <c r="H264" s="92">
        <v>5.9020813220113572E-2</v>
      </c>
      <c r="I264" s="189">
        <v>0.53092880444674695</v>
      </c>
      <c r="J264" s="92">
        <v>6.5673500545501293E-2</v>
      </c>
    </row>
    <row r="265" spans="1:10">
      <c r="A265" s="47" t="s">
        <v>636</v>
      </c>
      <c r="B265" s="190">
        <v>384</v>
      </c>
      <c r="C265" s="184">
        <v>4.6365842562597388</v>
      </c>
      <c r="D265" s="185">
        <v>0.21249129333506761</v>
      </c>
      <c r="E265" s="191">
        <v>0.13393911007029741</v>
      </c>
      <c r="F265" s="95">
        <v>3.4988669974054212E-2</v>
      </c>
      <c r="G265" s="191">
        <v>0.26185134927350534</v>
      </c>
      <c r="H265" s="95">
        <v>4.4773032354738021E-2</v>
      </c>
      <c r="I265" s="191">
        <v>0.60420954065619914</v>
      </c>
      <c r="J265" s="95">
        <v>4.9675558441165737E-2</v>
      </c>
    </row>
    <row r="267" spans="1:10" ht="18.75">
      <c r="A267" s="343" t="s">
        <v>13</v>
      </c>
      <c r="B267" s="343"/>
      <c r="C267" s="343"/>
      <c r="D267" s="343"/>
    </row>
    <row r="268" spans="1:10" ht="92.25" customHeight="1">
      <c r="A268" s="403" t="s">
        <v>397</v>
      </c>
      <c r="B268" s="403"/>
      <c r="C268" s="403"/>
      <c r="D268" s="403"/>
    </row>
    <row r="269" spans="1:10" ht="47.25" customHeight="1">
      <c r="A269" s="413" t="s">
        <v>14</v>
      </c>
      <c r="B269" s="349"/>
      <c r="C269" s="349"/>
      <c r="D269" s="349"/>
    </row>
    <row r="270" spans="1:10" ht="72">
      <c r="A270" s="35" t="s">
        <v>70</v>
      </c>
      <c r="B270" s="36" t="s">
        <v>71</v>
      </c>
      <c r="C270" s="37" t="s">
        <v>551</v>
      </c>
      <c r="D270" s="38" t="s">
        <v>72</v>
      </c>
    </row>
    <row r="271" spans="1:10" ht="72">
      <c r="A271" s="39"/>
      <c r="B271" s="40" t="s">
        <v>73</v>
      </c>
      <c r="C271" s="126" t="s">
        <v>398</v>
      </c>
      <c r="D271" s="42" t="s">
        <v>75</v>
      </c>
    </row>
    <row r="272" spans="1:10">
      <c r="A272" s="43" t="s">
        <v>348</v>
      </c>
      <c r="B272" s="164">
        <v>13827</v>
      </c>
      <c r="C272" s="165">
        <v>5.0982380875424731</v>
      </c>
      <c r="D272" s="84">
        <v>2.4190472874140591E-2</v>
      </c>
    </row>
    <row r="273" spans="1:4">
      <c r="A273" s="47" t="s">
        <v>349</v>
      </c>
      <c r="B273" s="47">
        <v>10151</v>
      </c>
      <c r="C273" s="167">
        <v>5.3220089317492016</v>
      </c>
      <c r="D273" s="85">
        <v>2.8117786814764043E-2</v>
      </c>
    </row>
    <row r="274" spans="1:4">
      <c r="A274" s="43" t="s">
        <v>350</v>
      </c>
      <c r="B274" s="51">
        <v>3676</v>
      </c>
      <c r="C274" s="165">
        <v>4.9158790423429561</v>
      </c>
      <c r="D274" s="84">
        <v>4.4776993159336351E-2</v>
      </c>
    </row>
    <row r="275" spans="1:4">
      <c r="A275" s="47" t="s">
        <v>568</v>
      </c>
      <c r="B275" s="47">
        <v>11462</v>
      </c>
      <c r="C275" s="167">
        <v>5.0948900943304336</v>
      </c>
      <c r="D275" s="85">
        <v>2.6835156025153448E-2</v>
      </c>
    </row>
    <row r="276" spans="1:4">
      <c r="A276" s="43" t="s">
        <v>569</v>
      </c>
      <c r="B276" s="51">
        <v>2365</v>
      </c>
      <c r="C276" s="165">
        <v>5.5202280854167096</v>
      </c>
      <c r="D276" s="84">
        <v>5.3262913499895329E-2</v>
      </c>
    </row>
    <row r="277" spans="1:4">
      <c r="A277" s="47" t="s">
        <v>570</v>
      </c>
      <c r="B277" s="47">
        <v>609</v>
      </c>
      <c r="C277" s="167">
        <v>5.7473468000426324</v>
      </c>
      <c r="D277" s="85">
        <v>0.10092038265057252</v>
      </c>
    </row>
    <row r="278" spans="1:4">
      <c r="A278" s="43" t="s">
        <v>571</v>
      </c>
      <c r="B278" s="51">
        <v>1269</v>
      </c>
      <c r="C278" s="165">
        <v>5.8522311029177301</v>
      </c>
      <c r="D278" s="84">
        <v>6.9584170705630083E-2</v>
      </c>
    </row>
    <row r="279" spans="1:4">
      <c r="A279" s="47" t="s">
        <v>582</v>
      </c>
      <c r="B279" s="47">
        <v>861</v>
      </c>
      <c r="C279" s="167">
        <v>5.3527891168188875</v>
      </c>
      <c r="D279" s="85">
        <v>9.7382619894577693E-2</v>
      </c>
    </row>
    <row r="280" spans="1:4">
      <c r="A280" s="43" t="s">
        <v>583</v>
      </c>
      <c r="B280" s="51">
        <v>1504</v>
      </c>
      <c r="C280" s="165">
        <v>5.5869098200883114</v>
      </c>
      <c r="D280" s="84">
        <v>6.1680199868847076E-2</v>
      </c>
    </row>
    <row r="281" spans="1:4">
      <c r="A281" s="47" t="s">
        <v>572</v>
      </c>
      <c r="B281" s="47">
        <v>292</v>
      </c>
      <c r="C281" s="167">
        <v>4.6244520894271606</v>
      </c>
      <c r="D281" s="85">
        <v>0.1557703306090607</v>
      </c>
    </row>
    <row r="282" spans="1:4">
      <c r="A282" s="43" t="s">
        <v>573</v>
      </c>
      <c r="B282" s="164">
        <v>446</v>
      </c>
      <c r="C282" s="165">
        <v>5.4267095498369589</v>
      </c>
      <c r="D282" s="84">
        <v>0.12849017266284238</v>
      </c>
    </row>
    <row r="283" spans="1:4">
      <c r="A283" s="47" t="s">
        <v>574</v>
      </c>
      <c r="B283" s="166">
        <v>674</v>
      </c>
      <c r="C283" s="167">
        <v>5.7894902080100588</v>
      </c>
      <c r="D283" s="85">
        <v>9.7393371488935898E-2</v>
      </c>
    </row>
    <row r="284" spans="1:4">
      <c r="A284" s="43" t="s">
        <v>575</v>
      </c>
      <c r="B284" s="81">
        <v>927</v>
      </c>
      <c r="C284" s="165">
        <v>6.0003455493113798</v>
      </c>
      <c r="D284" s="84">
        <v>7.6323103860350322E-2</v>
      </c>
    </row>
    <row r="285" spans="1:4">
      <c r="A285" s="47" t="s">
        <v>576</v>
      </c>
      <c r="B285" s="166">
        <v>752</v>
      </c>
      <c r="C285" s="167">
        <v>5.483778776007127</v>
      </c>
      <c r="D285" s="85">
        <v>9.4599352240351181E-2</v>
      </c>
    </row>
    <row r="286" spans="1:4">
      <c r="A286" s="55" t="s">
        <v>577</v>
      </c>
      <c r="B286" s="164">
        <v>764</v>
      </c>
      <c r="C286" s="165">
        <v>5.5711577607718272</v>
      </c>
      <c r="D286" s="84">
        <v>9.1674009336015522E-2</v>
      </c>
    </row>
    <row r="287" spans="1:4">
      <c r="A287" s="47" t="s">
        <v>578</v>
      </c>
      <c r="B287" s="166">
        <v>257</v>
      </c>
      <c r="C287" s="167">
        <v>5.5132951379765487</v>
      </c>
      <c r="D287" s="85">
        <v>0.15898018523489968</v>
      </c>
    </row>
    <row r="288" spans="1:4">
      <c r="A288" s="55" t="s">
        <v>579</v>
      </c>
      <c r="B288" s="164">
        <v>221</v>
      </c>
      <c r="C288" s="165">
        <v>5.4701563500238404</v>
      </c>
      <c r="D288" s="84">
        <v>0.18234546607390689</v>
      </c>
    </row>
    <row r="289" spans="1:4">
      <c r="A289" s="47" t="s">
        <v>580</v>
      </c>
      <c r="B289" s="166">
        <v>221</v>
      </c>
      <c r="C289" s="167">
        <v>5.5061645961726207</v>
      </c>
      <c r="D289" s="85">
        <v>0.1845998362378253</v>
      </c>
    </row>
    <row r="290" spans="1:4">
      <c r="A290" s="55" t="s">
        <v>581</v>
      </c>
      <c r="B290" s="164">
        <v>122</v>
      </c>
      <c r="C290" s="165">
        <v>5.6749189447783008</v>
      </c>
      <c r="D290" s="84">
        <v>0.22335727273894235</v>
      </c>
    </row>
    <row r="291" spans="1:4">
      <c r="A291" s="47" t="s">
        <v>584</v>
      </c>
      <c r="B291" s="166">
        <v>114</v>
      </c>
      <c r="C291" s="167">
        <v>4.3955788899569184</v>
      </c>
      <c r="D291" s="85">
        <v>0.20295591763091744</v>
      </c>
    </row>
    <row r="292" spans="1:4">
      <c r="A292" s="55" t="s">
        <v>585</v>
      </c>
      <c r="B292" s="164">
        <v>2251</v>
      </c>
      <c r="C292" s="165">
        <v>5.7178169959662979</v>
      </c>
      <c r="D292" s="84">
        <v>5.3968982689191487E-2</v>
      </c>
    </row>
    <row r="293" spans="1:4">
      <c r="A293" s="47" t="s">
        <v>620</v>
      </c>
      <c r="B293" s="166">
        <v>156</v>
      </c>
      <c r="C293" s="167">
        <v>5.8195238859160172</v>
      </c>
      <c r="D293" s="85">
        <v>0.17797977061517326</v>
      </c>
    </row>
    <row r="294" spans="1:4">
      <c r="A294" s="55" t="s">
        <v>621</v>
      </c>
      <c r="B294" s="164">
        <v>163</v>
      </c>
      <c r="C294" s="165">
        <v>5.9528468675119512</v>
      </c>
      <c r="D294" s="84">
        <v>0.17332785955515825</v>
      </c>
    </row>
    <row r="295" spans="1:4">
      <c r="A295" s="47" t="s">
        <v>622</v>
      </c>
      <c r="B295" s="166">
        <v>988</v>
      </c>
      <c r="C295" s="167">
        <v>5.8036135613182696</v>
      </c>
      <c r="D295" s="85">
        <v>8.0893884141481298E-2</v>
      </c>
    </row>
    <row r="296" spans="1:4">
      <c r="A296" s="55" t="s">
        <v>623</v>
      </c>
      <c r="B296" s="164">
        <v>301</v>
      </c>
      <c r="C296" s="165">
        <v>5.6715658769958335</v>
      </c>
      <c r="D296" s="84">
        <v>0.14521346598743629</v>
      </c>
    </row>
    <row r="297" spans="1:4">
      <c r="A297" s="47" t="s">
        <v>624</v>
      </c>
      <c r="B297" s="166">
        <v>319</v>
      </c>
      <c r="C297" s="167">
        <v>5.8940786977115582</v>
      </c>
      <c r="D297" s="85">
        <v>0.15043408535647684</v>
      </c>
    </row>
    <row r="298" spans="1:4">
      <c r="A298" s="55" t="s">
        <v>625</v>
      </c>
      <c r="B298" s="164">
        <v>1187</v>
      </c>
      <c r="C298" s="165">
        <v>5.3966050779866022</v>
      </c>
      <c r="D298" s="84">
        <v>7.520913158406356E-2</v>
      </c>
    </row>
    <row r="299" spans="1:4">
      <c r="A299" s="47" t="s">
        <v>626</v>
      </c>
      <c r="B299" s="166">
        <v>1177</v>
      </c>
      <c r="C299" s="167">
        <v>5.7740153322272816</v>
      </c>
      <c r="D299" s="85">
        <v>7.5259445256129764E-2</v>
      </c>
    </row>
    <row r="300" spans="1:4">
      <c r="A300" s="55" t="s">
        <v>627</v>
      </c>
      <c r="B300" s="164">
        <v>346</v>
      </c>
      <c r="C300" s="165">
        <v>5.8287306166078565</v>
      </c>
      <c r="D300" s="84">
        <v>0.14322679846026479</v>
      </c>
    </row>
    <row r="301" spans="1:4">
      <c r="A301" s="47" t="s">
        <v>628</v>
      </c>
      <c r="B301" s="166">
        <v>831</v>
      </c>
      <c r="C301" s="167">
        <v>5.7409539372174692</v>
      </c>
      <c r="D301" s="85">
        <v>8.8397709753538459E-2</v>
      </c>
    </row>
    <row r="302" spans="1:4">
      <c r="A302" s="55" t="s">
        <v>629</v>
      </c>
      <c r="B302" s="164">
        <v>217</v>
      </c>
      <c r="C302" s="165">
        <v>5.6885693605554071</v>
      </c>
      <c r="D302" s="84">
        <v>0.16067478323080003</v>
      </c>
    </row>
    <row r="303" spans="1:4">
      <c r="A303" s="47" t="s">
        <v>630</v>
      </c>
      <c r="B303" s="166">
        <v>392</v>
      </c>
      <c r="C303" s="167">
        <v>5.8199192269383628</v>
      </c>
      <c r="D303" s="85">
        <v>0.12926354890418829</v>
      </c>
    </row>
    <row r="304" spans="1:4">
      <c r="A304" s="55" t="s">
        <v>631</v>
      </c>
      <c r="B304" s="164">
        <v>56</v>
      </c>
      <c r="C304" s="165">
        <v>5.7123025701932244</v>
      </c>
      <c r="D304" s="84">
        <v>0.42801939916387682</v>
      </c>
    </row>
    <row r="305" spans="1:34">
      <c r="A305" s="47" t="s">
        <v>632</v>
      </c>
      <c r="B305" s="166">
        <v>336</v>
      </c>
      <c r="C305" s="167">
        <v>5.850502465768793</v>
      </c>
      <c r="D305" s="85">
        <v>0.13301520574875364</v>
      </c>
    </row>
    <row r="306" spans="1:34">
      <c r="A306" s="55" t="s">
        <v>633</v>
      </c>
      <c r="B306" s="164">
        <v>658</v>
      </c>
      <c r="C306" s="165">
        <v>5.8604598653688376</v>
      </c>
      <c r="D306" s="84">
        <v>9.4071551665970712E-2</v>
      </c>
    </row>
    <row r="307" spans="1:34">
      <c r="A307" s="47" t="s">
        <v>634</v>
      </c>
      <c r="B307" s="166">
        <v>611</v>
      </c>
      <c r="C307" s="167">
        <v>5.8383372058515297</v>
      </c>
      <c r="D307" s="85">
        <v>0.10314645822754515</v>
      </c>
    </row>
    <row r="308" spans="1:34">
      <c r="A308" s="55" t="s">
        <v>635</v>
      </c>
      <c r="B308" s="164">
        <v>229</v>
      </c>
      <c r="C308" s="165">
        <v>5.8342790743457043</v>
      </c>
      <c r="D308" s="84">
        <v>0.17010648797171118</v>
      </c>
    </row>
    <row r="309" spans="1:34">
      <c r="A309" s="47" t="s">
        <v>636</v>
      </c>
      <c r="B309" s="166">
        <v>382</v>
      </c>
      <c r="C309" s="167">
        <v>5.8418246114928829</v>
      </c>
      <c r="D309" s="85">
        <v>0.12986114889432804</v>
      </c>
    </row>
    <row r="311" spans="1:34" ht="18.75">
      <c r="A311" s="343" t="s">
        <v>399</v>
      </c>
      <c r="B311" s="343"/>
      <c r="C311" s="343"/>
      <c r="D311" s="343"/>
      <c r="E311" s="343"/>
      <c r="F311" s="343"/>
      <c r="G311" s="343"/>
      <c r="H311" s="343"/>
      <c r="I311" s="343"/>
      <c r="J311" s="343"/>
      <c r="K311" s="343"/>
      <c r="L311" s="343"/>
      <c r="M311" s="343"/>
      <c r="N311" s="343"/>
      <c r="O311" s="343"/>
      <c r="P311" s="343"/>
      <c r="Q311" s="343"/>
      <c r="R311" s="343"/>
      <c r="S311" s="343"/>
      <c r="T311" s="343"/>
      <c r="U311" s="343"/>
      <c r="V311" s="343"/>
      <c r="W311" s="343"/>
      <c r="X311" s="343"/>
      <c r="Y311" s="343"/>
      <c r="Z311" s="343"/>
      <c r="AA311" s="343"/>
      <c r="AB311" s="343"/>
      <c r="AC311" s="343"/>
      <c r="AD311" s="343"/>
      <c r="AE311" s="343"/>
      <c r="AF311" s="343"/>
      <c r="AG311" s="343"/>
      <c r="AH311" s="343"/>
    </row>
    <row r="312" spans="1:34" ht="58.5" customHeight="1">
      <c r="A312" s="403" t="s">
        <v>554</v>
      </c>
      <c r="B312" s="403"/>
      <c r="C312" s="403"/>
      <c r="D312" s="403"/>
      <c r="E312" s="403"/>
      <c r="F312" s="403"/>
      <c r="G312" s="403"/>
      <c r="H312" s="403"/>
      <c r="I312" s="403"/>
      <c r="J312" s="403"/>
      <c r="K312" s="403"/>
      <c r="L312" s="403"/>
      <c r="M312" s="403"/>
      <c r="N312" s="403"/>
      <c r="O312" s="403"/>
      <c r="P312" s="403"/>
      <c r="Q312" s="403"/>
      <c r="R312" s="403"/>
      <c r="S312" s="403"/>
      <c r="T312" s="403"/>
      <c r="U312" s="403"/>
      <c r="V312" s="403"/>
      <c r="W312" s="403"/>
      <c r="X312" s="403"/>
      <c r="Y312" s="403"/>
      <c r="Z312" s="403"/>
      <c r="AA312" s="403"/>
      <c r="AB312" s="403"/>
      <c r="AC312" s="403"/>
      <c r="AD312" s="403"/>
      <c r="AE312" s="403"/>
      <c r="AF312" s="403"/>
      <c r="AG312" s="403"/>
      <c r="AH312" s="403"/>
    </row>
    <row r="313" spans="1:34" ht="36" customHeight="1">
      <c r="A313" s="299"/>
      <c r="B313" s="398" t="s">
        <v>140</v>
      </c>
      <c r="C313" s="399"/>
      <c r="D313" s="399"/>
      <c r="E313" s="399"/>
      <c r="F313" s="399"/>
      <c r="G313" s="399"/>
      <c r="H313" s="399"/>
      <c r="I313" s="399"/>
      <c r="J313" s="399"/>
      <c r="K313" s="399"/>
      <c r="L313" s="399"/>
      <c r="M313" s="398" t="s">
        <v>400</v>
      </c>
      <c r="N313" s="399"/>
      <c r="O313" s="399"/>
      <c r="P313" s="399"/>
      <c r="Q313" s="399"/>
      <c r="R313" s="399"/>
      <c r="S313" s="399"/>
      <c r="T313" s="399"/>
      <c r="U313" s="399"/>
      <c r="V313" s="399"/>
      <c r="W313" s="399"/>
      <c r="X313" s="398" t="s">
        <v>401</v>
      </c>
      <c r="Y313" s="399"/>
      <c r="Z313" s="399"/>
      <c r="AA313" s="399"/>
      <c r="AB313" s="399"/>
      <c r="AC313" s="399"/>
      <c r="AD313" s="399"/>
      <c r="AE313" s="399"/>
      <c r="AF313" s="399"/>
      <c r="AG313" s="399"/>
      <c r="AH313" s="399"/>
    </row>
    <row r="314" spans="1:34" ht="39.75" customHeight="1">
      <c r="A314" s="35" t="s">
        <v>70</v>
      </c>
      <c r="B314" s="36" t="s">
        <v>71</v>
      </c>
      <c r="C314" s="37" t="s">
        <v>551</v>
      </c>
      <c r="D314" s="38" t="s">
        <v>72</v>
      </c>
      <c r="E314" s="36" t="s">
        <v>155</v>
      </c>
      <c r="F314" s="87" t="s">
        <v>84</v>
      </c>
      <c r="G314" s="36" t="s">
        <v>156</v>
      </c>
      <c r="H314" s="87" t="s">
        <v>85</v>
      </c>
      <c r="I314" s="36" t="s">
        <v>157</v>
      </c>
      <c r="J314" s="87" t="s">
        <v>86</v>
      </c>
      <c r="K314" s="36" t="s">
        <v>300</v>
      </c>
      <c r="L314" s="87" t="s">
        <v>299</v>
      </c>
      <c r="M314" s="63" t="s">
        <v>71</v>
      </c>
      <c r="N314" s="64" t="s">
        <v>551</v>
      </c>
      <c r="O314" s="65" t="s">
        <v>72</v>
      </c>
      <c r="P314" s="63" t="s">
        <v>155</v>
      </c>
      <c r="Q314" s="86" t="s">
        <v>84</v>
      </c>
      <c r="R314" s="63" t="s">
        <v>156</v>
      </c>
      <c r="S314" s="86" t="s">
        <v>85</v>
      </c>
      <c r="T314" s="63" t="s">
        <v>157</v>
      </c>
      <c r="U314" s="86" t="s">
        <v>86</v>
      </c>
      <c r="V314" s="63" t="s">
        <v>300</v>
      </c>
      <c r="W314" s="86" t="s">
        <v>299</v>
      </c>
      <c r="X314" s="36" t="s">
        <v>71</v>
      </c>
      <c r="Y314" s="37" t="s">
        <v>551</v>
      </c>
      <c r="Z314" s="38" t="s">
        <v>72</v>
      </c>
      <c r="AA314" s="36" t="s">
        <v>157</v>
      </c>
      <c r="AB314" s="87" t="s">
        <v>86</v>
      </c>
      <c r="AC314" s="36" t="s">
        <v>156</v>
      </c>
      <c r="AD314" s="87" t="s">
        <v>85</v>
      </c>
      <c r="AE314" s="36" t="s">
        <v>155</v>
      </c>
      <c r="AF314" s="87" t="s">
        <v>533</v>
      </c>
      <c r="AG314" s="36" t="s">
        <v>300</v>
      </c>
      <c r="AH314" s="87" t="s">
        <v>299</v>
      </c>
    </row>
    <row r="315" spans="1:34" ht="73.5" customHeight="1">
      <c r="A315" s="39"/>
      <c r="B315" s="40" t="s">
        <v>73</v>
      </c>
      <c r="C315" s="126" t="s">
        <v>304</v>
      </c>
      <c r="D315" s="42" t="s">
        <v>75</v>
      </c>
      <c r="E315" s="40" t="s">
        <v>158</v>
      </c>
      <c r="F315" s="89" t="s">
        <v>141</v>
      </c>
      <c r="G315" s="40" t="s">
        <v>159</v>
      </c>
      <c r="H315" s="89" t="s">
        <v>87</v>
      </c>
      <c r="I315" s="40" t="s">
        <v>160</v>
      </c>
      <c r="J315" s="89" t="s">
        <v>87</v>
      </c>
      <c r="K315" s="40" t="s">
        <v>300</v>
      </c>
      <c r="L315" s="89" t="s">
        <v>87</v>
      </c>
      <c r="M315" s="66" t="s">
        <v>73</v>
      </c>
      <c r="N315" s="259" t="s">
        <v>304</v>
      </c>
      <c r="O315" s="68" t="s">
        <v>75</v>
      </c>
      <c r="P315" s="66" t="s">
        <v>158</v>
      </c>
      <c r="Q315" s="88" t="s">
        <v>141</v>
      </c>
      <c r="R315" s="66" t="s">
        <v>159</v>
      </c>
      <c r="S315" s="88" t="s">
        <v>87</v>
      </c>
      <c r="T315" s="66" t="s">
        <v>160</v>
      </c>
      <c r="U315" s="88" t="s">
        <v>87</v>
      </c>
      <c r="V315" s="66" t="s">
        <v>300</v>
      </c>
      <c r="W315" s="88" t="s">
        <v>87</v>
      </c>
      <c r="X315" s="40" t="s">
        <v>73</v>
      </c>
      <c r="Y315" s="126" t="s">
        <v>536</v>
      </c>
      <c r="Z315" s="42" t="s">
        <v>75</v>
      </c>
      <c r="AA315" s="40" t="s">
        <v>160</v>
      </c>
      <c r="AB315" s="89" t="s">
        <v>87</v>
      </c>
      <c r="AC315" s="40" t="s">
        <v>159</v>
      </c>
      <c r="AD315" s="89" t="s">
        <v>87</v>
      </c>
      <c r="AE315" s="40" t="s">
        <v>158</v>
      </c>
      <c r="AF315" s="89" t="s">
        <v>87</v>
      </c>
      <c r="AG315" s="40" t="s">
        <v>300</v>
      </c>
      <c r="AH315" s="89" t="s">
        <v>87</v>
      </c>
    </row>
    <row r="316" spans="1:34">
      <c r="A316" s="43" t="s">
        <v>348</v>
      </c>
      <c r="B316" s="192">
        <v>13943</v>
      </c>
      <c r="C316" s="182">
        <v>5.2674529049140011</v>
      </c>
      <c r="D316" s="83">
        <v>2.5396140619569116E-2</v>
      </c>
      <c r="E316" s="189">
        <v>0.13037988512584719</v>
      </c>
      <c r="F316" s="92">
        <v>5.704396323305696E-3</v>
      </c>
      <c r="G316" s="189">
        <v>0.14594893252937521</v>
      </c>
      <c r="H316" s="92">
        <v>5.9807711118543905E-3</v>
      </c>
      <c r="I316" s="189">
        <v>0.70924715130903837</v>
      </c>
      <c r="J316" s="92">
        <v>7.6908939904346855E-3</v>
      </c>
      <c r="K316" s="189">
        <v>1.4424031035749629E-2</v>
      </c>
      <c r="L316" s="92">
        <v>2.0287744870067449E-3</v>
      </c>
      <c r="M316" s="192">
        <v>13859</v>
      </c>
      <c r="N316" s="182">
        <v>4.9898617291731453</v>
      </c>
      <c r="O316" s="83">
        <v>2.7329001428974493E-2</v>
      </c>
      <c r="P316" s="189">
        <v>0.17905338823202274</v>
      </c>
      <c r="Q316" s="92">
        <v>6.5138521239697291E-3</v>
      </c>
      <c r="R316" s="189">
        <v>0.16401517979330132</v>
      </c>
      <c r="S316" s="92">
        <v>6.2913772908889821E-3</v>
      </c>
      <c r="T316" s="189">
        <v>0.64197233469599102</v>
      </c>
      <c r="U316" s="92">
        <v>8.143832280892601E-3</v>
      </c>
      <c r="V316" s="189">
        <v>1.4959097278701537E-2</v>
      </c>
      <c r="W316" s="92">
        <v>2.0714405463674937E-3</v>
      </c>
      <c r="X316" s="192">
        <v>13854</v>
      </c>
      <c r="Y316" s="182">
        <v>5.044863519472699</v>
      </c>
      <c r="Z316" s="83">
        <v>3.0716765481605339E-2</v>
      </c>
      <c r="AA316" s="189">
        <v>0.23058309098054219</v>
      </c>
      <c r="AB316" s="92">
        <v>7.1569104274514499E-3</v>
      </c>
      <c r="AC316" s="189">
        <v>0.10805259362280144</v>
      </c>
      <c r="AD316" s="92">
        <v>5.2767513683299504E-3</v>
      </c>
      <c r="AE316" s="189">
        <v>0.64754024686774148</v>
      </c>
      <c r="AF316" s="92">
        <v>8.1167061002784049E-3</v>
      </c>
      <c r="AG316" s="189">
        <v>1.3824068528934631E-2</v>
      </c>
      <c r="AH316" s="92">
        <v>1.993595956119424E-3</v>
      </c>
    </row>
    <row r="317" spans="1:34">
      <c r="A317" s="47" t="s">
        <v>349</v>
      </c>
      <c r="B317" s="47">
        <v>10220</v>
      </c>
      <c r="C317" s="184">
        <v>5.4582937986452427</v>
      </c>
      <c r="D317" s="185">
        <v>2.9161141284772256E-2</v>
      </c>
      <c r="E317" s="191">
        <v>0.11475980873372124</v>
      </c>
      <c r="F317" s="95">
        <v>6.3080201788134381E-3</v>
      </c>
      <c r="G317" s="191">
        <v>0.12081702264701885</v>
      </c>
      <c r="H317" s="95">
        <v>6.4499017770815598E-3</v>
      </c>
      <c r="I317" s="191">
        <v>0.7541948219122131</v>
      </c>
      <c r="J317" s="95">
        <v>8.5175769222327509E-3</v>
      </c>
      <c r="K317" s="191">
        <v>1.0228346707037489E-2</v>
      </c>
      <c r="L317" s="95">
        <v>2.0085291069678415E-3</v>
      </c>
      <c r="M317" s="47">
        <v>10157</v>
      </c>
      <c r="N317" s="184">
        <v>5.1796464492033865</v>
      </c>
      <c r="O317" s="185">
        <v>3.1525837329850398E-2</v>
      </c>
      <c r="P317" s="191">
        <v>0.16256264098281814</v>
      </c>
      <c r="Q317" s="95">
        <v>7.3230370034518804E-3</v>
      </c>
      <c r="R317" s="191">
        <v>0.13803092907982234</v>
      </c>
      <c r="S317" s="95">
        <v>6.8467420952802007E-3</v>
      </c>
      <c r="T317" s="191">
        <v>0.68924169751998188</v>
      </c>
      <c r="U317" s="95">
        <v>9.1830614394183482E-3</v>
      </c>
      <c r="V317" s="191">
        <v>1.0164732417369877E-2</v>
      </c>
      <c r="W317" s="95">
        <v>2.0087676023535467E-3</v>
      </c>
      <c r="X317" s="47">
        <v>10145</v>
      </c>
      <c r="Y317" s="184">
        <v>5.3320696307010129</v>
      </c>
      <c r="Z317" s="185">
        <v>3.4626838593356107E-2</v>
      </c>
      <c r="AA317" s="191">
        <v>0.1866335940696498</v>
      </c>
      <c r="AB317" s="95">
        <v>7.7369015514828837E-3</v>
      </c>
      <c r="AC317" s="191">
        <v>9.0522174916732506E-2</v>
      </c>
      <c r="AD317" s="95">
        <v>5.7008573558275646E-3</v>
      </c>
      <c r="AE317" s="191">
        <v>0.71379178768450657</v>
      </c>
      <c r="AF317" s="95">
        <v>8.9739464397979186E-3</v>
      </c>
      <c r="AG317" s="191">
        <v>9.0524433291043378E-3</v>
      </c>
      <c r="AH317" s="95">
        <v>1.9001015753012239E-3</v>
      </c>
    </row>
    <row r="318" spans="1:34">
      <c r="A318" s="43" t="s">
        <v>350</v>
      </c>
      <c r="B318" s="51">
        <v>3723</v>
      </c>
      <c r="C318" s="182">
        <v>5.1117031039451977</v>
      </c>
      <c r="D318" s="83">
        <v>4.951252846847088E-2</v>
      </c>
      <c r="E318" s="189">
        <v>0.14302999859372642</v>
      </c>
      <c r="F318" s="92">
        <v>1.1482341147721219E-2</v>
      </c>
      <c r="G318" s="189">
        <v>0.16630232285188554</v>
      </c>
      <c r="H318" s="92">
        <v>1.2208929486818442E-2</v>
      </c>
      <c r="I318" s="189">
        <v>0.67284572029336776</v>
      </c>
      <c r="J318" s="92">
        <v>1.5372608500991874E-2</v>
      </c>
      <c r="K318" s="189">
        <v>1.782195826102102E-2</v>
      </c>
      <c r="L318" s="92">
        <v>4.3956609408566608E-3</v>
      </c>
      <c r="M318" s="51">
        <v>3702</v>
      </c>
      <c r="N318" s="182">
        <v>4.8346504973168001</v>
      </c>
      <c r="O318" s="83">
        <v>5.2490916215009328E-2</v>
      </c>
      <c r="P318" s="189">
        <v>0.192421702191273</v>
      </c>
      <c r="Q318" s="92">
        <v>1.2959303622014124E-2</v>
      </c>
      <c r="R318" s="189">
        <v>0.18507945397593281</v>
      </c>
      <c r="S318" s="92">
        <v>1.2767970386900631E-2</v>
      </c>
      <c r="T318" s="189">
        <v>0.60365316860022844</v>
      </c>
      <c r="U318" s="92">
        <v>1.6070513828775387E-2</v>
      </c>
      <c r="V318" s="189">
        <v>1.884567523256539E-2</v>
      </c>
      <c r="W318" s="92">
        <v>4.5273047846472103E-3</v>
      </c>
      <c r="X318" s="51">
        <v>3709</v>
      </c>
      <c r="Y318" s="182">
        <v>4.8107298992910357</v>
      </c>
      <c r="Z318" s="83">
        <v>6.2317355494325335E-2</v>
      </c>
      <c r="AA318" s="189">
        <v>0.26609927437951764</v>
      </c>
      <c r="AB318" s="92">
        <v>1.4509050225637487E-2</v>
      </c>
      <c r="AC318" s="189">
        <v>0.1222191622888306</v>
      </c>
      <c r="AD318" s="92">
        <v>1.0765926282271817E-2</v>
      </c>
      <c r="AE318" s="189">
        <v>0.59400147988514096</v>
      </c>
      <c r="AF318" s="92">
        <v>1.6119094541324468E-2</v>
      </c>
      <c r="AG318" s="189">
        <v>1.7680083446510748E-2</v>
      </c>
      <c r="AH318" s="92">
        <v>4.3874384546956505E-3</v>
      </c>
    </row>
    <row r="319" spans="1:34">
      <c r="A319" s="47" t="s">
        <v>568</v>
      </c>
      <c r="B319" s="47">
        <v>11566</v>
      </c>
      <c r="C319" s="184">
        <v>5.2644596763991638</v>
      </c>
      <c r="D319" s="185">
        <v>2.8124184505879953E-2</v>
      </c>
      <c r="E319" s="191">
        <v>0.13057879410247669</v>
      </c>
      <c r="F319" s="95">
        <v>6.2675115162165538E-3</v>
      </c>
      <c r="G319" s="191">
        <v>0.14641773374648004</v>
      </c>
      <c r="H319" s="95">
        <v>6.5755633254970455E-3</v>
      </c>
      <c r="I319" s="191">
        <v>0.70849810479183617</v>
      </c>
      <c r="J319" s="95">
        <v>8.4505494935864928E-3</v>
      </c>
      <c r="K319" s="191">
        <v>1.4505367359218889E-2</v>
      </c>
      <c r="L319" s="95">
        <v>2.2357131311588241E-3</v>
      </c>
      <c r="M319" s="47">
        <v>11502</v>
      </c>
      <c r="N319" s="184">
        <v>4.985254765350688</v>
      </c>
      <c r="O319" s="185">
        <v>3.0315868994776233E-2</v>
      </c>
      <c r="P319" s="191">
        <v>0.17958851191852607</v>
      </c>
      <c r="Q319" s="95">
        <v>7.1586002620410202E-3</v>
      </c>
      <c r="R319" s="191">
        <v>0.16454704482652321</v>
      </c>
      <c r="S319" s="95">
        <v>6.9150827896357131E-3</v>
      </c>
      <c r="T319" s="191">
        <v>0.64081984331191433</v>
      </c>
      <c r="U319" s="95">
        <v>8.9455069885800743E-3</v>
      </c>
      <c r="V319" s="191">
        <v>1.5044599943055818E-2</v>
      </c>
      <c r="W319" s="95">
        <v>2.282175805212003E-3</v>
      </c>
      <c r="X319" s="47">
        <v>11495</v>
      </c>
      <c r="Y319" s="184">
        <v>5.0425472531198023</v>
      </c>
      <c r="Z319" s="185">
        <v>3.4013097745706822E-2</v>
      </c>
      <c r="AA319" s="191">
        <v>0.23080084308312387</v>
      </c>
      <c r="AB319" s="95">
        <v>7.8595865685457695E-3</v>
      </c>
      <c r="AC319" s="191">
        <v>0.10826090827902879</v>
      </c>
      <c r="AD319" s="95">
        <v>5.7982196372710522E-3</v>
      </c>
      <c r="AE319" s="191">
        <v>0.647045020729624</v>
      </c>
      <c r="AF319" s="95">
        <v>8.9133542039203737E-3</v>
      </c>
      <c r="AG319" s="191">
        <v>1.3893227908244739E-2</v>
      </c>
      <c r="AH319" s="95">
        <v>2.1961056451963519E-3</v>
      </c>
    </row>
    <row r="320" spans="1:34">
      <c r="A320" s="43" t="s">
        <v>569</v>
      </c>
      <c r="B320" s="51">
        <v>2377</v>
      </c>
      <c r="C320" s="182">
        <v>5.6434088448733153</v>
      </c>
      <c r="D320" s="83">
        <v>5.737902205331584E-2</v>
      </c>
      <c r="E320" s="189">
        <v>0.10513270584584539</v>
      </c>
      <c r="F320" s="92">
        <v>1.2606756139049088E-2</v>
      </c>
      <c r="G320" s="189">
        <v>8.6444788596354238E-2</v>
      </c>
      <c r="H320" s="92">
        <v>1.1560061496302851E-2</v>
      </c>
      <c r="I320" s="189">
        <v>0.80432235620603454</v>
      </c>
      <c r="J320" s="92">
        <v>1.6276630686971584E-2</v>
      </c>
      <c r="K320" s="189">
        <v>4.1001493517642635E-3</v>
      </c>
      <c r="L320" s="92">
        <v>2.8717241734326398E-3</v>
      </c>
      <c r="M320" s="51">
        <v>2357</v>
      </c>
      <c r="N320" s="182">
        <v>5.5703510783897663</v>
      </c>
      <c r="O320" s="83">
        <v>5.9794605180179497E-2</v>
      </c>
      <c r="P320" s="189">
        <v>0.1108748222740959</v>
      </c>
      <c r="Q320" s="92">
        <v>1.2957051314532883E-2</v>
      </c>
      <c r="R320" s="189">
        <v>9.625178945417634E-2</v>
      </c>
      <c r="S320" s="92">
        <v>1.2178209804407824E-2</v>
      </c>
      <c r="T320" s="189">
        <v>0.78880793892580325</v>
      </c>
      <c r="U320" s="92">
        <v>1.6814122515237472E-2</v>
      </c>
      <c r="V320" s="189">
        <v>4.065449345922771E-3</v>
      </c>
      <c r="W320" s="92">
        <v>2.8758277391943208E-3</v>
      </c>
      <c r="X320" s="51">
        <v>2359</v>
      </c>
      <c r="Y320" s="182">
        <v>5.3373223296603651</v>
      </c>
      <c r="Z320" s="83">
        <v>6.9642257649038072E-2</v>
      </c>
      <c r="AA320" s="189">
        <v>0.20284146176101422</v>
      </c>
      <c r="AB320" s="92">
        <v>1.6559591307549432E-2</v>
      </c>
      <c r="AC320" s="189">
        <v>8.1513295560694893E-2</v>
      </c>
      <c r="AD320" s="92">
        <v>1.1302128486818653E-2</v>
      </c>
      <c r="AE320" s="189">
        <v>0.71063208267851219</v>
      </c>
      <c r="AF320" s="92">
        <v>1.8663975201956801E-2</v>
      </c>
      <c r="AG320" s="189">
        <v>5.0131599997769579E-3</v>
      </c>
      <c r="AH320" s="92">
        <v>3.137913561353377E-3</v>
      </c>
    </row>
    <row r="321" spans="1:34">
      <c r="A321" s="47" t="s">
        <v>570</v>
      </c>
      <c r="B321" s="47">
        <v>610</v>
      </c>
      <c r="C321" s="184">
        <v>5.8007943348584039</v>
      </c>
      <c r="D321" s="185">
        <v>0.10880562808075846</v>
      </c>
      <c r="E321" s="191">
        <v>5.960049528348893E-2</v>
      </c>
      <c r="F321" s="95">
        <v>1.9533167829129696E-2</v>
      </c>
      <c r="G321" s="191">
        <v>0.11256534429597914</v>
      </c>
      <c r="H321" s="95">
        <v>2.5758056253918766E-2</v>
      </c>
      <c r="I321" s="191">
        <v>0.82783416042053248</v>
      </c>
      <c r="J321" s="95">
        <v>3.0620140988953791E-2</v>
      </c>
      <c r="K321" s="191">
        <v>0</v>
      </c>
      <c r="L321" s="95">
        <v>4.5990501767421222E-3</v>
      </c>
      <c r="M321" s="47">
        <v>606</v>
      </c>
      <c r="N321" s="184">
        <v>5.6287637365392555</v>
      </c>
      <c r="O321" s="185">
        <v>0.11633907871777031</v>
      </c>
      <c r="P321" s="191">
        <v>0.1103128805381353</v>
      </c>
      <c r="Q321" s="95">
        <v>2.56238840948152E-2</v>
      </c>
      <c r="R321" s="191">
        <v>9.6914890297543674E-2</v>
      </c>
      <c r="S321" s="95">
        <v>2.4245501428253099E-2</v>
      </c>
      <c r="T321" s="191">
        <v>0.79277222916432177</v>
      </c>
      <c r="U321" s="95">
        <v>3.2933601841071102E-2</v>
      </c>
      <c r="V321" s="191">
        <v>0</v>
      </c>
      <c r="W321" s="95">
        <v>4.6291582821260599E-3</v>
      </c>
      <c r="X321" s="47">
        <v>608</v>
      </c>
      <c r="Y321" s="184">
        <v>5.8039887478858505</v>
      </c>
      <c r="Z321" s="185">
        <v>0.12333739653550216</v>
      </c>
      <c r="AA321" s="191">
        <v>0.10656276626076398</v>
      </c>
      <c r="AB321" s="95">
        <v>2.5208148725216806E-2</v>
      </c>
      <c r="AC321" s="191">
        <v>6.4214619013950133E-2</v>
      </c>
      <c r="AD321" s="95">
        <v>2.0221883301675111E-2</v>
      </c>
      <c r="AE321" s="191">
        <v>0.82560128112853948</v>
      </c>
      <c r="AF321" s="95">
        <v>3.0823671985832718E-2</v>
      </c>
      <c r="AG321" s="191">
        <v>3.6213335967472931E-3</v>
      </c>
      <c r="AH321" s="95">
        <v>6.675729923837902E-3</v>
      </c>
    </row>
    <row r="322" spans="1:34">
      <c r="A322" s="43" t="s">
        <v>571</v>
      </c>
      <c r="B322" s="51">
        <v>1273</v>
      </c>
      <c r="C322" s="182">
        <v>5.8976292002976267</v>
      </c>
      <c r="D322" s="83">
        <v>7.2031485991901845E-2</v>
      </c>
      <c r="E322" s="189">
        <v>5.9715345175956648E-2</v>
      </c>
      <c r="F322" s="92">
        <v>1.3404370906291175E-2</v>
      </c>
      <c r="G322" s="189">
        <v>7.2758435997642562E-2</v>
      </c>
      <c r="H322" s="92">
        <v>1.4659420508972737E-2</v>
      </c>
      <c r="I322" s="189">
        <v>0.86447631890524801</v>
      </c>
      <c r="J322" s="92">
        <v>1.9224423967341739E-2</v>
      </c>
      <c r="K322" s="189">
        <v>3.0498999211535853E-3</v>
      </c>
      <c r="L322" s="92">
        <v>3.7898175012647476E-3</v>
      </c>
      <c r="M322" s="51">
        <v>1259</v>
      </c>
      <c r="N322" s="182">
        <v>5.7364283335032606</v>
      </c>
      <c r="O322" s="83">
        <v>7.8545541985779843E-2</v>
      </c>
      <c r="P322" s="189">
        <v>8.5210610985149357E-2</v>
      </c>
      <c r="Q322" s="92">
        <v>1.5821432768040909E-2</v>
      </c>
      <c r="R322" s="189">
        <v>7.3500142989139775E-2</v>
      </c>
      <c r="S322" s="92">
        <v>1.4809237051789005E-2</v>
      </c>
      <c r="T322" s="189">
        <v>0.83865541717308789</v>
      </c>
      <c r="U322" s="92">
        <v>2.0756691238345244E-2</v>
      </c>
      <c r="V322" s="189">
        <v>2.6338288526239332E-3</v>
      </c>
      <c r="W322" s="92">
        <v>3.6433663137417989E-3</v>
      </c>
      <c r="X322" s="51">
        <v>1260</v>
      </c>
      <c r="Y322" s="182">
        <v>5.9330829162598864</v>
      </c>
      <c r="Z322" s="83">
        <v>8.4796971607219412E-2</v>
      </c>
      <c r="AA322" s="189">
        <v>9.0991630649465555E-2</v>
      </c>
      <c r="AB322" s="92">
        <v>1.6281664606668494E-2</v>
      </c>
      <c r="AC322" s="189">
        <v>5.8138605519354715E-2</v>
      </c>
      <c r="AD322" s="92">
        <v>1.3311299388103152E-2</v>
      </c>
      <c r="AE322" s="189">
        <v>0.84825052528733513</v>
      </c>
      <c r="AF322" s="92">
        <v>2.0242825115343629E-2</v>
      </c>
      <c r="AG322" s="189">
        <v>2.6192385438452205E-3</v>
      </c>
      <c r="AH322" s="92">
        <v>3.635115799068027E-3</v>
      </c>
    </row>
    <row r="323" spans="1:34">
      <c r="A323" s="47" t="s">
        <v>582</v>
      </c>
      <c r="B323" s="47">
        <v>868</v>
      </c>
      <c r="C323" s="184">
        <v>5.5166657393992784</v>
      </c>
      <c r="D323" s="185">
        <v>0.10489900367222502</v>
      </c>
      <c r="E323" s="191">
        <v>0.12126255587358753</v>
      </c>
      <c r="F323" s="95">
        <v>2.2244565590705534E-2</v>
      </c>
      <c r="G323" s="191">
        <v>9.8320760314579606E-2</v>
      </c>
      <c r="H323" s="95">
        <v>2.0333304563186456E-2</v>
      </c>
      <c r="I323" s="191">
        <v>0.77626626127613363</v>
      </c>
      <c r="J323" s="95">
        <v>2.8282289197638037E-2</v>
      </c>
      <c r="K323" s="191">
        <v>4.1504225357011822E-3</v>
      </c>
      <c r="L323" s="95">
        <v>5.4113717107707113E-3</v>
      </c>
      <c r="M323" s="47">
        <v>859</v>
      </c>
      <c r="N323" s="184">
        <v>5.4615791710572479</v>
      </c>
      <c r="O323" s="185">
        <v>0.10630820915161786</v>
      </c>
      <c r="P323" s="191">
        <v>0.11513909971203512</v>
      </c>
      <c r="Q323" s="95">
        <v>2.1876293588794862E-2</v>
      </c>
      <c r="R323" s="191">
        <v>0.11542558515734588</v>
      </c>
      <c r="S323" s="95">
        <v>2.1899417186430559E-2</v>
      </c>
      <c r="T323" s="191">
        <v>0.75877209468709628</v>
      </c>
      <c r="U323" s="95">
        <v>2.9176119271732862E-2</v>
      </c>
      <c r="V323" s="191">
        <v>1.0663220443524603E-2</v>
      </c>
      <c r="W323" s="95">
        <v>7.6916457751204162E-3</v>
      </c>
      <c r="X323" s="47">
        <v>861</v>
      </c>
      <c r="Y323" s="184">
        <v>5.0565841551175419</v>
      </c>
      <c r="Z323" s="185">
        <v>0.12674007405871165</v>
      </c>
      <c r="AA323" s="191">
        <v>0.24032710199559137</v>
      </c>
      <c r="AB323" s="95">
        <v>2.9105522532555311E-2</v>
      </c>
      <c r="AC323" s="191">
        <v>9.9078554947326383E-2</v>
      </c>
      <c r="AD323" s="95">
        <v>2.0484891028989788E-2</v>
      </c>
      <c r="AE323" s="191">
        <v>0.64965868929121873</v>
      </c>
      <c r="AF323" s="95">
        <v>3.2456921692329548E-2</v>
      </c>
      <c r="AG323" s="191">
        <v>1.0935653765865966E-2</v>
      </c>
      <c r="AH323" s="95">
        <v>7.7602980403327247E-3</v>
      </c>
    </row>
    <row r="324" spans="1:34">
      <c r="A324" s="43" t="s">
        <v>583</v>
      </c>
      <c r="B324" s="51">
        <v>1509</v>
      </c>
      <c r="C324" s="182">
        <v>5.6941561262420199</v>
      </c>
      <c r="D324" s="83">
        <v>6.6728624334704723E-2</v>
      </c>
      <c r="E324" s="189">
        <v>9.8673941058564307E-2</v>
      </c>
      <c r="F324" s="92">
        <v>1.5407047128420136E-2</v>
      </c>
      <c r="G324" s="189">
        <v>8.1689375011200341E-2</v>
      </c>
      <c r="H324" s="92">
        <v>1.4169237333425743E-2</v>
      </c>
      <c r="I324" s="189">
        <v>0.815556665123367</v>
      </c>
      <c r="J324" s="92">
        <v>1.9976840793912275E-2</v>
      </c>
      <c r="K324" s="189">
        <v>4.0800188068678351E-3</v>
      </c>
      <c r="L324" s="92">
        <v>3.765093527321376E-3</v>
      </c>
      <c r="M324" s="51">
        <v>1498</v>
      </c>
      <c r="N324" s="182">
        <v>5.6132650014153249</v>
      </c>
      <c r="O324" s="83">
        <v>7.1201222889442861E-2</v>
      </c>
      <c r="P324" s="189">
        <v>0.10917674385921534</v>
      </c>
      <c r="Q324" s="92">
        <v>1.6160780295067231E-2</v>
      </c>
      <c r="R324" s="189">
        <v>8.8616590035580228E-2</v>
      </c>
      <c r="S324" s="92">
        <v>1.4747215905360838E-2</v>
      </c>
      <c r="T324" s="189">
        <v>0.80076851595597187</v>
      </c>
      <c r="U324" s="92">
        <v>2.0643410765265768E-2</v>
      </c>
      <c r="V324" s="189">
        <v>1.4381501492324211E-3</v>
      </c>
      <c r="W324" s="92">
        <v>2.7102547429777397E-3</v>
      </c>
      <c r="X324" s="51">
        <v>1498</v>
      </c>
      <c r="Y324" s="182">
        <v>5.4488951767805256</v>
      </c>
      <c r="Z324" s="83">
        <v>8.100658945823469E-2</v>
      </c>
      <c r="AA324" s="189">
        <v>0.18781870884209959</v>
      </c>
      <c r="AB324" s="92">
        <v>2.0189595986054222E-2</v>
      </c>
      <c r="AC324" s="189">
        <v>7.4473838582750432E-2</v>
      </c>
      <c r="AD324" s="92">
        <v>1.3642831815747849E-2</v>
      </c>
      <c r="AE324" s="189">
        <v>0.73506779239970454</v>
      </c>
      <c r="AF324" s="92">
        <v>2.2790486250706728E-2</v>
      </c>
      <c r="AG324" s="189">
        <v>2.6396601754441972E-3</v>
      </c>
      <c r="AH324" s="92">
        <v>3.2427214770286909E-3</v>
      </c>
    </row>
    <row r="325" spans="1:34">
      <c r="A325" s="47" t="s">
        <v>572</v>
      </c>
      <c r="B325" s="47">
        <v>293</v>
      </c>
      <c r="C325" s="184">
        <v>4.957175407417342</v>
      </c>
      <c r="D325" s="185">
        <v>0.20447757682006312</v>
      </c>
      <c r="E325" s="191">
        <v>0.24363300973486557</v>
      </c>
      <c r="F325" s="95">
        <v>5.0055106216711928E-2</v>
      </c>
      <c r="G325" s="191">
        <v>9.3611684699008019E-2</v>
      </c>
      <c r="H325" s="95">
        <v>3.4673485158003482E-2</v>
      </c>
      <c r="I325" s="191">
        <v>0.65670726639446197</v>
      </c>
      <c r="J325" s="95">
        <v>5.5182568225445566E-2</v>
      </c>
      <c r="K325" s="191">
        <v>6.0480391716640049E-3</v>
      </c>
      <c r="L325" s="95">
        <v>1.2995355723197209E-2</v>
      </c>
      <c r="M325" s="47">
        <v>292</v>
      </c>
      <c r="N325" s="184">
        <v>5.1634244006842618</v>
      </c>
      <c r="O325" s="185">
        <v>0.18545695340272517</v>
      </c>
      <c r="P325" s="191">
        <v>0.17160333574790365</v>
      </c>
      <c r="Q325" s="95">
        <v>4.4273512547186221E-2</v>
      </c>
      <c r="R325" s="191">
        <v>0.12510529661844566</v>
      </c>
      <c r="S325" s="95">
        <v>3.9116395459898104E-2</v>
      </c>
      <c r="T325" s="191">
        <v>0.70151254777647953</v>
      </c>
      <c r="U325" s="95">
        <v>5.333255843021889E-2</v>
      </c>
      <c r="V325" s="191">
        <v>1.7788198571707004E-3</v>
      </c>
      <c r="W325" s="95">
        <v>1.0679034916905847E-2</v>
      </c>
      <c r="X325" s="47">
        <v>292</v>
      </c>
      <c r="Y325" s="184">
        <v>3.715336768126785</v>
      </c>
      <c r="Z325" s="185">
        <v>0.24298564421733657</v>
      </c>
      <c r="AA325" s="191">
        <v>0.50171976921805583</v>
      </c>
      <c r="AB325" s="95">
        <v>5.8123484785718132E-2</v>
      </c>
      <c r="AC325" s="191">
        <v>0.14409233572039637</v>
      </c>
      <c r="AD325" s="95">
        <v>4.1383199897746838E-2</v>
      </c>
      <c r="AE325" s="191">
        <v>0.34801214720808465</v>
      </c>
      <c r="AF325" s="95">
        <v>5.5449003448299283E-2</v>
      </c>
      <c r="AG325" s="191">
        <v>6.1757478534627454E-3</v>
      </c>
      <c r="AH325" s="95">
        <v>1.3092163175430918E-2</v>
      </c>
    </row>
    <row r="326" spans="1:34">
      <c r="A326" s="43" t="s">
        <v>573</v>
      </c>
      <c r="B326" s="192">
        <v>448</v>
      </c>
      <c r="C326" s="182">
        <v>5.5633850297695844</v>
      </c>
      <c r="D326" s="83">
        <v>0.13139556077515496</v>
      </c>
      <c r="E326" s="189">
        <v>9.8749597526569186E-2</v>
      </c>
      <c r="F326" s="92">
        <v>2.8507893115842783E-2</v>
      </c>
      <c r="G326" s="189">
        <v>0.10365401620892639</v>
      </c>
      <c r="H326" s="92">
        <v>2.9098233853087147E-2</v>
      </c>
      <c r="I326" s="189">
        <v>0.7933928499443722</v>
      </c>
      <c r="J326" s="92">
        <v>3.8262880056895966E-2</v>
      </c>
      <c r="K326" s="189">
        <v>4.2035363201326746E-3</v>
      </c>
      <c r="L326" s="92">
        <v>8.681843722008668E-3</v>
      </c>
      <c r="M326" s="192">
        <v>448</v>
      </c>
      <c r="N326" s="182">
        <v>5.3935930376091159</v>
      </c>
      <c r="O326" s="83">
        <v>0.135567026350392</v>
      </c>
      <c r="P326" s="189">
        <v>0.12874493120664049</v>
      </c>
      <c r="Q326" s="92">
        <v>3.1845639114254996E-2</v>
      </c>
      <c r="R326" s="189">
        <v>9.619727269484514E-2</v>
      </c>
      <c r="S326" s="92">
        <v>2.8192848206557149E-2</v>
      </c>
      <c r="T326" s="189">
        <v>0.77085425977838218</v>
      </c>
      <c r="U326" s="92">
        <v>3.9681326569141279E-2</v>
      </c>
      <c r="V326" s="189">
        <v>4.2035363201326746E-3</v>
      </c>
      <c r="W326" s="92">
        <v>8.681843722008668E-3</v>
      </c>
      <c r="X326" s="192">
        <v>446</v>
      </c>
      <c r="Y326" s="182">
        <v>5.3290158315946528</v>
      </c>
      <c r="Z326" s="83">
        <v>0.16386300554160366</v>
      </c>
      <c r="AA326" s="189">
        <v>0.19289236459096945</v>
      </c>
      <c r="AB326" s="92">
        <v>3.7399246706642963E-2</v>
      </c>
      <c r="AC326" s="189">
        <v>9.5194869662333786E-2</v>
      </c>
      <c r="AD326" s="92">
        <v>2.8131919944420911E-2</v>
      </c>
      <c r="AE326" s="189">
        <v>0.70314962215000809</v>
      </c>
      <c r="AF326" s="92">
        <v>4.3149420491117446E-2</v>
      </c>
      <c r="AG326" s="189">
        <v>8.7631435966897195E-3</v>
      </c>
      <c r="AH326" s="92">
        <v>1.0732010097226225E-2</v>
      </c>
    </row>
    <row r="327" spans="1:34">
      <c r="A327" s="47" t="s">
        <v>574</v>
      </c>
      <c r="B327" s="193">
        <v>676</v>
      </c>
      <c r="C327" s="184">
        <v>5.811269976448231</v>
      </c>
      <c r="D327" s="185">
        <v>0.10520623318075523</v>
      </c>
      <c r="E327" s="191">
        <v>5.6089503250105997E-2</v>
      </c>
      <c r="F327" s="95">
        <v>1.802856628954214E-2</v>
      </c>
      <c r="G327" s="191">
        <v>9.1349272454958594E-2</v>
      </c>
      <c r="H327" s="95">
        <v>2.2355872561145015E-2</v>
      </c>
      <c r="I327" s="191">
        <v>0.85189417206163687</v>
      </c>
      <c r="J327" s="95">
        <v>2.7399337116933334E-2</v>
      </c>
      <c r="K327" s="191">
        <v>6.6705223329793187E-4</v>
      </c>
      <c r="L327" s="95">
        <v>4.5962349384762388E-3</v>
      </c>
      <c r="M327" s="193">
        <v>669</v>
      </c>
      <c r="N327" s="184">
        <v>5.6698813853200232</v>
      </c>
      <c r="O327" s="185">
        <v>0.11351901244663894</v>
      </c>
      <c r="P327" s="191">
        <v>8.3294265252335103E-2</v>
      </c>
      <c r="Q327" s="95">
        <v>2.1588383797641671E-2</v>
      </c>
      <c r="R327" s="191">
        <v>0.10352259330990222</v>
      </c>
      <c r="S327" s="95">
        <v>2.372059919332457E-2</v>
      </c>
      <c r="T327" s="191">
        <v>0.80631037244580728</v>
      </c>
      <c r="U327" s="95">
        <v>3.0575068584516887E-2</v>
      </c>
      <c r="V327" s="191">
        <v>6.8727689919548243E-3</v>
      </c>
      <c r="W327" s="95">
        <v>7.5958760729522151E-3</v>
      </c>
      <c r="X327" s="193">
        <v>671</v>
      </c>
      <c r="Y327" s="184">
        <v>5.8579425045232734</v>
      </c>
      <c r="Z327" s="185">
        <v>0.11468026962183857</v>
      </c>
      <c r="AA327" s="191">
        <v>9.511539925807895E-2</v>
      </c>
      <c r="AB327" s="95">
        <v>2.2836695056860829E-2</v>
      </c>
      <c r="AC327" s="191">
        <v>7.1633961195161702E-2</v>
      </c>
      <c r="AD327" s="95">
        <v>2.017271758493942E-2</v>
      </c>
      <c r="AE327" s="191">
        <v>0.83325063954675882</v>
      </c>
      <c r="AF327" s="95">
        <v>2.8829648366625705E-2</v>
      </c>
      <c r="AG327" s="191">
        <v>0</v>
      </c>
      <c r="AH327" s="95">
        <v>4.1840500056802643E-3</v>
      </c>
    </row>
    <row r="328" spans="1:34">
      <c r="A328" s="43" t="s">
        <v>575</v>
      </c>
      <c r="B328" s="81">
        <v>933</v>
      </c>
      <c r="C328" s="182">
        <v>6.0672363396156213</v>
      </c>
      <c r="D328" s="83">
        <v>7.9811379417728867E-2</v>
      </c>
      <c r="E328" s="189">
        <v>4.4634814618722742E-2</v>
      </c>
      <c r="F328" s="92">
        <v>1.3768812849079033E-2</v>
      </c>
      <c r="G328" s="189">
        <v>6.6313621788540347E-2</v>
      </c>
      <c r="H328" s="92">
        <v>1.6466846687565199E-2</v>
      </c>
      <c r="I328" s="189">
        <v>0.88354559610274341</v>
      </c>
      <c r="J328" s="92">
        <v>2.1085391229700812E-2</v>
      </c>
      <c r="K328" s="189">
        <v>5.50596748999205E-3</v>
      </c>
      <c r="L328" s="92">
        <v>5.6805447348815992E-3</v>
      </c>
      <c r="M328" s="81">
        <v>922</v>
      </c>
      <c r="N328" s="182">
        <v>5.9210760731045902</v>
      </c>
      <c r="O328" s="83">
        <v>8.9114799719584234E-2</v>
      </c>
      <c r="P328" s="189">
        <v>7.1810213886260535E-2</v>
      </c>
      <c r="Q328" s="92">
        <v>1.7168215258451195E-2</v>
      </c>
      <c r="R328" s="189">
        <v>7.0029593060068243E-2</v>
      </c>
      <c r="S328" s="92">
        <v>1.6976567238463972E-2</v>
      </c>
      <c r="T328" s="189">
        <v>0.85458681139311554</v>
      </c>
      <c r="U328" s="92">
        <v>2.3269672976117668E-2</v>
      </c>
      <c r="V328" s="189">
        <v>3.5733816605539831E-3</v>
      </c>
      <c r="W328" s="92">
        <v>4.955560688076001E-3</v>
      </c>
      <c r="X328" s="81">
        <v>925</v>
      </c>
      <c r="Y328" s="182">
        <v>6.0331149455930246</v>
      </c>
      <c r="Z328" s="83">
        <v>9.4466644484054757E-2</v>
      </c>
      <c r="AA328" s="189">
        <v>9.1968189467367567E-2</v>
      </c>
      <c r="AB328" s="92">
        <v>1.9124054626873721E-2</v>
      </c>
      <c r="AC328" s="189">
        <v>3.5052079262721927E-2</v>
      </c>
      <c r="AD328" s="92">
        <v>1.2394833532106559E-2</v>
      </c>
      <c r="AE328" s="189">
        <v>0.86723535999045198</v>
      </c>
      <c r="AF328" s="92">
        <v>2.2377237445415119E-2</v>
      </c>
      <c r="AG328" s="189">
        <v>5.7443712794569991E-3</v>
      </c>
      <c r="AH328" s="92">
        <v>5.7991180569916898E-3</v>
      </c>
    </row>
    <row r="329" spans="1:34">
      <c r="A329" s="47" t="s">
        <v>576</v>
      </c>
      <c r="B329" s="193">
        <v>756</v>
      </c>
      <c r="C329" s="184">
        <v>5.588514419539881</v>
      </c>
      <c r="D329" s="185">
        <v>0.10043928661207817</v>
      </c>
      <c r="E329" s="191">
        <v>0.10700910587007147</v>
      </c>
      <c r="F329" s="95">
        <v>2.2615735389874318E-2</v>
      </c>
      <c r="G329" s="191">
        <v>9.7272750731448934E-2</v>
      </c>
      <c r="H329" s="95">
        <v>2.1705386797974388E-2</v>
      </c>
      <c r="I329" s="191">
        <v>0.79270692251405028</v>
      </c>
      <c r="J329" s="95">
        <v>2.9488815983601462E-2</v>
      </c>
      <c r="K329" s="191">
        <v>3.011220884429499E-3</v>
      </c>
      <c r="L329" s="95">
        <v>5.4266829647028961E-3</v>
      </c>
      <c r="M329" s="193">
        <v>748</v>
      </c>
      <c r="N329" s="184">
        <v>5.562994391431296</v>
      </c>
      <c r="O329" s="185">
        <v>0.10523022619242926</v>
      </c>
      <c r="P329" s="191">
        <v>0.10419814869682156</v>
      </c>
      <c r="Q329" s="95">
        <v>2.2479665554066487E-2</v>
      </c>
      <c r="R329" s="191">
        <v>0.11440725442192871</v>
      </c>
      <c r="S329" s="95">
        <v>2.3394824482430569E-2</v>
      </c>
      <c r="T329" s="191">
        <v>0.77956007326855914</v>
      </c>
      <c r="U329" s="95">
        <v>3.0306534824124137E-2</v>
      </c>
      <c r="V329" s="191">
        <v>1.8345236126906085E-3</v>
      </c>
      <c r="W329" s="95">
        <v>4.8729773062007207E-3</v>
      </c>
      <c r="X329" s="193">
        <v>750</v>
      </c>
      <c r="Y329" s="184">
        <v>5.2882668218454532</v>
      </c>
      <c r="Z329" s="185">
        <v>0.12010116273727567</v>
      </c>
      <c r="AA329" s="191">
        <v>0.20720985082207252</v>
      </c>
      <c r="AB329" s="95">
        <v>2.9602232724332364E-2</v>
      </c>
      <c r="AC329" s="191">
        <v>9.0563056973519046E-2</v>
      </c>
      <c r="AD329" s="95">
        <v>2.1126790508728517E-2</v>
      </c>
      <c r="AE329" s="191">
        <v>0.69953223971345679</v>
      </c>
      <c r="AF329" s="95">
        <v>3.3425810414487653E-2</v>
      </c>
      <c r="AG329" s="191">
        <v>2.6948524909516853E-3</v>
      </c>
      <c r="AH329" s="95">
        <v>5.3048370823435154E-3</v>
      </c>
    </row>
    <row r="330" spans="1:34">
      <c r="A330" s="55" t="s">
        <v>577</v>
      </c>
      <c r="B330" s="192">
        <v>769</v>
      </c>
      <c r="C330" s="182">
        <v>5.6484849313441261</v>
      </c>
      <c r="D330" s="83">
        <v>9.7434161494361432E-2</v>
      </c>
      <c r="E330" s="189">
        <v>0.11009551768909094</v>
      </c>
      <c r="F330" s="92">
        <v>2.2695894928609774E-2</v>
      </c>
      <c r="G330" s="189">
        <v>6.6214540571881489E-2</v>
      </c>
      <c r="H330" s="92">
        <v>1.8165910723987964E-2</v>
      </c>
      <c r="I330" s="189">
        <v>0.81962347480975917</v>
      </c>
      <c r="J330" s="92">
        <v>2.7757532084304499E-2</v>
      </c>
      <c r="K330" s="189">
        <v>4.066466929267592E-3</v>
      </c>
      <c r="L330" s="92">
        <v>5.8390456275238603E-3</v>
      </c>
      <c r="M330" s="192">
        <v>763</v>
      </c>
      <c r="N330" s="182">
        <v>5.5129502691735404</v>
      </c>
      <c r="O330" s="83">
        <v>0.10384366559961758</v>
      </c>
      <c r="P330" s="189">
        <v>0.12075292923166424</v>
      </c>
      <c r="Q330" s="92">
        <v>2.3696022888145273E-2</v>
      </c>
      <c r="R330" s="189">
        <v>9.087123776789055E-2</v>
      </c>
      <c r="S330" s="92">
        <v>2.0974310288373571E-2</v>
      </c>
      <c r="T330" s="189">
        <v>0.78041142569848443</v>
      </c>
      <c r="U330" s="92">
        <v>2.9966293979498865E-2</v>
      </c>
      <c r="V330" s="189">
        <v>7.9644073019598596E-3</v>
      </c>
      <c r="W330" s="92">
        <v>7.3715135214501232E-3</v>
      </c>
      <c r="X330" s="192">
        <v>765</v>
      </c>
      <c r="Y330" s="182">
        <v>5.5172266289347673</v>
      </c>
      <c r="Z330" s="83">
        <v>0.11469814662119084</v>
      </c>
      <c r="AA330" s="189">
        <v>0.17208096445056725</v>
      </c>
      <c r="AB330" s="92">
        <v>2.7328836391287928E-2</v>
      </c>
      <c r="AC330" s="189">
        <v>7.798908878446259E-2</v>
      </c>
      <c r="AD330" s="92">
        <v>1.9586717916391497E-2</v>
      </c>
      <c r="AE330" s="189">
        <v>0.7466496687457842</v>
      </c>
      <c r="AF330" s="92">
        <v>3.1420233994284175E-2</v>
      </c>
      <c r="AG330" s="189">
        <v>3.2802780191851862E-3</v>
      </c>
      <c r="AH330" s="92">
        <v>5.506638265303624E-3</v>
      </c>
    </row>
    <row r="331" spans="1:34">
      <c r="A331" s="47" t="s">
        <v>578</v>
      </c>
      <c r="B331" s="193">
        <v>256</v>
      </c>
      <c r="C331" s="184">
        <v>5.708044765572148</v>
      </c>
      <c r="D331" s="185">
        <v>0.18130931141629211</v>
      </c>
      <c r="E331" s="191">
        <v>0.10049409794853777</v>
      </c>
      <c r="F331" s="95">
        <v>3.8283995436253729E-2</v>
      </c>
      <c r="G331" s="191">
        <v>9.2450789547467396E-2</v>
      </c>
      <c r="H331" s="95">
        <v>3.6997917926867137E-2</v>
      </c>
      <c r="I331" s="191">
        <v>0.80705511250399498</v>
      </c>
      <c r="J331" s="95">
        <v>4.9395710331687728E-2</v>
      </c>
      <c r="K331" s="191">
        <v>0</v>
      </c>
      <c r="L331" s="95">
        <v>1.0836644452735043E-2</v>
      </c>
      <c r="M331" s="193">
        <v>253</v>
      </c>
      <c r="N331" s="184">
        <v>5.6395338420771992</v>
      </c>
      <c r="O331" s="185">
        <v>0.18484716825981504</v>
      </c>
      <c r="P331" s="191">
        <v>0.11293054035569598</v>
      </c>
      <c r="Q331" s="95">
        <v>4.0388133132590896E-2</v>
      </c>
      <c r="R331" s="191">
        <v>8.3866543986442305E-2</v>
      </c>
      <c r="S331" s="95">
        <v>3.5764341553952361E-2</v>
      </c>
      <c r="T331" s="191">
        <v>0.8032029156578625</v>
      </c>
      <c r="U331" s="95">
        <v>5.004393690902359E-2</v>
      </c>
      <c r="V331" s="191">
        <v>0</v>
      </c>
      <c r="W331" s="95">
        <v>1.096264621178554E-2</v>
      </c>
      <c r="X331" s="193">
        <v>255</v>
      </c>
      <c r="Y331" s="184">
        <v>5.202352500205035</v>
      </c>
      <c r="Z331" s="185">
        <v>0.22806446348474277</v>
      </c>
      <c r="AA331" s="191">
        <v>0.22369755717843731</v>
      </c>
      <c r="AB331" s="95">
        <v>5.2135380216919165E-2</v>
      </c>
      <c r="AC331" s="191">
        <v>8.9834042671735281E-2</v>
      </c>
      <c r="AD331" s="95">
        <v>3.6638744059242438E-2</v>
      </c>
      <c r="AE331" s="191">
        <v>0.67895626113205254</v>
      </c>
      <c r="AF331" s="95">
        <v>5.815120986790006E-2</v>
      </c>
      <c r="AG331" s="191">
        <v>7.512139017775428E-3</v>
      </c>
      <c r="AH331" s="95">
        <v>1.5164259606654313E-2</v>
      </c>
    </row>
    <row r="332" spans="1:34">
      <c r="A332" s="55" t="s">
        <v>579</v>
      </c>
      <c r="B332" s="192">
        <v>221</v>
      </c>
      <c r="C332" s="182">
        <v>5.5770300408305369</v>
      </c>
      <c r="D332" s="83">
        <v>0.18886920362770881</v>
      </c>
      <c r="E332" s="189">
        <v>0.1024408147147774</v>
      </c>
      <c r="F332" s="92">
        <v>4.1636824436685732E-2</v>
      </c>
      <c r="G332" s="189">
        <v>0.10842521148183067</v>
      </c>
      <c r="H332" s="92">
        <v>4.2598380188033212E-2</v>
      </c>
      <c r="I332" s="189">
        <v>0.78913397380339234</v>
      </c>
      <c r="J332" s="92">
        <v>5.4869139426964655E-2</v>
      </c>
      <c r="K332" s="189">
        <v>0</v>
      </c>
      <c r="L332" s="92">
        <v>1.2514792344855039E-2</v>
      </c>
      <c r="M332" s="192">
        <v>221</v>
      </c>
      <c r="N332" s="182">
        <v>5.4673925628393398</v>
      </c>
      <c r="O332" s="83">
        <v>0.2016302117950827</v>
      </c>
      <c r="P332" s="189">
        <v>0.13391120790514463</v>
      </c>
      <c r="Q332" s="92">
        <v>4.6322891924618179E-2</v>
      </c>
      <c r="R332" s="189">
        <v>8.3034542243299009E-2</v>
      </c>
      <c r="S332" s="92">
        <v>3.8242862370986418E-2</v>
      </c>
      <c r="T332" s="189">
        <v>0.78305424985155692</v>
      </c>
      <c r="U332" s="92">
        <v>5.5410174853562207E-2</v>
      </c>
      <c r="V332" s="189">
        <v>0</v>
      </c>
      <c r="W332" s="92">
        <v>1.2514792344855039E-2</v>
      </c>
      <c r="X332" s="192">
        <v>218</v>
      </c>
      <c r="Y332" s="182">
        <v>5.3739202587891386</v>
      </c>
      <c r="Z332" s="83">
        <v>0.23196314077472416</v>
      </c>
      <c r="AA332" s="189">
        <v>0.19791246527384856</v>
      </c>
      <c r="AB332" s="92">
        <v>5.4027358948247922E-2</v>
      </c>
      <c r="AC332" s="189">
        <v>7.4672142613878223E-2</v>
      </c>
      <c r="AD332" s="92">
        <v>3.6896870851449992E-2</v>
      </c>
      <c r="AE332" s="189">
        <v>0.71955610654740132</v>
      </c>
      <c r="AF332" s="92">
        <v>6.0555473688331134E-2</v>
      </c>
      <c r="AG332" s="189">
        <v>7.8592855648721496E-3</v>
      </c>
      <c r="AH332" s="92">
        <v>1.721454643962822E-2</v>
      </c>
    </row>
    <row r="333" spans="1:34">
      <c r="A333" s="47" t="s">
        <v>580</v>
      </c>
      <c r="B333" s="193">
        <v>223</v>
      </c>
      <c r="C333" s="184">
        <v>5.6672008888063941</v>
      </c>
      <c r="D333" s="185">
        <v>0.20553074074673491</v>
      </c>
      <c r="E333" s="191">
        <v>9.922186282205897E-2</v>
      </c>
      <c r="F333" s="95">
        <v>4.0912011968076555E-2</v>
      </c>
      <c r="G333" s="191">
        <v>9.1844253158568812E-2</v>
      </c>
      <c r="H333" s="95">
        <v>3.9652279700768352E-2</v>
      </c>
      <c r="I333" s="191">
        <v>0.78359237782967628</v>
      </c>
      <c r="J333" s="95">
        <v>5.5114576601312762E-2</v>
      </c>
      <c r="K333" s="191">
        <v>2.5341506189695807E-2</v>
      </c>
      <c r="L333" s="95">
        <v>2.3956447115989665E-2</v>
      </c>
      <c r="M333" s="193">
        <v>222</v>
      </c>
      <c r="N333" s="184">
        <v>5.6792741745187252</v>
      </c>
      <c r="O333" s="185">
        <v>0.20502225835226995</v>
      </c>
      <c r="P333" s="191">
        <v>8.6517131601524661E-2</v>
      </c>
      <c r="Q333" s="95">
        <v>3.8793833974734064E-2</v>
      </c>
      <c r="R333" s="191">
        <v>7.4677663904158406E-2</v>
      </c>
      <c r="S333" s="95">
        <v>3.6542556063144958E-2</v>
      </c>
      <c r="T333" s="191">
        <v>0.8264530762619744</v>
      </c>
      <c r="U333" s="95">
        <v>5.1036591233010679E-2</v>
      </c>
      <c r="V333" s="191">
        <v>1.2352128232342744E-2</v>
      </c>
      <c r="W333" s="95">
        <v>1.9068008253806296E-2</v>
      </c>
      <c r="X333" s="193">
        <v>222</v>
      </c>
      <c r="Y333" s="184">
        <v>5.1900481304679609</v>
      </c>
      <c r="Z333" s="185">
        <v>0.24723849633647202</v>
      </c>
      <c r="AA333" s="191">
        <v>0.24816536580393539</v>
      </c>
      <c r="AB333" s="95">
        <v>5.7807190946388434E-2</v>
      </c>
      <c r="AC333" s="191">
        <v>5.8472845527778643E-2</v>
      </c>
      <c r="AD333" s="95">
        <v>3.3097724624441278E-2</v>
      </c>
      <c r="AE333" s="191">
        <v>0.68065092599125054</v>
      </c>
      <c r="AF333" s="95">
        <v>6.2188726812858641E-2</v>
      </c>
      <c r="AG333" s="191">
        <v>1.2710862677035082E-2</v>
      </c>
      <c r="AH333" s="95">
        <v>1.9223993022495292E-2</v>
      </c>
    </row>
    <row r="334" spans="1:34">
      <c r="A334" s="55" t="s">
        <v>581</v>
      </c>
      <c r="B334" s="192">
        <v>123</v>
      </c>
      <c r="C334" s="182">
        <v>5.7876510448002305</v>
      </c>
      <c r="D334" s="83">
        <v>0.24860244561425016</v>
      </c>
      <c r="E334" s="189">
        <v>7.2773598081069604E-2</v>
      </c>
      <c r="F334" s="92">
        <v>4.9816675841589629E-2</v>
      </c>
      <c r="G334" s="189">
        <v>0.1020281279100034</v>
      </c>
      <c r="H334" s="92">
        <v>5.6523444664071179E-2</v>
      </c>
      <c r="I334" s="189">
        <v>0.82519827400892753</v>
      </c>
      <c r="J334" s="92">
        <v>6.8918036123729598E-2</v>
      </c>
      <c r="K334" s="189">
        <v>0</v>
      </c>
      <c r="L334" s="92">
        <v>2.2095020994736762E-2</v>
      </c>
      <c r="M334" s="192">
        <v>122</v>
      </c>
      <c r="N334" s="182">
        <v>5.7615207433518831</v>
      </c>
      <c r="O334" s="83">
        <v>0.2422856933086279</v>
      </c>
      <c r="P334" s="189">
        <v>9.1525741964713456E-2</v>
      </c>
      <c r="Q334" s="92">
        <v>5.4503343228492873E-2</v>
      </c>
      <c r="R334" s="189">
        <v>7.5977534135629771E-2</v>
      </c>
      <c r="S334" s="92">
        <v>5.0846581544462373E-2</v>
      </c>
      <c r="T334" s="189">
        <v>0.83249672389965723</v>
      </c>
      <c r="U334" s="92">
        <v>6.8162694530773574E-2</v>
      </c>
      <c r="V334" s="189">
        <v>0</v>
      </c>
      <c r="W334" s="92">
        <v>2.226896426705402E-2</v>
      </c>
      <c r="X334" s="192">
        <v>121</v>
      </c>
      <c r="Y334" s="182">
        <v>5.506224709325565</v>
      </c>
      <c r="Z334" s="83">
        <v>0.31944618129678426</v>
      </c>
      <c r="AA334" s="189">
        <v>0.16640239977597446</v>
      </c>
      <c r="AB334" s="92">
        <v>6.8286707072412897E-2</v>
      </c>
      <c r="AC334" s="189">
        <v>4.476315579512144E-2</v>
      </c>
      <c r="AD334" s="92">
        <v>4.2260373388457902E-2</v>
      </c>
      <c r="AE334" s="189">
        <v>0.77661553218331592</v>
      </c>
      <c r="AF334" s="92">
        <v>7.5535957759767083E-2</v>
      </c>
      <c r="AG334" s="189">
        <v>1.2218912245588793E-2</v>
      </c>
      <c r="AH334" s="92">
        <v>2.942299217563784E-2</v>
      </c>
    </row>
    <row r="335" spans="1:34">
      <c r="A335" s="47" t="s">
        <v>584</v>
      </c>
      <c r="B335" s="193">
        <v>117</v>
      </c>
      <c r="C335" s="184">
        <v>4.8776114933718953</v>
      </c>
      <c r="D335" s="185">
        <v>0.33644543154148165</v>
      </c>
      <c r="E335" s="191">
        <v>0.27535087046003659</v>
      </c>
      <c r="F335" s="95">
        <v>8.1881650812100679E-2</v>
      </c>
      <c r="G335" s="191">
        <v>5.861098831232435E-2</v>
      </c>
      <c r="H335" s="95">
        <v>4.7357886582485971E-2</v>
      </c>
      <c r="I335" s="191">
        <v>0.65620644101908243</v>
      </c>
      <c r="J335" s="95">
        <v>8.6661903224752965E-2</v>
      </c>
      <c r="K335" s="191">
        <v>9.8317002085567037E-3</v>
      </c>
      <c r="L335" s="95">
        <v>2.8952944387393761E-2</v>
      </c>
      <c r="M335" s="193">
        <v>115</v>
      </c>
      <c r="N335" s="184">
        <v>5.1445793041093513</v>
      </c>
      <c r="O335" s="185">
        <v>0.30523420894757036</v>
      </c>
      <c r="P335" s="191">
        <v>0.15752488966043696</v>
      </c>
      <c r="Q335" s="95">
        <v>6.871283962607122E-2</v>
      </c>
      <c r="R335" s="191">
        <v>0.14475241436501707</v>
      </c>
      <c r="S335" s="95">
        <v>6.6646100002394418E-2</v>
      </c>
      <c r="T335" s="191">
        <v>0.68567115124014544</v>
      </c>
      <c r="U335" s="95">
        <v>8.5563841756211442E-2</v>
      </c>
      <c r="V335" s="191">
        <v>1.2051544734400439E-2</v>
      </c>
      <c r="W335" s="95">
        <v>3.0482721597972596E-2</v>
      </c>
      <c r="X335" s="193">
        <v>114</v>
      </c>
      <c r="Y335" s="184">
        <v>3.0665906871072348</v>
      </c>
      <c r="Z335" s="185">
        <v>0.36824116467841772</v>
      </c>
      <c r="AA335" s="191">
        <v>0.64806834061410223</v>
      </c>
      <c r="AB335" s="95">
        <v>8.8209489129834215E-2</v>
      </c>
      <c r="AC335" s="191">
        <v>0.15479949675734173</v>
      </c>
      <c r="AD335" s="95">
        <v>6.8588321440701247E-2</v>
      </c>
      <c r="AE335" s="191">
        <v>0.18387057855886935</v>
      </c>
      <c r="AF335" s="95">
        <v>7.2887839461872134E-2</v>
      </c>
      <c r="AG335" s="191">
        <v>1.3261584069686496E-2</v>
      </c>
      <c r="AH335" s="95">
        <v>3.1286246979287141E-2</v>
      </c>
    </row>
    <row r="336" spans="1:34">
      <c r="A336" s="55" t="s">
        <v>585</v>
      </c>
      <c r="B336" s="192">
        <v>2260</v>
      </c>
      <c r="C336" s="182">
        <v>5.7791923718311891</v>
      </c>
      <c r="D336" s="83">
        <v>5.7471662738856649E-2</v>
      </c>
      <c r="E336" s="189">
        <v>7.4745431592572215E-2</v>
      </c>
      <c r="F336" s="92">
        <v>1.1104785463221084E-2</v>
      </c>
      <c r="G336" s="189">
        <v>9.1413666769013899E-2</v>
      </c>
      <c r="H336" s="92">
        <v>1.2156705825738336E-2</v>
      </c>
      <c r="I336" s="189">
        <v>0.8307639463046107</v>
      </c>
      <c r="J336" s="92">
        <v>1.5782390535386017E-2</v>
      </c>
      <c r="K336" s="189">
        <v>3.0769553338009501E-3</v>
      </c>
      <c r="L336" s="92">
        <v>2.6381510283429391E-3</v>
      </c>
      <c r="M336" s="192">
        <v>2242</v>
      </c>
      <c r="N336" s="182">
        <v>5.6451388515269212</v>
      </c>
      <c r="O336" s="83">
        <v>6.0789607144536899E-2</v>
      </c>
      <c r="P336" s="189">
        <v>0.10260264924289761</v>
      </c>
      <c r="Q336" s="92">
        <v>1.2844529249170828E-2</v>
      </c>
      <c r="R336" s="189">
        <v>8.7651468300059585E-2</v>
      </c>
      <c r="S336" s="92">
        <v>1.1979039393537866E-2</v>
      </c>
      <c r="T336" s="189">
        <v>0.80709655888753007</v>
      </c>
      <c r="U336" s="92">
        <v>1.6669610186499401E-2</v>
      </c>
      <c r="V336" s="189">
        <v>2.649323569511028E-3</v>
      </c>
      <c r="W336" s="92">
        <v>2.5046992173167774E-3</v>
      </c>
      <c r="X336" s="192">
        <v>2245</v>
      </c>
      <c r="Y336" s="182">
        <v>5.7305764965932626</v>
      </c>
      <c r="Z336" s="83">
        <v>6.7175622985534963E-2</v>
      </c>
      <c r="AA336" s="189">
        <v>0.12497805934948404</v>
      </c>
      <c r="AB336" s="92">
        <v>1.3978219734225647E-2</v>
      </c>
      <c r="AC336" s="189">
        <v>6.8696654773673191E-2</v>
      </c>
      <c r="AD336" s="92">
        <v>1.0722129528143788E-2</v>
      </c>
      <c r="AE336" s="189">
        <v>0.80275464966239984</v>
      </c>
      <c r="AF336" s="92">
        <v>1.6798726403393006E-2</v>
      </c>
      <c r="AG336" s="189">
        <v>3.5706362144413461E-3</v>
      </c>
      <c r="AH336" s="92">
        <v>2.8081490503411109E-3</v>
      </c>
    </row>
    <row r="337" spans="1:34">
      <c r="A337" s="47" t="s">
        <v>620</v>
      </c>
      <c r="B337" s="193">
        <v>156</v>
      </c>
      <c r="C337" s="184">
        <v>5.9539581111581734</v>
      </c>
      <c r="D337" s="185">
        <v>0.18939141976610382</v>
      </c>
      <c r="E337" s="191">
        <v>2.4425735161129572E-2</v>
      </c>
      <c r="F337" s="95">
        <v>2.9578837828318615E-2</v>
      </c>
      <c r="G337" s="191">
        <v>0.12385410972777201</v>
      </c>
      <c r="H337" s="95">
        <v>5.3735492737113928E-2</v>
      </c>
      <c r="I337" s="191">
        <v>0.85172015511109878</v>
      </c>
      <c r="J337" s="95">
        <v>5.7532809975482442E-2</v>
      </c>
      <c r="K337" s="191">
        <v>0</v>
      </c>
      <c r="L337" s="95">
        <v>1.7566836653193994E-2</v>
      </c>
      <c r="M337" s="193">
        <v>155</v>
      </c>
      <c r="N337" s="184">
        <v>5.6972939486243028</v>
      </c>
      <c r="O337" s="185">
        <v>0.21310004587646011</v>
      </c>
      <c r="P337" s="191">
        <v>8.7525925916930425E-2</v>
      </c>
      <c r="Q337" s="95">
        <v>4.7136282222460205E-2</v>
      </c>
      <c r="R337" s="191">
        <v>7.8072131822297719E-2</v>
      </c>
      <c r="S337" s="95">
        <v>4.5091477686931343E-2</v>
      </c>
      <c r="T337" s="191">
        <v>0.83440194226077213</v>
      </c>
      <c r="U337" s="95">
        <v>6.0132132631256913E-2</v>
      </c>
      <c r="V337" s="191">
        <v>0</v>
      </c>
      <c r="W337" s="95">
        <v>1.7676616229639286E-2</v>
      </c>
      <c r="X337" s="193">
        <v>154</v>
      </c>
      <c r="Y337" s="184">
        <v>5.807155835352062</v>
      </c>
      <c r="Z337" s="185">
        <v>0.22938648654997765</v>
      </c>
      <c r="AA337" s="191">
        <v>8.8911263535581334E-2</v>
      </c>
      <c r="AB337" s="95">
        <v>4.7588530240621769E-2</v>
      </c>
      <c r="AC337" s="191">
        <v>9.8114832023279405E-2</v>
      </c>
      <c r="AD337" s="95">
        <v>4.9443127337364237E-2</v>
      </c>
      <c r="AE337" s="191">
        <v>0.81297390444113959</v>
      </c>
      <c r="AF337" s="95">
        <v>6.3033883520372216E-2</v>
      </c>
      <c r="AG337" s="191">
        <v>0</v>
      </c>
      <c r="AH337" s="95">
        <v>1.7787776428620949E-2</v>
      </c>
    </row>
    <row r="338" spans="1:34">
      <c r="A338" s="55" t="s">
        <v>621</v>
      </c>
      <c r="B338" s="192">
        <v>163</v>
      </c>
      <c r="C338" s="182">
        <v>5.943092888959888</v>
      </c>
      <c r="D338" s="83">
        <v>0.17877604112017956</v>
      </c>
      <c r="E338" s="189">
        <v>3.9629817242865718E-2</v>
      </c>
      <c r="F338" s="92">
        <v>3.3939203122722236E-2</v>
      </c>
      <c r="G338" s="189">
        <v>8.1184191779720957E-2</v>
      </c>
      <c r="H338" s="92">
        <v>4.4559158747801426E-2</v>
      </c>
      <c r="I338" s="189">
        <v>0.86689743862467694</v>
      </c>
      <c r="J338" s="92">
        <v>5.4003238577228295E-2</v>
      </c>
      <c r="K338" s="189">
        <v>1.2288552352736921E-2</v>
      </c>
      <c r="L338" s="92">
        <v>2.3672258269332207E-2</v>
      </c>
      <c r="M338" s="192">
        <v>162</v>
      </c>
      <c r="N338" s="182">
        <v>5.8457751552201538</v>
      </c>
      <c r="O338" s="83">
        <v>0.21100305170134337</v>
      </c>
      <c r="P338" s="189">
        <v>6.052257067456028E-2</v>
      </c>
      <c r="Q338" s="92">
        <v>3.9896074779367921E-2</v>
      </c>
      <c r="R338" s="189">
        <v>5.7834274473986938E-2</v>
      </c>
      <c r="S338" s="92">
        <v>3.9208477359398336E-2</v>
      </c>
      <c r="T338" s="189">
        <v>0.88164315485145339</v>
      </c>
      <c r="U338" s="92">
        <v>5.178344182621708E-2</v>
      </c>
      <c r="V338" s="189">
        <v>0</v>
      </c>
      <c r="W338" s="92">
        <v>1.6935763699852214E-2</v>
      </c>
      <c r="X338" s="192">
        <v>159</v>
      </c>
      <c r="Y338" s="182">
        <v>6.0896006150132269</v>
      </c>
      <c r="Z338" s="83">
        <v>0.22287716069031105</v>
      </c>
      <c r="AA338" s="189">
        <v>7.2265042390343634E-2</v>
      </c>
      <c r="AB338" s="92">
        <v>4.316102603955925E-2</v>
      </c>
      <c r="AC338" s="189">
        <v>2.6539107094252085E-2</v>
      </c>
      <c r="AD338" s="92">
        <v>3.0010944094051601E-2</v>
      </c>
      <c r="AE338" s="189">
        <v>0.90119585051540441</v>
      </c>
      <c r="AF338" s="92">
        <v>4.8749955285873059E-2</v>
      </c>
      <c r="AG338" s="189">
        <v>0</v>
      </c>
      <c r="AH338" s="92">
        <v>1.7245529166034633E-2</v>
      </c>
    </row>
    <row r="339" spans="1:34">
      <c r="A339" s="47" t="s">
        <v>622</v>
      </c>
      <c r="B339" s="193">
        <v>992</v>
      </c>
      <c r="C339" s="184">
        <v>5.8135382026155771</v>
      </c>
      <c r="D339" s="185">
        <v>8.7146212316071045E-2</v>
      </c>
      <c r="E339" s="191">
        <v>7.3633389537359456E-2</v>
      </c>
      <c r="F339" s="95">
        <v>1.6727046845127099E-2</v>
      </c>
      <c r="G339" s="191">
        <v>7.0902504667862298E-2</v>
      </c>
      <c r="H339" s="95">
        <v>1.6446491396037176E-2</v>
      </c>
      <c r="I339" s="191">
        <v>0.85443879637069642</v>
      </c>
      <c r="J339" s="95">
        <v>2.2439581039301038E-2</v>
      </c>
      <c r="K339" s="191">
        <v>1.0253094240819831E-3</v>
      </c>
      <c r="L339" s="95">
        <v>3.4826290944501366E-3</v>
      </c>
      <c r="M339" s="193">
        <v>979</v>
      </c>
      <c r="N339" s="184">
        <v>5.7071480455575729</v>
      </c>
      <c r="O339" s="185">
        <v>9.0231901361836564E-2</v>
      </c>
      <c r="P339" s="191">
        <v>8.6453638098132626E-2</v>
      </c>
      <c r="Q339" s="95">
        <v>1.8084058339566861E-2</v>
      </c>
      <c r="R339" s="191">
        <v>8.4214004253088864E-2</v>
      </c>
      <c r="S339" s="95">
        <v>1.7875582800909184E-2</v>
      </c>
      <c r="T339" s="191">
        <v>0.82763365714965564</v>
      </c>
      <c r="U339" s="95">
        <v>2.4166934778706847E-2</v>
      </c>
      <c r="V339" s="191">
        <v>1.698700499123694E-3</v>
      </c>
      <c r="W339" s="95">
        <v>3.8867436777191328E-3</v>
      </c>
      <c r="X339" s="193">
        <v>986</v>
      </c>
      <c r="Y339" s="184">
        <v>5.8781003089236474</v>
      </c>
      <c r="Z339" s="185">
        <v>9.659425754022602E-2</v>
      </c>
      <c r="AA339" s="191">
        <v>9.9095556729272061E-2</v>
      </c>
      <c r="AB339" s="95">
        <v>1.9129731090666294E-2</v>
      </c>
      <c r="AC339" s="191">
        <v>6.3469184761824865E-2</v>
      </c>
      <c r="AD339" s="95">
        <v>1.5696310888162202E-2</v>
      </c>
      <c r="AE339" s="191">
        <v>0.83318361876454261</v>
      </c>
      <c r="AF339" s="95">
        <v>2.377367401858576E-2</v>
      </c>
      <c r="AG339" s="191">
        <v>4.2516397443608748E-3</v>
      </c>
      <c r="AH339" s="95">
        <v>5.0113175378536578E-3</v>
      </c>
    </row>
    <row r="340" spans="1:34">
      <c r="A340" s="55" t="s">
        <v>623</v>
      </c>
      <c r="B340" s="192">
        <v>302</v>
      </c>
      <c r="C340" s="182">
        <v>5.8085786344582973</v>
      </c>
      <c r="D340" s="83">
        <v>0.14686572197776362</v>
      </c>
      <c r="E340" s="189">
        <v>7.7438129203986017E-2</v>
      </c>
      <c r="F340" s="92">
        <v>3.1535673594355017E-2</v>
      </c>
      <c r="G340" s="189">
        <v>9.9984213495696542E-2</v>
      </c>
      <c r="H340" s="92">
        <v>3.5080368082039376E-2</v>
      </c>
      <c r="I340" s="189">
        <v>0.82129402640543869</v>
      </c>
      <c r="J340" s="92">
        <v>4.4199684868104945E-2</v>
      </c>
      <c r="K340" s="189">
        <v>1.283630894878584E-3</v>
      </c>
      <c r="L340" s="92">
        <v>1.0059896076849666E-2</v>
      </c>
      <c r="M340" s="192">
        <v>302</v>
      </c>
      <c r="N340" s="182">
        <v>5.5693888831750886</v>
      </c>
      <c r="O340" s="83">
        <v>0.16380163620390223</v>
      </c>
      <c r="P340" s="189">
        <v>0.13804306491897164</v>
      </c>
      <c r="Q340" s="92">
        <v>3.9998359809836452E-2</v>
      </c>
      <c r="R340" s="189">
        <v>8.761109387854088E-2</v>
      </c>
      <c r="S340" s="92">
        <v>3.3206122752849877E-2</v>
      </c>
      <c r="T340" s="189">
        <v>0.7730622103076088</v>
      </c>
      <c r="U340" s="92">
        <v>4.8151944572326626E-2</v>
      </c>
      <c r="V340" s="189">
        <v>1.283630894878584E-3</v>
      </c>
      <c r="W340" s="92">
        <v>1.0059896076849666E-2</v>
      </c>
      <c r="X340" s="192">
        <v>300</v>
      </c>
      <c r="Y340" s="182">
        <v>5.6479067809873245</v>
      </c>
      <c r="Z340" s="83">
        <v>0.19313673822205771</v>
      </c>
      <c r="AA340" s="189">
        <v>0.14114402973806509</v>
      </c>
      <c r="AB340" s="92">
        <v>4.048862441286441E-2</v>
      </c>
      <c r="AC340" s="189">
        <v>7.3896665383013732E-2</v>
      </c>
      <c r="AD340" s="92">
        <v>3.1031078515444684E-2</v>
      </c>
      <c r="AE340" s="189">
        <v>0.78379230844058023</v>
      </c>
      <c r="AF340" s="92">
        <v>4.7512796767406461E-2</v>
      </c>
      <c r="AG340" s="189">
        <v>1.1669964383404729E-3</v>
      </c>
      <c r="AH340" s="92">
        <v>1.004648838264062E-2</v>
      </c>
    </row>
    <row r="341" spans="1:34">
      <c r="A341" s="47" t="s">
        <v>624</v>
      </c>
      <c r="B341" s="193">
        <v>320</v>
      </c>
      <c r="C341" s="184">
        <v>5.8782078888418496</v>
      </c>
      <c r="D341" s="185">
        <v>0.15667503229476368</v>
      </c>
      <c r="E341" s="191">
        <v>6.0816757790537135E-2</v>
      </c>
      <c r="F341" s="95">
        <v>2.7633223441938099E-2</v>
      </c>
      <c r="G341" s="191">
        <v>9.7489955360470407E-2</v>
      </c>
      <c r="H341" s="95">
        <v>3.3694584024151951E-2</v>
      </c>
      <c r="I341" s="191">
        <v>0.8389214449450485</v>
      </c>
      <c r="J341" s="95">
        <v>4.1268615273836587E-2</v>
      </c>
      <c r="K341" s="191">
        <v>2.7718419039446498E-3</v>
      </c>
      <c r="L341" s="95">
        <v>1.044152726517235E-2</v>
      </c>
      <c r="M341" s="193">
        <v>317</v>
      </c>
      <c r="N341" s="184">
        <v>5.8252715291738726</v>
      </c>
      <c r="O341" s="185">
        <v>0.16552595479211094</v>
      </c>
      <c r="P341" s="191">
        <v>7.5002637305964417E-2</v>
      </c>
      <c r="Q341" s="95">
        <v>3.0335752885780418E-2</v>
      </c>
      <c r="R341" s="191">
        <v>9.6564309266491857E-2</v>
      </c>
      <c r="S341" s="95">
        <v>3.3724318155691435E-2</v>
      </c>
      <c r="T341" s="191">
        <v>0.82563385299239977</v>
      </c>
      <c r="U341" s="95">
        <v>4.273934697016752E-2</v>
      </c>
      <c r="V341" s="191">
        <v>2.7992004351446659E-3</v>
      </c>
      <c r="W341" s="95">
        <v>1.0539314748820009E-2</v>
      </c>
      <c r="X341" s="193">
        <v>320</v>
      </c>
      <c r="Y341" s="184">
        <v>5.9925435570728922</v>
      </c>
      <c r="Z341" s="185">
        <v>0.17235956941403674</v>
      </c>
      <c r="AA341" s="191">
        <v>9.5780771355796934E-2</v>
      </c>
      <c r="AB341" s="95">
        <v>3.3447270297325415E-2</v>
      </c>
      <c r="AC341" s="191">
        <v>5.3702379882533222E-2</v>
      </c>
      <c r="AD341" s="95">
        <v>2.6224608933969565E-2</v>
      </c>
      <c r="AE341" s="191">
        <v>0.84733177286411876</v>
      </c>
      <c r="AF341" s="95">
        <v>4.0417726500976234E-2</v>
      </c>
      <c r="AG341" s="191">
        <v>3.1850758975518062E-3</v>
      </c>
      <c r="AH341" s="95">
        <v>1.0675781576983028E-2</v>
      </c>
    </row>
    <row r="342" spans="1:34">
      <c r="A342" s="55" t="s">
        <v>625</v>
      </c>
      <c r="B342" s="192">
        <v>1194</v>
      </c>
      <c r="C342" s="182">
        <v>5.54294887666435</v>
      </c>
      <c r="D342" s="83">
        <v>8.2238922555302324E-2</v>
      </c>
      <c r="E342" s="189">
        <v>0.12120785782343856</v>
      </c>
      <c r="F342" s="92">
        <v>1.894311552623295E-2</v>
      </c>
      <c r="G342" s="189">
        <v>9.2056569007851946E-2</v>
      </c>
      <c r="H342" s="92">
        <v>1.6815964104441163E-2</v>
      </c>
      <c r="I342" s="189">
        <v>0.78223964332870932</v>
      </c>
      <c r="J342" s="92">
        <v>2.3885637632820367E-2</v>
      </c>
      <c r="K342" s="189">
        <v>4.4959298400003306E-3</v>
      </c>
      <c r="L342" s="92">
        <v>4.5176487339261698E-3</v>
      </c>
      <c r="M342" s="192">
        <v>1179</v>
      </c>
      <c r="N342" s="182">
        <v>5.4928322344346787</v>
      </c>
      <c r="O342" s="83">
        <v>8.4860243968604102E-2</v>
      </c>
      <c r="P342" s="189">
        <v>0.12521046999850996</v>
      </c>
      <c r="Q342" s="92">
        <v>1.9327764813128152E-2</v>
      </c>
      <c r="R342" s="189">
        <v>0.10108585547888831</v>
      </c>
      <c r="S342" s="92">
        <v>1.7631698806680102E-2</v>
      </c>
      <c r="T342" s="189">
        <v>0.76900502436531171</v>
      </c>
      <c r="U342" s="92">
        <v>2.4541429204891281E-2</v>
      </c>
      <c r="V342" s="189">
        <v>4.6986501572907017E-3</v>
      </c>
      <c r="W342" s="92">
        <v>4.6273690644264088E-3</v>
      </c>
      <c r="X342" s="192">
        <v>1183</v>
      </c>
      <c r="Y342" s="182">
        <v>5.1378944194880214</v>
      </c>
      <c r="Z342" s="83">
        <v>0.10323121139928902</v>
      </c>
      <c r="AA342" s="189">
        <v>0.23824303950528805</v>
      </c>
      <c r="AB342" s="92">
        <v>2.4761323772439382E-2</v>
      </c>
      <c r="AC342" s="189">
        <v>9.2098725549805346E-2</v>
      </c>
      <c r="AD342" s="92">
        <v>1.6898131985218286E-2</v>
      </c>
      <c r="AE342" s="189">
        <v>0.66409750678821355</v>
      </c>
      <c r="AF342" s="92">
        <v>2.7428589277542867E-2</v>
      </c>
      <c r="AG342" s="189">
        <v>5.560728156692913E-3</v>
      </c>
      <c r="AH342" s="92">
        <v>4.9170648775786327E-3</v>
      </c>
    </row>
    <row r="343" spans="1:34">
      <c r="A343" s="47" t="s">
        <v>626</v>
      </c>
      <c r="B343" s="193">
        <v>1182</v>
      </c>
      <c r="C343" s="184">
        <v>5.851661207056587</v>
      </c>
      <c r="D343" s="185">
        <v>7.9963531034562024E-2</v>
      </c>
      <c r="E343" s="191">
        <v>7.3591375843921489E-2</v>
      </c>
      <c r="F343" s="95">
        <v>1.5299162639893338E-2</v>
      </c>
      <c r="G343" s="191">
        <v>7.0747345261731362E-2</v>
      </c>
      <c r="H343" s="95">
        <v>1.5030373791635224E-2</v>
      </c>
      <c r="I343" s="191">
        <v>0.85233024171975147</v>
      </c>
      <c r="J343" s="95">
        <v>2.0671634571163576E-2</v>
      </c>
      <c r="K343" s="191">
        <v>3.331037174596384E-3</v>
      </c>
      <c r="L343" s="95">
        <v>4.0987316830887873E-3</v>
      </c>
      <c r="M343" s="193">
        <v>1177</v>
      </c>
      <c r="N343" s="184">
        <v>5.7264093591832728</v>
      </c>
      <c r="O343" s="185">
        <v>8.4304437070986615E-2</v>
      </c>
      <c r="P343" s="191">
        <v>8.3034996983551074E-2</v>
      </c>
      <c r="Q343" s="95">
        <v>1.6182270890281653E-2</v>
      </c>
      <c r="R343" s="191">
        <v>8.7155668337287565E-2</v>
      </c>
      <c r="S343" s="95">
        <v>1.6533869745418896E-2</v>
      </c>
      <c r="T343" s="191">
        <v>0.8269776825042372</v>
      </c>
      <c r="U343" s="95">
        <v>2.2069753045130727E-2</v>
      </c>
      <c r="V343" s="191">
        <v>2.8316521749253785E-3</v>
      </c>
      <c r="W343" s="95">
        <v>3.901909677057881E-3</v>
      </c>
      <c r="X343" s="193">
        <v>1175</v>
      </c>
      <c r="Y343" s="184">
        <v>5.7447505410017383</v>
      </c>
      <c r="Z343" s="185">
        <v>9.2917133072289715E-2</v>
      </c>
      <c r="AA343" s="191">
        <v>0.12851369133947615</v>
      </c>
      <c r="AB343" s="95">
        <v>1.9574154678775664E-2</v>
      </c>
      <c r="AC343" s="191">
        <v>6.0876169558225189E-2</v>
      </c>
      <c r="AD343" s="95">
        <v>1.4085221181832445E-2</v>
      </c>
      <c r="AE343" s="191">
        <v>0.80666055237444889</v>
      </c>
      <c r="AF343" s="95">
        <v>2.3049625849086479E-2</v>
      </c>
      <c r="AG343" s="191">
        <v>3.9495867278508149E-3</v>
      </c>
      <c r="AH343" s="95">
        <v>4.3591185386757623E-3</v>
      </c>
    </row>
    <row r="344" spans="1:34">
      <c r="A344" s="55" t="s">
        <v>627</v>
      </c>
      <c r="B344" s="192">
        <v>347</v>
      </c>
      <c r="C344" s="182">
        <v>5.8349579700293885</v>
      </c>
      <c r="D344" s="83">
        <v>0.15335134465253025</v>
      </c>
      <c r="E344" s="189">
        <v>8.1497692691065785E-2</v>
      </c>
      <c r="F344" s="92">
        <v>2.9971489421961747E-2</v>
      </c>
      <c r="G344" s="189">
        <v>7.0459863768861999E-2</v>
      </c>
      <c r="H344" s="92">
        <v>2.8178621523714285E-2</v>
      </c>
      <c r="I344" s="189">
        <v>0.84804244354007108</v>
      </c>
      <c r="J344" s="92">
        <v>3.8727862634255789E-2</v>
      </c>
      <c r="K344" s="189">
        <v>0</v>
      </c>
      <c r="L344" s="92">
        <v>8.0352063136073758E-3</v>
      </c>
      <c r="M344" s="192">
        <v>345</v>
      </c>
      <c r="N344" s="182">
        <v>5.7078951782384157</v>
      </c>
      <c r="O344" s="83">
        <v>0.16028874411393512</v>
      </c>
      <c r="P344" s="189">
        <v>9.4659537704901375E-2</v>
      </c>
      <c r="Q344" s="92">
        <v>3.2017856100724836E-2</v>
      </c>
      <c r="R344" s="189">
        <v>7.8006709829734094E-2</v>
      </c>
      <c r="S344" s="92">
        <v>2.9509902232790413E-2</v>
      </c>
      <c r="T344" s="189">
        <v>0.82733375246536345</v>
      </c>
      <c r="U344" s="92">
        <v>4.0807696328650382E-2</v>
      </c>
      <c r="V344" s="189">
        <v>0</v>
      </c>
      <c r="W344" s="92">
        <v>8.0811206440933106E-3</v>
      </c>
      <c r="X344" s="192">
        <v>344</v>
      </c>
      <c r="Y344" s="182">
        <v>5.9567158818294912</v>
      </c>
      <c r="Z344" s="83">
        <v>0.16554382735188797</v>
      </c>
      <c r="AA344" s="189">
        <v>8.1544102959103734E-2</v>
      </c>
      <c r="AB344" s="92">
        <v>3.0114138764088624E-2</v>
      </c>
      <c r="AC344" s="189">
        <v>6.8675297478555469E-2</v>
      </c>
      <c r="AD344" s="92">
        <v>2.8000662191057808E-2</v>
      </c>
      <c r="AE344" s="189">
        <v>0.84430397323338924</v>
      </c>
      <c r="AF344" s="92">
        <v>3.9269813753477628E-2</v>
      </c>
      <c r="AG344" s="189">
        <v>5.476626328950511E-3</v>
      </c>
      <c r="AH344" s="92">
        <v>1.1262918260371927E-2</v>
      </c>
    </row>
    <row r="345" spans="1:34">
      <c r="A345" s="47" t="s">
        <v>628</v>
      </c>
      <c r="B345" s="193">
        <v>835</v>
      </c>
      <c r="C345" s="184">
        <v>5.8617657893237336</v>
      </c>
      <c r="D345" s="185">
        <v>9.3587902633760586E-2</v>
      </c>
      <c r="E345" s="191">
        <v>6.8833987528487878E-2</v>
      </c>
      <c r="F345" s="95">
        <v>1.7720417766008332E-2</v>
      </c>
      <c r="G345" s="191">
        <v>7.092032860170118E-2</v>
      </c>
      <c r="H345" s="95">
        <v>1.7957964854297091E-2</v>
      </c>
      <c r="I345" s="191">
        <v>0.85491029528366846</v>
      </c>
      <c r="J345" s="95">
        <v>2.4435157134690209E-2</v>
      </c>
      <c r="K345" s="191">
        <v>5.3353885861418251E-3</v>
      </c>
      <c r="L345" s="95">
        <v>6.0331022716817737E-3</v>
      </c>
      <c r="M345" s="193">
        <v>832</v>
      </c>
      <c r="N345" s="184">
        <v>5.737597733465063</v>
      </c>
      <c r="O345" s="185">
        <v>9.9075359603694985E-2</v>
      </c>
      <c r="P345" s="191">
        <v>7.6041985557298103E-2</v>
      </c>
      <c r="Q345" s="95">
        <v>1.8557487424393612E-2</v>
      </c>
      <c r="R345" s="191">
        <v>9.2659436005641443E-2</v>
      </c>
      <c r="S345" s="95">
        <v>2.0244637561680063E-2</v>
      </c>
      <c r="T345" s="191">
        <v>0.82676348038077963</v>
      </c>
      <c r="U345" s="95">
        <v>2.6271033751477241E-2</v>
      </c>
      <c r="V345" s="191">
        <v>4.535098056280276E-3</v>
      </c>
      <c r="W345" s="95">
        <v>5.7283205729438524E-3</v>
      </c>
      <c r="X345" s="193">
        <v>831</v>
      </c>
      <c r="Y345" s="184">
        <v>5.6179439051146876</v>
      </c>
      <c r="Z345" s="185">
        <v>0.11199489914243475</v>
      </c>
      <c r="AA345" s="191">
        <v>0.15668190591766987</v>
      </c>
      <c r="AB345" s="95">
        <v>2.526593874075983E-2</v>
      </c>
      <c r="AC345" s="191">
        <v>5.6198940816010824E-2</v>
      </c>
      <c r="AD345" s="95">
        <v>1.6220506869497442E-2</v>
      </c>
      <c r="AE345" s="191">
        <v>0.78408535014731784</v>
      </c>
      <c r="AF345" s="95">
        <v>2.8542803528948231E-2</v>
      </c>
      <c r="AG345" s="191">
        <v>3.0338031190008134E-3</v>
      </c>
      <c r="AH345" s="95">
        <v>5.0790931921411665E-3</v>
      </c>
    </row>
    <row r="346" spans="1:34">
      <c r="A346" s="55" t="s">
        <v>629</v>
      </c>
      <c r="B346" s="192">
        <v>218</v>
      </c>
      <c r="C346" s="182">
        <v>5.7525477260895492</v>
      </c>
      <c r="D346" s="83">
        <v>0.17350325965233582</v>
      </c>
      <c r="E346" s="189">
        <v>5.2371244591649858E-2</v>
      </c>
      <c r="F346" s="92">
        <v>3.1986495354129556E-2</v>
      </c>
      <c r="G346" s="189">
        <v>0.14320959622390242</v>
      </c>
      <c r="H346" s="92">
        <v>4.7882484834321046E-2</v>
      </c>
      <c r="I346" s="189">
        <v>0.80441915918444706</v>
      </c>
      <c r="J346" s="92">
        <v>5.3799492001032581E-2</v>
      </c>
      <c r="K346" s="189">
        <v>0</v>
      </c>
      <c r="L346" s="92">
        <v>1.2683142508314297E-2</v>
      </c>
      <c r="M346" s="192">
        <v>215</v>
      </c>
      <c r="N346" s="182">
        <v>5.5796220832526098</v>
      </c>
      <c r="O346" s="83">
        <v>0.18112886985216339</v>
      </c>
      <c r="P346" s="189">
        <v>0.12664808379501097</v>
      </c>
      <c r="Q346" s="92">
        <v>4.5960828575037423E-2</v>
      </c>
      <c r="R346" s="189">
        <v>0.10322644727883472</v>
      </c>
      <c r="S346" s="92">
        <v>4.2365892422789264E-2</v>
      </c>
      <c r="T346" s="189">
        <v>0.77012546892615374</v>
      </c>
      <c r="U346" s="92">
        <v>5.7286172269355916E-2</v>
      </c>
      <c r="V346" s="189">
        <v>0</v>
      </c>
      <c r="W346" s="92">
        <v>1.2856083608397803E-2</v>
      </c>
      <c r="X346" s="192">
        <v>217</v>
      </c>
      <c r="Y346" s="182">
        <v>5.7107971517216916</v>
      </c>
      <c r="Z346" s="83">
        <v>0.19554623656800019</v>
      </c>
      <c r="AA346" s="189">
        <v>0.11026069536148161</v>
      </c>
      <c r="AB346" s="92">
        <v>4.329255169332108E-2</v>
      </c>
      <c r="AC346" s="189">
        <v>7.5880071317041151E-2</v>
      </c>
      <c r="AD346" s="92">
        <v>3.7228600342346797E-2</v>
      </c>
      <c r="AE346" s="189">
        <v>0.80731215332925199</v>
      </c>
      <c r="AF346" s="92">
        <v>5.36364454091319E-2</v>
      </c>
      <c r="AG346" s="189">
        <v>6.5470799922245334E-3</v>
      </c>
      <c r="AH346" s="92">
        <v>1.6607676959243808E-2</v>
      </c>
    </row>
    <row r="347" spans="1:34">
      <c r="A347" s="47" t="s">
        <v>630</v>
      </c>
      <c r="B347" s="193">
        <v>392</v>
      </c>
      <c r="C347" s="184">
        <v>5.8606737994585005</v>
      </c>
      <c r="D347" s="185">
        <v>0.13929283400856662</v>
      </c>
      <c r="E347" s="191">
        <v>6.8572807989676687E-2</v>
      </c>
      <c r="F347" s="95">
        <v>2.6133259407231636E-2</v>
      </c>
      <c r="G347" s="191">
        <v>7.4532383113030024E-2</v>
      </c>
      <c r="H347" s="95">
        <v>2.7083086015324328E-2</v>
      </c>
      <c r="I347" s="191">
        <v>0.85689480889729464</v>
      </c>
      <c r="J347" s="95">
        <v>3.5559923754531451E-2</v>
      </c>
      <c r="K347" s="191">
        <v>0</v>
      </c>
      <c r="L347" s="95">
        <v>7.1244333102585744E-3</v>
      </c>
      <c r="M347" s="193">
        <v>391</v>
      </c>
      <c r="N347" s="184">
        <v>5.6892180087122455</v>
      </c>
      <c r="O347" s="185">
        <v>0.15043460783779564</v>
      </c>
      <c r="P347" s="191">
        <v>9.0217243585670528E-2</v>
      </c>
      <c r="Q347" s="95">
        <v>2.9418296652278849E-2</v>
      </c>
      <c r="R347" s="191">
        <v>8.9150385889100944E-2</v>
      </c>
      <c r="S347" s="95">
        <v>2.9270275488479977E-2</v>
      </c>
      <c r="T347" s="191">
        <v>0.82063237052522975</v>
      </c>
      <c r="U347" s="95">
        <v>3.8878775505379756E-2</v>
      </c>
      <c r="V347" s="191">
        <v>0</v>
      </c>
      <c r="W347" s="95">
        <v>7.1424239562230063E-3</v>
      </c>
      <c r="X347" s="193">
        <v>391</v>
      </c>
      <c r="Y347" s="184">
        <v>5.9185811691939012</v>
      </c>
      <c r="Z347" s="185">
        <v>0.15821312983789151</v>
      </c>
      <c r="AA347" s="191">
        <v>0.10198566589706891</v>
      </c>
      <c r="AB347" s="95">
        <v>3.0980068412827379E-2</v>
      </c>
      <c r="AC347" s="191">
        <v>4.9775741327305771E-2</v>
      </c>
      <c r="AD347" s="95">
        <v>2.2810764700961321E-2</v>
      </c>
      <c r="AE347" s="191">
        <v>0.84823859277562663</v>
      </c>
      <c r="AF347" s="95">
        <v>3.6446395550887703E-2</v>
      </c>
      <c r="AG347" s="191">
        <v>0</v>
      </c>
      <c r="AH347" s="95">
        <v>7.1424239562230063E-3</v>
      </c>
    </row>
    <row r="348" spans="1:34">
      <c r="A348" s="55" t="s">
        <v>631</v>
      </c>
      <c r="B348" s="192">
        <v>56</v>
      </c>
      <c r="C348" s="182">
        <v>5.6676760255517653</v>
      </c>
      <c r="D348" s="83">
        <v>0.4726708445342564</v>
      </c>
      <c r="E348" s="189">
        <v>0.11827019840049072</v>
      </c>
      <c r="F348" s="92">
        <v>9.0577312636266144E-2</v>
      </c>
      <c r="G348" s="189">
        <v>4.8333068240587397E-2</v>
      </c>
      <c r="H348" s="92">
        <v>6.9421756905512985E-2</v>
      </c>
      <c r="I348" s="189">
        <v>0.83339673335892184</v>
      </c>
      <c r="J348" s="92">
        <v>0.10105214959412472</v>
      </c>
      <c r="K348" s="189">
        <v>0</v>
      </c>
      <c r="L348" s="92">
        <v>4.6348119143587135E-2</v>
      </c>
      <c r="M348" s="192">
        <v>56</v>
      </c>
      <c r="N348" s="182">
        <v>5.4933781228957272</v>
      </c>
      <c r="O348" s="83">
        <v>0.50914857627933396</v>
      </c>
      <c r="P348" s="189">
        <v>0.14873817440308895</v>
      </c>
      <c r="Q348" s="92">
        <v>9.747412261518705E-2</v>
      </c>
      <c r="R348" s="189">
        <v>5.5513278289285095E-2</v>
      </c>
      <c r="S348" s="92">
        <v>7.2062903854239996E-2</v>
      </c>
      <c r="T348" s="189">
        <v>0.79574854730762601</v>
      </c>
      <c r="U348" s="92">
        <v>0.10764334548391785</v>
      </c>
      <c r="V348" s="189">
        <v>0</v>
      </c>
      <c r="W348" s="92">
        <v>4.6348119143587135E-2</v>
      </c>
      <c r="X348" s="192">
        <v>56</v>
      </c>
      <c r="Y348" s="182">
        <v>5.9758535621321833</v>
      </c>
      <c r="Z348" s="83">
        <v>0.46767315704258866</v>
      </c>
      <c r="AA348" s="189">
        <v>0.10535792759063078</v>
      </c>
      <c r="AB348" s="92">
        <v>8.7304484460188098E-2</v>
      </c>
      <c r="AC348" s="189">
        <v>1.5307820299500835E-2</v>
      </c>
      <c r="AD348" s="92">
        <v>5.4986609073380467E-2</v>
      </c>
      <c r="AE348" s="189">
        <v>0.87933425210986838</v>
      </c>
      <c r="AF348" s="92">
        <v>9.1159904985152529E-2</v>
      </c>
      <c r="AG348" s="189">
        <v>0</v>
      </c>
      <c r="AH348" s="92">
        <v>4.6348119143587135E-2</v>
      </c>
    </row>
    <row r="349" spans="1:34">
      <c r="A349" s="47" t="s">
        <v>632</v>
      </c>
      <c r="B349" s="193">
        <v>336</v>
      </c>
      <c r="C349" s="184">
        <v>5.9155212291376227</v>
      </c>
      <c r="D349" s="185">
        <v>0.14210707079108542</v>
      </c>
      <c r="E349" s="191">
        <v>5.4449463089800539E-2</v>
      </c>
      <c r="F349" s="95">
        <v>2.5696919175017444E-2</v>
      </c>
      <c r="G349" s="191">
        <v>8.1977883913479349E-2</v>
      </c>
      <c r="H349" s="95">
        <v>3.0552734091569552E-2</v>
      </c>
      <c r="I349" s="191">
        <v>0.86357265299672004</v>
      </c>
      <c r="J349" s="95">
        <v>3.7715165855226225E-2</v>
      </c>
      <c r="K349" s="191">
        <v>0</v>
      </c>
      <c r="L349" s="95">
        <v>8.2943998577721476E-3</v>
      </c>
      <c r="M349" s="193">
        <v>335</v>
      </c>
      <c r="N349" s="184">
        <v>5.7450919187638041</v>
      </c>
      <c r="O349" s="185">
        <v>0.15355176511183344</v>
      </c>
      <c r="P349" s="191">
        <v>7.3520985767741548E-2</v>
      </c>
      <c r="Q349" s="95">
        <v>2.9224506508686222E-2</v>
      </c>
      <c r="R349" s="191">
        <v>9.8747188484195322E-2</v>
      </c>
      <c r="S349" s="95">
        <v>3.3085794520204916E-2</v>
      </c>
      <c r="T349" s="191">
        <v>0.8277318257480637</v>
      </c>
      <c r="U349" s="95">
        <v>4.1379116613396029E-2</v>
      </c>
      <c r="V349" s="191">
        <v>0</v>
      </c>
      <c r="W349" s="95">
        <v>8.3187945118060429E-3</v>
      </c>
      <c r="X349" s="193">
        <v>335</v>
      </c>
      <c r="Y349" s="184">
        <v>5.9022534699902165</v>
      </c>
      <c r="Z349" s="185">
        <v>0.16760837577834692</v>
      </c>
      <c r="AA349" s="191">
        <v>0.10102427295111836</v>
      </c>
      <c r="AB349" s="95">
        <v>3.3401588935261191E-2</v>
      </c>
      <c r="AC349" s="191">
        <v>5.9602148394400221E-2</v>
      </c>
      <c r="AD349" s="95">
        <v>2.6740251019593795E-2</v>
      </c>
      <c r="AE349" s="191">
        <v>0.83937357865448181</v>
      </c>
      <c r="AF349" s="95">
        <v>4.0283291716305188E-2</v>
      </c>
      <c r="AG349" s="191">
        <v>0</v>
      </c>
      <c r="AH349" s="95">
        <v>8.3187945118060429E-3</v>
      </c>
    </row>
    <row r="350" spans="1:34">
      <c r="A350" s="55" t="s">
        <v>633</v>
      </c>
      <c r="B350" s="192">
        <v>661</v>
      </c>
      <c r="C350" s="182">
        <v>5.9211260933945242</v>
      </c>
      <c r="D350" s="83">
        <v>9.6968589824642556E-2</v>
      </c>
      <c r="E350" s="189">
        <v>5.28578747111541E-2</v>
      </c>
      <c r="F350" s="92">
        <v>1.7764022447526444E-2</v>
      </c>
      <c r="G350" s="189">
        <v>7.3156771235824966E-2</v>
      </c>
      <c r="H350" s="92">
        <v>2.0518114112724629E-2</v>
      </c>
      <c r="I350" s="189">
        <v>0.86997995721537447</v>
      </c>
      <c r="J350" s="92">
        <v>2.6272901792888725E-2</v>
      </c>
      <c r="K350" s="189">
        <v>4.0053968376469297E-3</v>
      </c>
      <c r="L350" s="92">
        <v>6.4609780096508522E-3</v>
      </c>
      <c r="M350" s="192">
        <v>650</v>
      </c>
      <c r="N350" s="182">
        <v>5.722781872367424</v>
      </c>
      <c r="O350" s="83">
        <v>0.11022279234558316</v>
      </c>
      <c r="P350" s="189">
        <v>8.832862776895993E-2</v>
      </c>
      <c r="Q350" s="92">
        <v>2.2475730675483679E-2</v>
      </c>
      <c r="R350" s="189">
        <v>7.2593344918885874E-2</v>
      </c>
      <c r="S350" s="92">
        <v>2.0624988841316184E-2</v>
      </c>
      <c r="T350" s="189">
        <v>0.83572758679356707</v>
      </c>
      <c r="U350" s="92">
        <v>2.9121859707260486E-2</v>
      </c>
      <c r="V350" s="189">
        <v>3.35044051858727E-3</v>
      </c>
      <c r="W350" s="92">
        <v>6.2306558322783026E-3</v>
      </c>
      <c r="X350" s="192">
        <v>653</v>
      </c>
      <c r="Y350" s="182">
        <v>5.9512552454096532</v>
      </c>
      <c r="Z350" s="83">
        <v>0.11712729897802845</v>
      </c>
      <c r="AA350" s="189">
        <v>9.1425250131137087E-2</v>
      </c>
      <c r="AB350" s="92">
        <v>2.2761172807579447E-2</v>
      </c>
      <c r="AC350" s="189">
        <v>5.6565550131694044E-2</v>
      </c>
      <c r="AD350" s="92">
        <v>1.8423882171987691E-2</v>
      </c>
      <c r="AE350" s="189">
        <v>0.85018061294867819</v>
      </c>
      <c r="AF350" s="92">
        <v>2.8009800566185194E-2</v>
      </c>
      <c r="AG350" s="189">
        <v>1.8285867884910859E-3</v>
      </c>
      <c r="AH350" s="92">
        <v>5.427232070602154E-3</v>
      </c>
    </row>
    <row r="351" spans="1:34">
      <c r="A351" s="47" t="s">
        <v>634</v>
      </c>
      <c r="B351" s="193">
        <v>612</v>
      </c>
      <c r="C351" s="184">
        <v>5.8579383934168616</v>
      </c>
      <c r="D351" s="185">
        <v>0.10718146112181266</v>
      </c>
      <c r="E351" s="191">
        <v>7.1328874430394318E-2</v>
      </c>
      <c r="F351" s="95">
        <v>2.110883938889373E-2</v>
      </c>
      <c r="G351" s="191">
        <v>7.2083831861109782E-2</v>
      </c>
      <c r="H351" s="95">
        <v>2.1206791538338338E-2</v>
      </c>
      <c r="I351" s="191">
        <v>0.85515558397119851</v>
      </c>
      <c r="J351" s="95">
        <v>2.8546762254563728E-2</v>
      </c>
      <c r="K351" s="191">
        <v>1.4317097372983298E-3</v>
      </c>
      <c r="L351" s="95">
        <v>5.4934229002987882E-3</v>
      </c>
      <c r="M351" s="193">
        <v>609</v>
      </c>
      <c r="N351" s="184">
        <v>5.7591658205937852</v>
      </c>
      <c r="O351" s="185">
        <v>0.11199739090364867</v>
      </c>
      <c r="P351" s="191">
        <v>8.000545641111001E-2</v>
      </c>
      <c r="Q351" s="95">
        <v>2.225451670058886E-2</v>
      </c>
      <c r="R351" s="191">
        <v>7.5013933468914523E-2</v>
      </c>
      <c r="S351" s="95">
        <v>2.1635608628676927E-2</v>
      </c>
      <c r="T351" s="191">
        <v>0.84354307838488762</v>
      </c>
      <c r="U351" s="95">
        <v>2.9516316220613899E-2</v>
      </c>
      <c r="V351" s="191">
        <v>1.4375317350888131E-3</v>
      </c>
      <c r="W351" s="95">
        <v>5.5195282092614165E-3</v>
      </c>
      <c r="X351" s="193">
        <v>607</v>
      </c>
      <c r="Y351" s="184">
        <v>5.9023004551727123</v>
      </c>
      <c r="Z351" s="185">
        <v>0.12298796734410741</v>
      </c>
      <c r="AA351" s="191">
        <v>9.0258679443271941E-2</v>
      </c>
      <c r="AB351" s="95">
        <v>2.3492598737624128E-2</v>
      </c>
      <c r="AC351" s="191">
        <v>6.0797556264256286E-2</v>
      </c>
      <c r="AD351" s="95">
        <v>1.9756061573023991E-2</v>
      </c>
      <c r="AE351" s="191">
        <v>0.84498807943507293</v>
      </c>
      <c r="AF351" s="95">
        <v>2.9456222367341744E-2</v>
      </c>
      <c r="AG351" s="191">
        <v>3.9556848574001883E-3</v>
      </c>
      <c r="AH351" s="95">
        <v>6.8422610950383336E-3</v>
      </c>
    </row>
    <row r="352" spans="1:34">
      <c r="A352" s="55" t="s">
        <v>635</v>
      </c>
      <c r="B352" s="192">
        <v>229</v>
      </c>
      <c r="C352" s="182">
        <v>5.8442262156033831</v>
      </c>
      <c r="D352" s="83">
        <v>0.181624715293802</v>
      </c>
      <c r="E352" s="189">
        <v>7.8572245345678221E-2</v>
      </c>
      <c r="F352" s="92">
        <v>3.669716122026094E-2</v>
      </c>
      <c r="G352" s="189">
        <v>7.7752795587156462E-2</v>
      </c>
      <c r="H352" s="92">
        <v>3.6540621159480237E-2</v>
      </c>
      <c r="I352" s="189">
        <v>0.84367495906716439</v>
      </c>
      <c r="J352" s="92">
        <v>4.8303062672687171E-2</v>
      </c>
      <c r="K352" s="189">
        <v>0</v>
      </c>
      <c r="L352" s="92">
        <v>1.2086960473847167E-2</v>
      </c>
      <c r="M352" s="192">
        <v>228</v>
      </c>
      <c r="N352" s="182">
        <v>5.7210451114494525</v>
      </c>
      <c r="O352" s="83">
        <v>0.1818916859833844</v>
      </c>
      <c r="P352" s="189">
        <v>8.5014224002375835E-2</v>
      </c>
      <c r="Q352" s="92">
        <v>3.7982300493799651E-2</v>
      </c>
      <c r="R352" s="189">
        <v>7.8631320152992068E-2</v>
      </c>
      <c r="S352" s="92">
        <v>3.6793487871643354E-2</v>
      </c>
      <c r="T352" s="189">
        <v>0.83635445584463131</v>
      </c>
      <c r="U352" s="92">
        <v>4.9258857524656988E-2</v>
      </c>
      <c r="V352" s="189">
        <v>0</v>
      </c>
      <c r="W352" s="92">
        <v>1.2138832930496682E-2</v>
      </c>
      <c r="X352" s="192">
        <v>227</v>
      </c>
      <c r="Y352" s="182">
        <v>5.9553345013011993</v>
      </c>
      <c r="Z352" s="83">
        <v>0.19710822495694844</v>
      </c>
      <c r="AA352" s="189">
        <v>7.1926177563079591E-2</v>
      </c>
      <c r="AB352" s="92">
        <v>3.5564484491837793E-2</v>
      </c>
      <c r="AC352" s="189">
        <v>7.0264916591097751E-2</v>
      </c>
      <c r="AD352" s="92">
        <v>3.5227881671350041E-2</v>
      </c>
      <c r="AE352" s="189">
        <v>0.84922726159815654</v>
      </c>
      <c r="AF352" s="92">
        <v>4.7850319054718246E-2</v>
      </c>
      <c r="AG352" s="189">
        <v>8.5816442476653685E-3</v>
      </c>
      <c r="AH352" s="92">
        <v>1.7055523746250439E-2</v>
      </c>
    </row>
    <row r="353" spans="1:34">
      <c r="A353" s="47" t="s">
        <v>636</v>
      </c>
      <c r="B353" s="193">
        <v>383</v>
      </c>
      <c r="C353" s="184">
        <v>5.8697221234890309</v>
      </c>
      <c r="D353" s="185">
        <v>0.132567648896041</v>
      </c>
      <c r="E353" s="191">
        <v>6.5120743952811311E-2</v>
      </c>
      <c r="F353" s="95">
        <v>2.5873731441223988E-2</v>
      </c>
      <c r="G353" s="191">
        <v>6.7225090413847666E-2</v>
      </c>
      <c r="H353" s="95">
        <v>2.6228489531086956E-2</v>
      </c>
      <c r="I353" s="191">
        <v>0.86499536964585333</v>
      </c>
      <c r="J353" s="95">
        <v>3.5147247764259537E-2</v>
      </c>
      <c r="K353" s="191">
        <v>2.6587959874887533E-3</v>
      </c>
      <c r="L353" s="95">
        <v>8.9433733240327374E-3</v>
      </c>
      <c r="M353" s="193">
        <v>381</v>
      </c>
      <c r="N353" s="184">
        <v>5.7918886009245378</v>
      </c>
      <c r="O353" s="185">
        <v>0.14226836129954318</v>
      </c>
      <c r="P353" s="191">
        <v>7.571740714094588E-2</v>
      </c>
      <c r="Q353" s="95">
        <v>2.7672563399333751E-2</v>
      </c>
      <c r="R353" s="191">
        <v>7.191705743146197E-2</v>
      </c>
      <c r="S353" s="95">
        <v>2.7070491765402986E-2</v>
      </c>
      <c r="T353" s="191">
        <v>0.84969732033673528</v>
      </c>
      <c r="U353" s="95">
        <v>3.6785038983860555E-2</v>
      </c>
      <c r="V353" s="191">
        <v>2.6682150908576689E-3</v>
      </c>
      <c r="W353" s="95">
        <v>8.9870941617788153E-3</v>
      </c>
      <c r="X353" s="193">
        <v>380</v>
      </c>
      <c r="Y353" s="184">
        <v>5.8573399081681963</v>
      </c>
      <c r="Z353" s="185">
        <v>0.15732722303480476</v>
      </c>
      <c r="AA353" s="191">
        <v>0.10593490873277726</v>
      </c>
      <c r="AB353" s="95">
        <v>3.1939233660998247E-2</v>
      </c>
      <c r="AC353" s="191">
        <v>5.27019612265551E-2</v>
      </c>
      <c r="AD353" s="95">
        <v>2.3732668072181256E-2</v>
      </c>
      <c r="AE353" s="191">
        <v>0.84136313004066821</v>
      </c>
      <c r="AF353" s="95">
        <v>3.7622889243038513E-2</v>
      </c>
      <c r="AG353" s="191">
        <v>0</v>
      </c>
      <c r="AH353" s="95">
        <v>7.3464890971400854E-3</v>
      </c>
    </row>
  </sheetData>
  <mergeCells count="27">
    <mergeCell ref="A3:D3"/>
    <mergeCell ref="A4:D4"/>
    <mergeCell ref="A5:D5"/>
    <mergeCell ref="I49:O49"/>
    <mergeCell ref="A48:V48"/>
    <mergeCell ref="A47:V47"/>
    <mergeCell ref="A136:V136"/>
    <mergeCell ref="A135:V135"/>
    <mergeCell ref="B49:H49"/>
    <mergeCell ref="A91:D91"/>
    <mergeCell ref="A92:D92"/>
    <mergeCell ref="A93:D93"/>
    <mergeCell ref="X313:AH313"/>
    <mergeCell ref="P137:V137"/>
    <mergeCell ref="A267:D267"/>
    <mergeCell ref="A268:D268"/>
    <mergeCell ref="A269:D269"/>
    <mergeCell ref="B313:L313"/>
    <mergeCell ref="M313:W313"/>
    <mergeCell ref="A312:AH312"/>
    <mergeCell ref="A311:AH311"/>
    <mergeCell ref="B137:H137"/>
    <mergeCell ref="I137:O137"/>
    <mergeCell ref="A224:J224"/>
    <mergeCell ref="A223:J223"/>
    <mergeCell ref="A181:L181"/>
    <mergeCell ref="A180:L18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661"/>
  <sheetViews>
    <sheetView zoomScaleNormal="100" workbookViewId="0"/>
  </sheetViews>
  <sheetFormatPr defaultColWidth="17.5703125" defaultRowHeight="15"/>
  <cols>
    <col min="1" max="1" width="45.5703125" customWidth="1"/>
  </cols>
  <sheetData>
    <row r="1" spans="1:4" ht="31.5">
      <c r="A1" s="31" t="s">
        <v>47</v>
      </c>
    </row>
    <row r="3" spans="1:4" ht="18.75">
      <c r="A3" s="343" t="s">
        <v>402</v>
      </c>
      <c r="B3" s="343"/>
      <c r="C3" s="343"/>
      <c r="D3" s="343"/>
    </row>
    <row r="4" spans="1:4" ht="135" customHeight="1">
      <c r="A4" s="403" t="s">
        <v>410</v>
      </c>
      <c r="B4" s="403"/>
      <c r="C4" s="403"/>
      <c r="D4" s="403"/>
    </row>
    <row r="5" spans="1:4" ht="37.5" customHeight="1">
      <c r="A5" s="413" t="s">
        <v>403</v>
      </c>
      <c r="B5" s="349"/>
      <c r="C5" s="349"/>
      <c r="D5" s="349"/>
    </row>
    <row r="6" spans="1:4" ht="72">
      <c r="A6" s="35" t="s">
        <v>70</v>
      </c>
      <c r="B6" s="36" t="s">
        <v>71</v>
      </c>
      <c r="C6" s="37" t="s">
        <v>551</v>
      </c>
      <c r="D6" s="38" t="s">
        <v>72</v>
      </c>
    </row>
    <row r="7" spans="1:4" ht="72">
      <c r="A7" s="39"/>
      <c r="B7" s="40" t="s">
        <v>73</v>
      </c>
      <c r="C7" s="126" t="s">
        <v>303</v>
      </c>
      <c r="D7" s="42" t="s">
        <v>75</v>
      </c>
    </row>
    <row r="8" spans="1:4">
      <c r="A8" s="43" t="s">
        <v>348</v>
      </c>
      <c r="B8" s="164">
        <v>11350</v>
      </c>
      <c r="C8" s="165">
        <v>5.0012250453152456</v>
      </c>
      <c r="D8" s="84">
        <v>2.6654095715108173E-2</v>
      </c>
    </row>
    <row r="9" spans="1:4">
      <c r="A9" s="47" t="s">
        <v>349</v>
      </c>
      <c r="B9" s="47">
        <v>8248</v>
      </c>
      <c r="C9" s="167">
        <v>4.6646435909456647</v>
      </c>
      <c r="D9" s="85">
        <v>3.1743325340428702E-2</v>
      </c>
    </row>
    <row r="10" spans="1:4">
      <c r="A10" s="43" t="s">
        <v>350</v>
      </c>
      <c r="B10" s="51">
        <v>3102</v>
      </c>
      <c r="C10" s="165">
        <v>5.2648196685549573</v>
      </c>
      <c r="D10" s="84">
        <v>4.3328721073501671E-2</v>
      </c>
    </row>
    <row r="11" spans="1:4">
      <c r="A11" s="47" t="s">
        <v>568</v>
      </c>
      <c r="B11" s="47">
        <v>9425</v>
      </c>
      <c r="C11" s="167">
        <v>5.0049478456186467</v>
      </c>
      <c r="D11" s="85">
        <v>2.8934244000715318E-2</v>
      </c>
    </row>
    <row r="12" spans="1:4">
      <c r="A12" s="43" t="s">
        <v>569</v>
      </c>
      <c r="B12" s="51">
        <v>1925</v>
      </c>
      <c r="C12" s="165">
        <v>4.5274664035614336</v>
      </c>
      <c r="D12" s="84">
        <v>6.6079163221846551E-2</v>
      </c>
    </row>
    <row r="13" spans="1:4">
      <c r="A13" s="47" t="s">
        <v>570</v>
      </c>
      <c r="B13" s="47">
        <v>501</v>
      </c>
      <c r="C13" s="167">
        <v>4.4304305943117166</v>
      </c>
      <c r="D13" s="85">
        <v>0.12388402299845715</v>
      </c>
    </row>
    <row r="14" spans="1:4">
      <c r="A14" s="43" t="s">
        <v>571</v>
      </c>
      <c r="B14" s="51">
        <v>1005</v>
      </c>
      <c r="C14" s="165">
        <v>4.4028472760736488</v>
      </c>
      <c r="D14" s="84">
        <v>9.1255949114520382E-2</v>
      </c>
    </row>
    <row r="15" spans="1:4">
      <c r="A15" s="47" t="s">
        <v>582</v>
      </c>
      <c r="B15" s="47">
        <v>711</v>
      </c>
      <c r="C15" s="167">
        <v>4.3307475182173869</v>
      </c>
      <c r="D15" s="85">
        <v>0.11006675474697053</v>
      </c>
    </row>
    <row r="16" spans="1:4">
      <c r="A16" s="43" t="s">
        <v>583</v>
      </c>
      <c r="B16" s="51">
        <v>1214</v>
      </c>
      <c r="C16" s="165">
        <v>4.6085733481378428</v>
      </c>
      <c r="D16" s="84">
        <v>8.1327220183231325E-2</v>
      </c>
    </row>
    <row r="17" spans="1:4">
      <c r="A17" s="47" t="s">
        <v>572</v>
      </c>
      <c r="B17" s="47">
        <v>269</v>
      </c>
      <c r="C17" s="167">
        <v>4.6931665338280038</v>
      </c>
      <c r="D17" s="85">
        <v>0.17692746452289401</v>
      </c>
    </row>
    <row r="18" spans="1:4">
      <c r="A18" s="43" t="s">
        <v>573</v>
      </c>
      <c r="B18" s="164">
        <v>371</v>
      </c>
      <c r="C18" s="165">
        <v>4.1779395830645525</v>
      </c>
      <c r="D18" s="84">
        <v>0.14578286587972242</v>
      </c>
    </row>
    <row r="19" spans="1:4">
      <c r="A19" s="47" t="s">
        <v>574</v>
      </c>
      <c r="B19" s="166">
        <v>543</v>
      </c>
      <c r="C19" s="167">
        <v>4.2818131819656164</v>
      </c>
      <c r="D19" s="85">
        <v>0.11876858558075369</v>
      </c>
    </row>
    <row r="20" spans="1:4">
      <c r="A20" s="43" t="s">
        <v>575</v>
      </c>
      <c r="B20" s="81">
        <v>726</v>
      </c>
      <c r="C20" s="165">
        <v>4.8341724538511563</v>
      </c>
      <c r="D20" s="84">
        <v>0.106789961136133</v>
      </c>
    </row>
    <row r="21" spans="1:4">
      <c r="A21" s="47" t="s">
        <v>576</v>
      </c>
      <c r="B21" s="166">
        <v>622</v>
      </c>
      <c r="C21" s="167">
        <v>4.4404570542352957</v>
      </c>
      <c r="D21" s="85">
        <v>0.12199630631125323</v>
      </c>
    </row>
    <row r="22" spans="1:4">
      <c r="A22" s="55" t="s">
        <v>577</v>
      </c>
      <c r="B22" s="164">
        <v>590</v>
      </c>
      <c r="C22" s="165">
        <v>4.6094195882213924</v>
      </c>
      <c r="D22" s="84">
        <v>0.11622229158107857</v>
      </c>
    </row>
    <row r="23" spans="1:4">
      <c r="A23" s="47" t="s">
        <v>578</v>
      </c>
      <c r="B23" s="166">
        <v>214</v>
      </c>
      <c r="C23" s="167">
        <v>4.5131658432711008</v>
      </c>
      <c r="D23" s="85">
        <v>0.18459055600520508</v>
      </c>
    </row>
    <row r="24" spans="1:4">
      <c r="A24" s="55" t="s">
        <v>579</v>
      </c>
      <c r="B24" s="164">
        <v>190</v>
      </c>
      <c r="C24" s="165">
        <v>4.5484357593834899</v>
      </c>
      <c r="D24" s="84">
        <v>0.21421874293957874</v>
      </c>
    </row>
    <row r="25" spans="1:4">
      <c r="A25" s="47" t="s">
        <v>580</v>
      </c>
      <c r="B25" s="166">
        <v>193</v>
      </c>
      <c r="C25" s="167">
        <v>4.4698299731338116</v>
      </c>
      <c r="D25" s="85">
        <v>0.20220592931411696</v>
      </c>
    </row>
    <row r="26" spans="1:4">
      <c r="A26" s="55" t="s">
        <v>581</v>
      </c>
      <c r="B26" s="164">
        <v>96</v>
      </c>
      <c r="C26" s="165">
        <v>4.7188699912157883</v>
      </c>
      <c r="D26" s="84">
        <v>0.27332015973516022</v>
      </c>
    </row>
    <row r="27" spans="1:4">
      <c r="A27" s="47" t="s">
        <v>584</v>
      </c>
      <c r="B27" s="166">
        <v>111</v>
      </c>
      <c r="C27" s="167">
        <v>5.1447774347210942</v>
      </c>
      <c r="D27" s="85">
        <v>0.24686298721122196</v>
      </c>
    </row>
    <row r="28" spans="1:4">
      <c r="A28" s="55" t="s">
        <v>585</v>
      </c>
      <c r="B28" s="164">
        <v>1814</v>
      </c>
      <c r="C28" s="165">
        <v>4.3953920565724314</v>
      </c>
      <c r="D28" s="84">
        <v>6.7701853314192761E-2</v>
      </c>
    </row>
    <row r="29" spans="1:4">
      <c r="A29" s="47" t="s">
        <v>620</v>
      </c>
      <c r="B29" s="166">
        <v>128</v>
      </c>
      <c r="C29" s="167">
        <v>4.7351795045799365</v>
      </c>
      <c r="D29" s="85">
        <v>0.24082734166573963</v>
      </c>
    </row>
    <row r="30" spans="1:4">
      <c r="A30" s="55" t="s">
        <v>621</v>
      </c>
      <c r="B30" s="164">
        <v>133</v>
      </c>
      <c r="C30" s="165">
        <v>4.1546457443732949</v>
      </c>
      <c r="D30" s="84">
        <v>0.26483525206469499</v>
      </c>
    </row>
    <row r="31" spans="1:4">
      <c r="A31" s="47" t="s">
        <v>622</v>
      </c>
      <c r="B31" s="166">
        <v>779</v>
      </c>
      <c r="C31" s="167">
        <v>4.3425431746818868</v>
      </c>
      <c r="D31" s="85">
        <v>0.10351042739182463</v>
      </c>
    </row>
    <row r="32" spans="1:4">
      <c r="A32" s="55" t="s">
        <v>623</v>
      </c>
      <c r="B32" s="164">
        <v>233</v>
      </c>
      <c r="C32" s="165">
        <v>4.6915771285119199</v>
      </c>
      <c r="D32" s="84">
        <v>0.18329039401933372</v>
      </c>
    </row>
    <row r="33" spans="1:56">
      <c r="A33" s="47" t="s">
        <v>624</v>
      </c>
      <c r="B33" s="166">
        <v>275</v>
      </c>
      <c r="C33" s="167">
        <v>4.0627295799999663</v>
      </c>
      <c r="D33" s="85">
        <v>0.15962979911862496</v>
      </c>
    </row>
    <row r="34" spans="1:56">
      <c r="A34" s="55" t="s">
        <v>625</v>
      </c>
      <c r="B34" s="164">
        <v>967</v>
      </c>
      <c r="C34" s="165">
        <v>4.6447266849820359</v>
      </c>
      <c r="D34" s="84">
        <v>9.1752122314751314E-2</v>
      </c>
    </row>
    <row r="35" spans="1:56">
      <c r="A35" s="47" t="s">
        <v>626</v>
      </c>
      <c r="B35" s="166">
        <v>957</v>
      </c>
      <c r="C35" s="167">
        <v>4.2834012039313993</v>
      </c>
      <c r="D35" s="85">
        <v>9.4846356426472336E-2</v>
      </c>
    </row>
    <row r="36" spans="1:56">
      <c r="A36" s="55" t="s">
        <v>627</v>
      </c>
      <c r="B36" s="164">
        <v>286</v>
      </c>
      <c r="C36" s="165">
        <v>4.1057674687140082</v>
      </c>
      <c r="D36" s="84">
        <v>0.17767565423397139</v>
      </c>
    </row>
    <row r="37" spans="1:56">
      <c r="A37" s="47" t="s">
        <v>628</v>
      </c>
      <c r="B37" s="166">
        <v>671</v>
      </c>
      <c r="C37" s="167">
        <v>4.3921540888556434</v>
      </c>
      <c r="D37" s="85">
        <v>0.11193372956642329</v>
      </c>
    </row>
    <row r="38" spans="1:56">
      <c r="A38" s="55" t="s">
        <v>629</v>
      </c>
      <c r="B38" s="164">
        <v>180</v>
      </c>
      <c r="C38" s="165">
        <v>4.5290467052466958</v>
      </c>
      <c r="D38" s="84">
        <v>0.20388315999914428</v>
      </c>
    </row>
    <row r="39" spans="1:56">
      <c r="A39" s="47" t="s">
        <v>630</v>
      </c>
      <c r="B39" s="166">
        <v>321</v>
      </c>
      <c r="C39" s="167">
        <v>4.3014060450378375</v>
      </c>
      <c r="D39" s="85">
        <v>0.15541860535408478</v>
      </c>
    </row>
    <row r="40" spans="1:56">
      <c r="A40" s="55" t="s">
        <v>631</v>
      </c>
      <c r="B40" s="164">
        <v>47</v>
      </c>
      <c r="C40" s="165">
        <v>4.3336293417761382</v>
      </c>
      <c r="D40" s="84">
        <v>0.46575962684185795</v>
      </c>
    </row>
    <row r="41" spans="1:56">
      <c r="A41" s="47" t="s">
        <v>632</v>
      </c>
      <c r="B41" s="166">
        <v>274</v>
      </c>
      <c r="C41" s="167">
        <v>4.2919213384945447</v>
      </c>
      <c r="D41" s="85">
        <v>0.16394015591201019</v>
      </c>
    </row>
    <row r="42" spans="1:56">
      <c r="A42" s="55" t="s">
        <v>633</v>
      </c>
      <c r="B42" s="164">
        <v>509</v>
      </c>
      <c r="C42" s="165">
        <v>4.5519017761037155</v>
      </c>
      <c r="D42" s="84">
        <v>0.12443973144899081</v>
      </c>
    </row>
    <row r="43" spans="1:56">
      <c r="A43" s="47" t="s">
        <v>634</v>
      </c>
      <c r="B43" s="166">
        <v>496</v>
      </c>
      <c r="C43" s="167">
        <v>4.1709486837486711</v>
      </c>
      <c r="D43" s="85">
        <v>0.13320692557197872</v>
      </c>
    </row>
    <row r="44" spans="1:56">
      <c r="A44" s="55" t="s">
        <v>635</v>
      </c>
      <c r="B44" s="164">
        <v>189</v>
      </c>
      <c r="C44" s="165">
        <v>4.0685130568917902</v>
      </c>
      <c r="D44" s="84">
        <v>0.2142835983595846</v>
      </c>
    </row>
    <row r="45" spans="1:56">
      <c r="A45" s="47" t="s">
        <v>636</v>
      </c>
      <c r="B45" s="166">
        <v>307</v>
      </c>
      <c r="C45" s="167">
        <v>4.2599775085510219</v>
      </c>
      <c r="D45" s="85">
        <v>0.16983750643234397</v>
      </c>
    </row>
    <row r="47" spans="1:56" ht="18.75">
      <c r="A47" s="343" t="s">
        <v>404</v>
      </c>
      <c r="B47" s="343"/>
      <c r="C47" s="343"/>
      <c r="D47" s="343"/>
      <c r="E47" s="343"/>
      <c r="F47" s="343"/>
      <c r="G47" s="343"/>
      <c r="H47" s="343"/>
      <c r="I47" s="343"/>
      <c r="J47" s="343"/>
      <c r="K47" s="343"/>
      <c r="L47" s="343"/>
      <c r="M47" s="343"/>
      <c r="N47" s="343"/>
      <c r="O47" s="343"/>
      <c r="P47" s="343"/>
      <c r="Q47" s="343"/>
      <c r="R47" s="343"/>
      <c r="S47" s="343"/>
      <c r="T47" s="343"/>
      <c r="U47" s="343"/>
      <c r="V47" s="343"/>
      <c r="W47" s="343"/>
      <c r="X47" s="343"/>
      <c r="Y47" s="343"/>
      <c r="Z47" s="343"/>
      <c r="AA47" s="343"/>
      <c r="AB47" s="343"/>
      <c r="AC47" s="343"/>
      <c r="AD47" s="343"/>
      <c r="AE47" s="343"/>
      <c r="AF47" s="343"/>
      <c r="AG47" s="343"/>
      <c r="AH47" s="343"/>
      <c r="AI47" s="343"/>
      <c r="AJ47" s="343"/>
      <c r="AK47" s="343"/>
      <c r="AL47" s="343"/>
      <c r="AM47" s="343"/>
      <c r="AN47" s="343"/>
      <c r="AO47" s="343"/>
      <c r="AP47" s="343"/>
      <c r="AQ47" s="343"/>
      <c r="AR47" s="343"/>
      <c r="AS47" s="343"/>
      <c r="AT47" s="343"/>
      <c r="AU47" s="343"/>
      <c r="AV47" s="343"/>
      <c r="AW47" s="343"/>
      <c r="AX47" s="343"/>
      <c r="AY47" s="343"/>
      <c r="AZ47" s="343"/>
      <c r="BA47" s="343"/>
      <c r="BB47" s="343"/>
      <c r="BC47" s="343"/>
      <c r="BD47" s="343"/>
    </row>
    <row r="48" spans="1:56" ht="69.75" customHeight="1">
      <c r="A48" s="418" t="s">
        <v>567</v>
      </c>
      <c r="B48" s="418"/>
      <c r="C48" s="418"/>
      <c r="D48" s="418"/>
      <c r="E48" s="418"/>
      <c r="F48" s="418"/>
      <c r="G48" s="418"/>
      <c r="H48" s="418"/>
      <c r="I48" s="418"/>
      <c r="J48" s="418"/>
      <c r="K48" s="418"/>
      <c r="L48" s="418"/>
      <c r="M48" s="418"/>
      <c r="N48" s="418"/>
      <c r="O48" s="418"/>
      <c r="P48" s="418"/>
      <c r="Q48" s="418"/>
      <c r="R48" s="418"/>
      <c r="S48" s="418"/>
      <c r="T48" s="418"/>
      <c r="U48" s="418"/>
      <c r="V48" s="418"/>
      <c r="W48" s="418"/>
      <c r="X48" s="418"/>
      <c r="Y48" s="418"/>
      <c r="Z48" s="418"/>
      <c r="AA48" s="418"/>
      <c r="AB48" s="418"/>
      <c r="AC48" s="418"/>
      <c r="AD48" s="418"/>
      <c r="AE48" s="418"/>
      <c r="AF48" s="418"/>
      <c r="AG48" s="418"/>
      <c r="AH48" s="418"/>
      <c r="AI48" s="418"/>
      <c r="AJ48" s="418"/>
      <c r="AK48" s="418"/>
      <c r="AL48" s="418"/>
      <c r="AM48" s="418"/>
      <c r="AN48" s="418"/>
      <c r="AO48" s="418"/>
      <c r="AP48" s="418"/>
      <c r="AQ48" s="418"/>
      <c r="AR48" s="418"/>
      <c r="AS48" s="418"/>
      <c r="AT48" s="418"/>
      <c r="AU48" s="418"/>
      <c r="AV48" s="418"/>
      <c r="AW48" s="418"/>
      <c r="AX48" s="418"/>
      <c r="AY48" s="418"/>
      <c r="AZ48" s="418"/>
      <c r="BA48" s="418"/>
      <c r="BB48" s="418"/>
      <c r="BC48" s="418"/>
      <c r="BD48" s="418"/>
    </row>
    <row r="49" spans="1:56" ht="34.5" customHeight="1">
      <c r="A49" s="62"/>
      <c r="B49" s="395" t="s">
        <v>405</v>
      </c>
      <c r="C49" s="396"/>
      <c r="D49" s="396"/>
      <c r="E49" s="396"/>
      <c r="F49" s="396"/>
      <c r="G49" s="396"/>
      <c r="H49" s="396"/>
      <c r="I49" s="396"/>
      <c r="J49" s="396"/>
      <c r="K49" s="396"/>
      <c r="L49" s="397"/>
      <c r="M49" s="414" t="s">
        <v>406</v>
      </c>
      <c r="N49" s="415"/>
      <c r="O49" s="415"/>
      <c r="P49" s="415"/>
      <c r="Q49" s="415"/>
      <c r="R49" s="415"/>
      <c r="S49" s="415"/>
      <c r="T49" s="415"/>
      <c r="U49" s="415"/>
      <c r="V49" s="415"/>
      <c r="W49" s="415"/>
      <c r="X49" s="395" t="s">
        <v>407</v>
      </c>
      <c r="Y49" s="396"/>
      <c r="Z49" s="396"/>
      <c r="AA49" s="396"/>
      <c r="AB49" s="396"/>
      <c r="AC49" s="396"/>
      <c r="AD49" s="396"/>
      <c r="AE49" s="396"/>
      <c r="AF49" s="396"/>
      <c r="AG49" s="396"/>
      <c r="AH49" s="397"/>
      <c r="AI49" s="414" t="s">
        <v>408</v>
      </c>
      <c r="AJ49" s="415"/>
      <c r="AK49" s="415"/>
      <c r="AL49" s="415"/>
      <c r="AM49" s="415"/>
      <c r="AN49" s="415"/>
      <c r="AO49" s="415"/>
      <c r="AP49" s="415"/>
      <c r="AQ49" s="415"/>
      <c r="AR49" s="415"/>
      <c r="AS49" s="415"/>
      <c r="AT49" s="395" t="s">
        <v>409</v>
      </c>
      <c r="AU49" s="396"/>
      <c r="AV49" s="396"/>
      <c r="AW49" s="396"/>
      <c r="AX49" s="396"/>
      <c r="AY49" s="396"/>
      <c r="AZ49" s="396"/>
      <c r="BA49" s="396"/>
      <c r="BB49" s="396"/>
      <c r="BC49" s="396"/>
      <c r="BD49" s="397"/>
    </row>
    <row r="50" spans="1:56" ht="49.5" customHeight="1">
      <c r="A50" s="35" t="s">
        <v>70</v>
      </c>
      <c r="B50" s="36" t="s">
        <v>71</v>
      </c>
      <c r="C50" s="37" t="s">
        <v>551</v>
      </c>
      <c r="D50" s="38" t="s">
        <v>72</v>
      </c>
      <c r="E50" s="36" t="s">
        <v>311</v>
      </c>
      <c r="F50" s="87" t="s">
        <v>142</v>
      </c>
      <c r="G50" s="36" t="s">
        <v>312</v>
      </c>
      <c r="H50" s="87" t="s">
        <v>143</v>
      </c>
      <c r="I50" s="36" t="s">
        <v>313</v>
      </c>
      <c r="J50" s="87" t="s">
        <v>116</v>
      </c>
      <c r="K50" s="36" t="s">
        <v>300</v>
      </c>
      <c r="L50" s="87" t="s">
        <v>314</v>
      </c>
      <c r="M50" s="63" t="s">
        <v>71</v>
      </c>
      <c r="N50" s="64" t="s">
        <v>551</v>
      </c>
      <c r="O50" s="65" t="s">
        <v>72</v>
      </c>
      <c r="P50" s="63" t="s">
        <v>311</v>
      </c>
      <c r="Q50" s="86" t="s">
        <v>142</v>
      </c>
      <c r="R50" s="63" t="s">
        <v>315</v>
      </c>
      <c r="S50" s="86" t="s">
        <v>316</v>
      </c>
      <c r="T50" s="63" t="s">
        <v>313</v>
      </c>
      <c r="U50" s="86" t="s">
        <v>116</v>
      </c>
      <c r="V50" s="63" t="s">
        <v>300</v>
      </c>
      <c r="W50" s="86" t="s">
        <v>314</v>
      </c>
      <c r="X50" s="36" t="s">
        <v>71</v>
      </c>
      <c r="Y50" s="37" t="s">
        <v>551</v>
      </c>
      <c r="Z50" s="38" t="s">
        <v>72</v>
      </c>
      <c r="AA50" s="36" t="s">
        <v>311</v>
      </c>
      <c r="AB50" s="87" t="s">
        <v>142</v>
      </c>
      <c r="AC50" s="36" t="s">
        <v>312</v>
      </c>
      <c r="AD50" s="87" t="s">
        <v>143</v>
      </c>
      <c r="AE50" s="36" t="s">
        <v>313</v>
      </c>
      <c r="AF50" s="87" t="s">
        <v>116</v>
      </c>
      <c r="AG50" s="36" t="s">
        <v>300</v>
      </c>
      <c r="AH50" s="87" t="s">
        <v>314</v>
      </c>
      <c r="AI50" s="63" t="s">
        <v>71</v>
      </c>
      <c r="AJ50" s="64" t="s">
        <v>551</v>
      </c>
      <c r="AK50" s="65" t="s">
        <v>72</v>
      </c>
      <c r="AL50" s="63" t="s">
        <v>311</v>
      </c>
      <c r="AM50" s="86" t="s">
        <v>142</v>
      </c>
      <c r="AN50" s="63" t="s">
        <v>315</v>
      </c>
      <c r="AO50" s="86" t="s">
        <v>316</v>
      </c>
      <c r="AP50" s="63" t="s">
        <v>313</v>
      </c>
      <c r="AQ50" s="86" t="s">
        <v>116</v>
      </c>
      <c r="AR50" s="63" t="s">
        <v>300</v>
      </c>
      <c r="AS50" s="86" t="s">
        <v>314</v>
      </c>
      <c r="AT50" s="36" t="s">
        <v>71</v>
      </c>
      <c r="AU50" s="37" t="s">
        <v>551</v>
      </c>
      <c r="AV50" s="38" t="s">
        <v>72</v>
      </c>
      <c r="AW50" s="36" t="s">
        <v>311</v>
      </c>
      <c r="AX50" s="87" t="s">
        <v>142</v>
      </c>
      <c r="AY50" s="36" t="s">
        <v>312</v>
      </c>
      <c r="AZ50" s="87" t="s">
        <v>143</v>
      </c>
      <c r="BA50" s="36" t="s">
        <v>313</v>
      </c>
      <c r="BB50" s="87" t="s">
        <v>116</v>
      </c>
      <c r="BC50" s="36" t="s">
        <v>300</v>
      </c>
      <c r="BD50" s="87" t="s">
        <v>314</v>
      </c>
    </row>
    <row r="51" spans="1:56" ht="72">
      <c r="A51" s="39"/>
      <c r="B51" s="40" t="s">
        <v>73</v>
      </c>
      <c r="C51" s="126" t="s">
        <v>303</v>
      </c>
      <c r="D51" s="42" t="s">
        <v>75</v>
      </c>
      <c r="E51" s="40" t="s">
        <v>158</v>
      </c>
      <c r="F51" s="89" t="s">
        <v>87</v>
      </c>
      <c r="G51" s="40" t="s">
        <v>159</v>
      </c>
      <c r="H51" s="89" t="s">
        <v>87</v>
      </c>
      <c r="I51" s="40" t="s">
        <v>160</v>
      </c>
      <c r="J51" s="89" t="s">
        <v>87</v>
      </c>
      <c r="K51" s="40" t="s">
        <v>300</v>
      </c>
      <c r="L51" s="89" t="s">
        <v>87</v>
      </c>
      <c r="M51" s="66" t="s">
        <v>73</v>
      </c>
      <c r="N51" s="259" t="s">
        <v>303</v>
      </c>
      <c r="O51" s="68" t="s">
        <v>75</v>
      </c>
      <c r="P51" s="66" t="s">
        <v>158</v>
      </c>
      <c r="Q51" s="88" t="s">
        <v>87</v>
      </c>
      <c r="R51" s="66" t="s">
        <v>159</v>
      </c>
      <c r="S51" s="88" t="s">
        <v>87</v>
      </c>
      <c r="T51" s="66" t="s">
        <v>160</v>
      </c>
      <c r="U51" s="88" t="s">
        <v>87</v>
      </c>
      <c r="V51" s="66" t="s">
        <v>300</v>
      </c>
      <c r="W51" s="88" t="s">
        <v>87</v>
      </c>
      <c r="X51" s="40" t="s">
        <v>73</v>
      </c>
      <c r="Y51" s="126" t="s">
        <v>303</v>
      </c>
      <c r="Z51" s="42" t="s">
        <v>75</v>
      </c>
      <c r="AA51" s="40" t="s">
        <v>158</v>
      </c>
      <c r="AB51" s="89" t="s">
        <v>87</v>
      </c>
      <c r="AC51" s="40" t="s">
        <v>159</v>
      </c>
      <c r="AD51" s="89" t="s">
        <v>87</v>
      </c>
      <c r="AE51" s="40" t="s">
        <v>160</v>
      </c>
      <c r="AF51" s="89" t="s">
        <v>87</v>
      </c>
      <c r="AG51" s="40" t="s">
        <v>300</v>
      </c>
      <c r="AH51" s="89" t="s">
        <v>87</v>
      </c>
      <c r="AI51" s="66" t="s">
        <v>73</v>
      </c>
      <c r="AJ51" s="259" t="s">
        <v>303</v>
      </c>
      <c r="AK51" s="68" t="s">
        <v>75</v>
      </c>
      <c r="AL51" s="66" t="s">
        <v>158</v>
      </c>
      <c r="AM51" s="88" t="s">
        <v>87</v>
      </c>
      <c r="AN51" s="66" t="s">
        <v>159</v>
      </c>
      <c r="AO51" s="88" t="s">
        <v>87</v>
      </c>
      <c r="AP51" s="66" t="s">
        <v>160</v>
      </c>
      <c r="AQ51" s="88" t="s">
        <v>87</v>
      </c>
      <c r="AR51" s="66" t="s">
        <v>300</v>
      </c>
      <c r="AS51" s="88" t="s">
        <v>87</v>
      </c>
      <c r="AT51" s="40" t="s">
        <v>73</v>
      </c>
      <c r="AU51" s="126" t="s">
        <v>303</v>
      </c>
      <c r="AV51" s="42" t="s">
        <v>75</v>
      </c>
      <c r="AW51" s="40" t="s">
        <v>158</v>
      </c>
      <c r="AX51" s="89" t="s">
        <v>87</v>
      </c>
      <c r="AY51" s="40" t="s">
        <v>159</v>
      </c>
      <c r="AZ51" s="89" t="s">
        <v>87</v>
      </c>
      <c r="BA51" s="40" t="s">
        <v>160</v>
      </c>
      <c r="BB51" s="89" t="s">
        <v>87</v>
      </c>
      <c r="BC51" s="40" t="s">
        <v>300</v>
      </c>
      <c r="BD51" s="89" t="s">
        <v>87</v>
      </c>
    </row>
    <row r="52" spans="1:56">
      <c r="A52" s="43" t="s">
        <v>348</v>
      </c>
      <c r="B52" s="194">
        <v>13940</v>
      </c>
      <c r="C52" s="82">
        <v>5.3923572280825276</v>
      </c>
      <c r="D52" s="83">
        <v>2.9743774228974319E-2</v>
      </c>
      <c r="E52" s="196">
        <v>0.13862554606183874</v>
      </c>
      <c r="F52" s="92">
        <v>5.8545042434810807E-3</v>
      </c>
      <c r="G52" s="196">
        <v>0.10636068005020874</v>
      </c>
      <c r="H52" s="92">
        <v>5.2240938731128147E-3</v>
      </c>
      <c r="I52" s="196">
        <v>0.74136904747388854</v>
      </c>
      <c r="J52" s="92">
        <v>7.4170571949616374E-3</v>
      </c>
      <c r="K52" s="196">
        <v>1.3644726414063765E-2</v>
      </c>
      <c r="L52" s="92">
        <v>1.974757352491056E-3</v>
      </c>
      <c r="M52" s="194">
        <v>13891</v>
      </c>
      <c r="N52" s="82">
        <v>4.4888687252785306</v>
      </c>
      <c r="O52" s="83">
        <v>3.5824400742918844E-2</v>
      </c>
      <c r="P52" s="196">
        <v>0.25315772708698303</v>
      </c>
      <c r="Q52" s="92">
        <v>7.3782104949347595E-3</v>
      </c>
      <c r="R52" s="196">
        <v>0.13848449710155714</v>
      </c>
      <c r="S52" s="92">
        <v>5.8623229416315172E-3</v>
      </c>
      <c r="T52" s="196">
        <v>0.46349818206867222</v>
      </c>
      <c r="U52" s="92">
        <v>8.46079176421171E-3</v>
      </c>
      <c r="V52" s="196">
        <v>0.14485959374280638</v>
      </c>
      <c r="W52" s="92">
        <v>5.9733821780276336E-3</v>
      </c>
      <c r="X52" s="194">
        <v>13899</v>
      </c>
      <c r="Y52" s="82">
        <v>4.6005030812762415</v>
      </c>
      <c r="Z52" s="83">
        <v>3.4101744936513793E-2</v>
      </c>
      <c r="AA52" s="196">
        <v>0.26523134780133095</v>
      </c>
      <c r="AB52" s="92">
        <v>7.4885683846324675E-3</v>
      </c>
      <c r="AC52" s="196">
        <v>0.13513539828581758</v>
      </c>
      <c r="AD52" s="92">
        <v>5.8006493954506372E-3</v>
      </c>
      <c r="AE52" s="196">
        <v>0.53565305596212776</v>
      </c>
      <c r="AF52" s="92">
        <v>8.4593980748710433E-3</v>
      </c>
      <c r="AG52" s="196">
        <v>6.3980197950739087E-2</v>
      </c>
      <c r="AH52" s="92">
        <v>4.1546771624056131E-3</v>
      </c>
      <c r="AI52" s="194">
        <v>13873</v>
      </c>
      <c r="AJ52" s="82">
        <v>5.4453897656438359</v>
      </c>
      <c r="AK52" s="83">
        <v>2.6492579756538036E-2</v>
      </c>
      <c r="AL52" s="196">
        <v>9.4930252377145641E-2</v>
      </c>
      <c r="AM52" s="92">
        <v>4.9792558899389664E-3</v>
      </c>
      <c r="AN52" s="196">
        <v>0.11528343223800952</v>
      </c>
      <c r="AO52" s="92">
        <v>5.4243697892731712E-3</v>
      </c>
      <c r="AP52" s="196">
        <v>0.67995250813807673</v>
      </c>
      <c r="AQ52" s="92">
        <v>7.9204039256124386E-3</v>
      </c>
      <c r="AR52" s="196">
        <v>0.10983380724677951</v>
      </c>
      <c r="AS52" s="92">
        <v>5.3110521555264183E-3</v>
      </c>
      <c r="AT52" s="194">
        <v>12496</v>
      </c>
      <c r="AU52" s="82">
        <v>5.1109221959418552</v>
      </c>
      <c r="AV52" s="83">
        <v>3.4400193252542538E-2</v>
      </c>
      <c r="AW52" s="196">
        <v>0.10971395465517197</v>
      </c>
      <c r="AX52" s="92">
        <v>5.5935469693539283E-3</v>
      </c>
      <c r="AY52" s="196">
        <v>0.12233961470793496</v>
      </c>
      <c r="AZ52" s="92">
        <v>5.8641664448586114E-3</v>
      </c>
      <c r="BA52" s="196">
        <v>0.52518936648083892</v>
      </c>
      <c r="BB52" s="92">
        <v>8.9329216153999393E-3</v>
      </c>
      <c r="BC52" s="196">
        <v>0.24275706415607431</v>
      </c>
      <c r="BD52" s="92">
        <v>7.6705862408790494E-3</v>
      </c>
    </row>
    <row r="53" spans="1:56">
      <c r="A53" s="47" t="s">
        <v>349</v>
      </c>
      <c r="B53" s="47">
        <v>10237</v>
      </c>
      <c r="C53" s="178">
        <v>5.09793175000154</v>
      </c>
      <c r="D53" s="130">
        <v>3.6227436418477137E-2</v>
      </c>
      <c r="E53" s="197">
        <v>0.20505237295533468</v>
      </c>
      <c r="F53" s="95">
        <v>7.980883358613914E-3</v>
      </c>
      <c r="G53" s="197">
        <v>0.10934293891190253</v>
      </c>
      <c r="H53" s="95">
        <v>6.1712771353111418E-3</v>
      </c>
      <c r="I53" s="197">
        <v>0.67649742335706919</v>
      </c>
      <c r="J53" s="95">
        <v>9.2460214665211673E-3</v>
      </c>
      <c r="K53" s="197">
        <v>9.1072647756860227E-3</v>
      </c>
      <c r="L53" s="95">
        <v>1.8969167039083483E-3</v>
      </c>
      <c r="M53" s="47">
        <v>10202</v>
      </c>
      <c r="N53" s="178">
        <v>3.9950778559713549</v>
      </c>
      <c r="O53" s="130">
        <v>4.2272162203040323E-2</v>
      </c>
      <c r="P53" s="197">
        <v>0.35080112657794904</v>
      </c>
      <c r="Q53" s="95">
        <v>9.447963688091655E-3</v>
      </c>
      <c r="R53" s="197">
        <v>0.12533013974003504</v>
      </c>
      <c r="S53" s="95">
        <v>6.5579767007389045E-3</v>
      </c>
      <c r="T53" s="197">
        <v>0.36984934619564652</v>
      </c>
      <c r="U53" s="95">
        <v>9.557607805195472E-3</v>
      </c>
      <c r="V53" s="197">
        <v>0.15401938748636876</v>
      </c>
      <c r="W53" s="95">
        <v>7.1486889222696541E-3</v>
      </c>
      <c r="X53" s="47">
        <v>10203</v>
      </c>
      <c r="Y53" s="178">
        <v>4.0246571952324945</v>
      </c>
      <c r="Z53" s="130">
        <v>4.0117288152217344E-2</v>
      </c>
      <c r="AA53" s="197">
        <v>0.39680804169681044</v>
      </c>
      <c r="AB53" s="95">
        <v>9.6851535940097652E-3</v>
      </c>
      <c r="AC53" s="197">
        <v>0.12694800785596802</v>
      </c>
      <c r="AD53" s="95">
        <v>6.5936743955059361E-3</v>
      </c>
      <c r="AE53" s="197">
        <v>0.41817946931466099</v>
      </c>
      <c r="AF53" s="95">
        <v>9.7647582304861303E-3</v>
      </c>
      <c r="AG53" s="197">
        <v>5.8064481132560769E-2</v>
      </c>
      <c r="AH53" s="95">
        <v>4.6361085122541583E-3</v>
      </c>
      <c r="AI53" s="47">
        <v>10195</v>
      </c>
      <c r="AJ53" s="178">
        <v>5.42475305301285</v>
      </c>
      <c r="AK53" s="130">
        <v>3.1646890455128363E-2</v>
      </c>
      <c r="AL53" s="197">
        <v>0.100853439818381</v>
      </c>
      <c r="AM53" s="95">
        <v>5.9677522300923876E-3</v>
      </c>
      <c r="AN53" s="197">
        <v>0.10833693314830201</v>
      </c>
      <c r="AO53" s="95">
        <v>6.1589987496151501E-3</v>
      </c>
      <c r="AP53" s="197">
        <v>0.66639303561309138</v>
      </c>
      <c r="AQ53" s="95">
        <v>9.3380283067416199E-3</v>
      </c>
      <c r="AR53" s="197">
        <v>0.12441659142021783</v>
      </c>
      <c r="AS53" s="95">
        <v>6.5397254220062326E-3</v>
      </c>
      <c r="AT53" s="47">
        <v>8834</v>
      </c>
      <c r="AU53" s="178">
        <v>4.9025365079343191</v>
      </c>
      <c r="AV53" s="130">
        <v>4.3705890939296527E-2</v>
      </c>
      <c r="AW53" s="197">
        <v>0.1377063033555474</v>
      </c>
      <c r="AX53" s="95">
        <v>7.3345694733621793E-3</v>
      </c>
      <c r="AY53" s="197">
        <v>0.11459535486474738</v>
      </c>
      <c r="AZ53" s="95">
        <v>6.7810179895330253E-3</v>
      </c>
      <c r="BA53" s="197">
        <v>0.45164065069923159</v>
      </c>
      <c r="BB53" s="95">
        <v>1.0587270057826835E-2</v>
      </c>
      <c r="BC53" s="197">
        <v>0.29605769108047647</v>
      </c>
      <c r="BD53" s="95">
        <v>9.712900063322925E-3</v>
      </c>
    </row>
    <row r="54" spans="1:56">
      <c r="A54" s="43" t="s">
        <v>350</v>
      </c>
      <c r="B54" s="51">
        <v>3703</v>
      </c>
      <c r="C54" s="82">
        <v>5.6346068862803182</v>
      </c>
      <c r="D54" s="83">
        <v>4.5919245388859074E-2</v>
      </c>
      <c r="E54" s="196">
        <v>8.4424856767128811E-2</v>
      </c>
      <c r="F54" s="92">
        <v>9.1547146304464099E-3</v>
      </c>
      <c r="G54" s="196">
        <v>0.10392731850761371</v>
      </c>
      <c r="H54" s="92">
        <v>1.0042520548455001E-2</v>
      </c>
      <c r="I54" s="196">
        <v>0.79430077562095602</v>
      </c>
      <c r="J54" s="92">
        <v>1.3285431587012137E-2</v>
      </c>
      <c r="K54" s="196">
        <v>1.734704910430206E-2</v>
      </c>
      <c r="L54" s="92">
        <v>4.3515083861591095E-3</v>
      </c>
      <c r="M54" s="51">
        <v>3689</v>
      </c>
      <c r="N54" s="82">
        <v>4.8840167198156124</v>
      </c>
      <c r="O54" s="83">
        <v>5.8626969043232585E-2</v>
      </c>
      <c r="P54" s="196">
        <v>0.17348384769875286</v>
      </c>
      <c r="Q54" s="92">
        <v>1.2472250413822907E-2</v>
      </c>
      <c r="R54" s="196">
        <v>0.14921803042090873</v>
      </c>
      <c r="S54" s="92">
        <v>1.1738573934670695E-2</v>
      </c>
      <c r="T54" s="196">
        <v>0.53991262578008392</v>
      </c>
      <c r="U54" s="92">
        <v>1.6403074458564502E-2</v>
      </c>
      <c r="V54" s="196">
        <v>0.13738549610025569</v>
      </c>
      <c r="W54" s="92">
        <v>1.1343319567714845E-2</v>
      </c>
      <c r="X54" s="51">
        <v>3696</v>
      </c>
      <c r="Y54" s="82">
        <v>5.0755890139435946</v>
      </c>
      <c r="Z54" s="83">
        <v>5.473836417165108E-2</v>
      </c>
      <c r="AA54" s="196">
        <v>0.15791539994932807</v>
      </c>
      <c r="AB54" s="92">
        <v>1.2001396761399264E-2</v>
      </c>
      <c r="AC54" s="196">
        <v>0.14181315814130563</v>
      </c>
      <c r="AD54" s="92">
        <v>1.1483451644735765E-2</v>
      </c>
      <c r="AE54" s="196">
        <v>0.63146629556715328</v>
      </c>
      <c r="AF54" s="92">
        <v>1.5862720615133673E-2</v>
      </c>
      <c r="AG54" s="196">
        <v>6.880514634221338E-2</v>
      </c>
      <c r="AH54" s="92">
        <v>8.3486713317167185E-3</v>
      </c>
      <c r="AI54" s="51">
        <v>3678</v>
      </c>
      <c r="AJ54" s="82">
        <v>5.4617472035240109</v>
      </c>
      <c r="AK54" s="83">
        <v>4.792711184259766E-2</v>
      </c>
      <c r="AL54" s="196">
        <v>9.0093261629132768E-2</v>
      </c>
      <c r="AM54" s="92">
        <v>9.4579510640699672E-3</v>
      </c>
      <c r="AN54" s="196">
        <v>0.12095607929861668</v>
      </c>
      <c r="AO54" s="92">
        <v>1.0763251619439602E-2</v>
      </c>
      <c r="AP54" s="196">
        <v>0.69102543868465216</v>
      </c>
      <c r="AQ54" s="92">
        <v>1.5232706003077566E-2</v>
      </c>
      <c r="AR54" s="196">
        <v>9.7925220387598488E-2</v>
      </c>
      <c r="AS54" s="92">
        <v>9.8156242146173727E-3</v>
      </c>
      <c r="AT54" s="51">
        <v>3662</v>
      </c>
      <c r="AU54" s="82">
        <v>5.2576190783384709</v>
      </c>
      <c r="AV54" s="83">
        <v>5.227008865809326E-2</v>
      </c>
      <c r="AW54" s="196">
        <v>8.73226548364118E-2</v>
      </c>
      <c r="AX54" s="92">
        <v>9.3468557777914296E-3</v>
      </c>
      <c r="AY54" s="196">
        <v>0.12853430904670382</v>
      </c>
      <c r="AZ54" s="92">
        <v>1.107008831767956E-2</v>
      </c>
      <c r="BA54" s="196">
        <v>0.58402156252046245</v>
      </c>
      <c r="BB54" s="92">
        <v>1.6281611134885458E-2</v>
      </c>
      <c r="BC54" s="196">
        <v>0.20012147359642266</v>
      </c>
      <c r="BD54" s="92">
        <v>1.3223868824163425E-2</v>
      </c>
    </row>
    <row r="55" spans="1:56">
      <c r="A55" s="47" t="s">
        <v>568</v>
      </c>
      <c r="B55" s="47">
        <v>11557</v>
      </c>
      <c r="C55" s="178">
        <v>5.3958726009154692</v>
      </c>
      <c r="D55" s="130">
        <v>3.2264413507860364E-2</v>
      </c>
      <c r="E55" s="197">
        <v>0.13798093817590748</v>
      </c>
      <c r="F55" s="95">
        <v>6.4174981573164747E-3</v>
      </c>
      <c r="G55" s="197">
        <v>0.10621446195849012</v>
      </c>
      <c r="H55" s="95">
        <v>5.7343744137064809E-3</v>
      </c>
      <c r="I55" s="197">
        <v>0.74209248523986571</v>
      </c>
      <c r="J55" s="95">
        <v>8.1384052440735301E-3</v>
      </c>
      <c r="K55" s="197">
        <v>1.3712114625740856E-2</v>
      </c>
      <c r="L55" s="95">
        <v>2.1761937237722252E-3</v>
      </c>
      <c r="M55" s="47">
        <v>11517</v>
      </c>
      <c r="N55" s="178">
        <v>4.4928925467541054</v>
      </c>
      <c r="O55" s="130">
        <v>3.9260853790462361E-2</v>
      </c>
      <c r="P55" s="197">
        <v>0.25244449233144617</v>
      </c>
      <c r="Q55" s="95">
        <v>8.0954040844193331E-3</v>
      </c>
      <c r="R55" s="197">
        <v>0.13840830118439443</v>
      </c>
      <c r="S55" s="95">
        <v>6.4369770188416548E-3</v>
      </c>
      <c r="T55" s="197">
        <v>0.46433870675251188</v>
      </c>
      <c r="U55" s="95">
        <v>9.2928356118187894E-3</v>
      </c>
      <c r="V55" s="197">
        <v>0.14480849973166834</v>
      </c>
      <c r="W55" s="95">
        <v>6.5594458646903546E-3</v>
      </c>
      <c r="X55" s="47">
        <v>11531</v>
      </c>
      <c r="Y55" s="178">
        <v>4.6051717729005999</v>
      </c>
      <c r="Z55" s="130">
        <v>3.7394843385841967E-2</v>
      </c>
      <c r="AA55" s="197">
        <v>0.26416618800656977</v>
      </c>
      <c r="AB55" s="95">
        <v>8.2109377511870741E-3</v>
      </c>
      <c r="AC55" s="197">
        <v>0.13517031434266374</v>
      </c>
      <c r="AD55" s="95">
        <v>6.3694000619183783E-3</v>
      </c>
      <c r="AE55" s="197">
        <v>0.53647354837520178</v>
      </c>
      <c r="AF55" s="95">
        <v>9.2861013592176658E-3</v>
      </c>
      <c r="AG55" s="197">
        <v>6.418994927558376E-2</v>
      </c>
      <c r="AH55" s="95">
        <v>4.5690313321941024E-3</v>
      </c>
      <c r="AI55" s="47">
        <v>11504</v>
      </c>
      <c r="AJ55" s="178">
        <v>5.4468633250138829</v>
      </c>
      <c r="AK55" s="130">
        <v>2.9028394604776422E-2</v>
      </c>
      <c r="AL55" s="197">
        <v>9.4625392026229799E-2</v>
      </c>
      <c r="AM55" s="95">
        <v>5.4605624151598184E-3</v>
      </c>
      <c r="AN55" s="197">
        <v>0.11535438720169312</v>
      </c>
      <c r="AO55" s="95">
        <v>5.9586860108514538E-3</v>
      </c>
      <c r="AP55" s="197">
        <v>0.67987033996403057</v>
      </c>
      <c r="AQ55" s="95">
        <v>8.6981823421590672E-3</v>
      </c>
      <c r="AR55" s="197">
        <v>0.1101498808080616</v>
      </c>
      <c r="AS55" s="95">
        <v>5.84002109578416E-3</v>
      </c>
      <c r="AT55" s="47">
        <v>11297</v>
      </c>
      <c r="AU55" s="178">
        <v>5.1127015748366302</v>
      </c>
      <c r="AV55" s="130">
        <v>3.5650180198269689E-2</v>
      </c>
      <c r="AW55" s="197">
        <v>0.10935273668310025</v>
      </c>
      <c r="AX55" s="95">
        <v>5.8746221366665543E-3</v>
      </c>
      <c r="AY55" s="197">
        <v>0.12231817948575746</v>
      </c>
      <c r="AZ55" s="95">
        <v>6.1672240588529709E-3</v>
      </c>
      <c r="BA55" s="197">
        <v>0.52545996548761087</v>
      </c>
      <c r="BB55" s="95">
        <v>9.3945980397340551E-3</v>
      </c>
      <c r="BC55" s="197">
        <v>0.24286911834355265</v>
      </c>
      <c r="BD55" s="95">
        <v>8.0686047235231009E-3</v>
      </c>
    </row>
    <row r="56" spans="1:56">
      <c r="A56" s="43" t="s">
        <v>569</v>
      </c>
      <c r="B56" s="51">
        <v>2383</v>
      </c>
      <c r="C56" s="82">
        <v>4.953586625505956</v>
      </c>
      <c r="D56" s="83">
        <v>7.4774443058542278E-2</v>
      </c>
      <c r="E56" s="196">
        <v>0.21977973759761688</v>
      </c>
      <c r="F56" s="92">
        <v>1.6964417488782253E-2</v>
      </c>
      <c r="G56" s="196">
        <v>0.12476909744678558</v>
      </c>
      <c r="H56" s="92">
        <v>1.3556705395587608E-2</v>
      </c>
      <c r="I56" s="196">
        <v>0.65029041144513744</v>
      </c>
      <c r="J56" s="92">
        <v>1.9524658317806962E-2</v>
      </c>
      <c r="K56" s="196">
        <v>5.1607535104575579E-3</v>
      </c>
      <c r="L56" s="92">
        <v>3.1587245306827216E-3</v>
      </c>
      <c r="M56" s="51">
        <v>2374</v>
      </c>
      <c r="N56" s="82">
        <v>3.978210896798557</v>
      </c>
      <c r="O56" s="83">
        <v>8.6134989561275063E-2</v>
      </c>
      <c r="P56" s="196">
        <v>0.34298688595616367</v>
      </c>
      <c r="Q56" s="92">
        <v>1.9472857458520211E-2</v>
      </c>
      <c r="R56" s="196">
        <v>0.14808107816391827</v>
      </c>
      <c r="S56" s="92">
        <v>1.4591111293119643E-2</v>
      </c>
      <c r="T56" s="196">
        <v>0.35763734905145467</v>
      </c>
      <c r="U56" s="92">
        <v>1.9660747605093547E-2</v>
      </c>
      <c r="V56" s="196">
        <v>0.15129468682846123</v>
      </c>
      <c r="W56" s="92">
        <v>1.4719886841305724E-2</v>
      </c>
      <c r="X56" s="51">
        <v>2368</v>
      </c>
      <c r="Y56" s="82">
        <v>4.0265978259496542</v>
      </c>
      <c r="Z56" s="83">
        <v>8.1754054096845413E-2</v>
      </c>
      <c r="AA56" s="196">
        <v>0.39990758497714923</v>
      </c>
      <c r="AB56" s="92">
        <v>2.0118337475346901E-2</v>
      </c>
      <c r="AC56" s="196">
        <v>0.13072069621375179</v>
      </c>
      <c r="AD56" s="92">
        <v>1.387077989047846E-2</v>
      </c>
      <c r="AE56" s="196">
        <v>0.43191197282398036</v>
      </c>
      <c r="AF56" s="92">
        <v>2.0341918899339433E-2</v>
      </c>
      <c r="AG56" s="196">
        <v>3.7459745985116949E-2</v>
      </c>
      <c r="AH56" s="92">
        <v>7.8752358253408299E-3</v>
      </c>
      <c r="AI56" s="51">
        <v>2369</v>
      </c>
      <c r="AJ56" s="82">
        <v>5.2675725469233923</v>
      </c>
      <c r="AK56" s="83">
        <v>6.4333483225950588E-2</v>
      </c>
      <c r="AL56" s="196">
        <v>0.13337942693748514</v>
      </c>
      <c r="AM56" s="92">
        <v>1.3985852024721156E-2</v>
      </c>
      <c r="AN56" s="196">
        <v>0.10633454867086678</v>
      </c>
      <c r="AO56" s="92">
        <v>1.2690986787334544E-2</v>
      </c>
      <c r="AP56" s="196">
        <v>0.69031560867846631</v>
      </c>
      <c r="AQ56" s="92">
        <v>1.8988406573248975E-2</v>
      </c>
      <c r="AR56" s="196">
        <v>6.9970415713178677E-2</v>
      </c>
      <c r="AS56" s="92">
        <v>1.0523384187275501E-2</v>
      </c>
      <c r="AT56" s="51">
        <v>1199</v>
      </c>
      <c r="AU56" s="82">
        <v>4.7201695672434614</v>
      </c>
      <c r="AV56" s="83">
        <v>0.12146283197890799</v>
      </c>
      <c r="AW56" s="196">
        <v>0.1917144287071017</v>
      </c>
      <c r="AX56" s="92">
        <v>2.2745180315760272E-2</v>
      </c>
      <c r="AY56" s="196">
        <v>0.1272056471755198</v>
      </c>
      <c r="AZ56" s="92">
        <v>1.9293164427475272E-2</v>
      </c>
      <c r="BA56" s="196">
        <v>0.46376039962745208</v>
      </c>
      <c r="BB56" s="92">
        <v>2.8756171647511975E-2</v>
      </c>
      <c r="BC56" s="196">
        <v>0.21731952448992728</v>
      </c>
      <c r="BD56" s="92">
        <v>2.3818533861549099E-2</v>
      </c>
    </row>
    <row r="57" spans="1:56">
      <c r="A57" s="47" t="s">
        <v>570</v>
      </c>
      <c r="B57" s="47">
        <v>611</v>
      </c>
      <c r="C57" s="178">
        <v>4.8112299742886133</v>
      </c>
      <c r="D57" s="130">
        <v>0.14709656381540928</v>
      </c>
      <c r="E57" s="197">
        <v>0.26372979616991993</v>
      </c>
      <c r="F57" s="95">
        <v>3.5603981695115569E-2</v>
      </c>
      <c r="G57" s="197">
        <v>0.10957133388389365</v>
      </c>
      <c r="H57" s="95">
        <v>2.5444586259632637E-2</v>
      </c>
      <c r="I57" s="197">
        <v>0.62535217659951192</v>
      </c>
      <c r="J57" s="95">
        <v>3.9053065090699494E-2</v>
      </c>
      <c r="K57" s="197">
        <v>1.3466933466740963E-3</v>
      </c>
      <c r="L57" s="95">
        <v>5.4512766252207247E-3</v>
      </c>
      <c r="M57" s="47">
        <v>608</v>
      </c>
      <c r="N57" s="178">
        <v>3.7288687297080862</v>
      </c>
      <c r="O57" s="130">
        <v>0.16288451059540454</v>
      </c>
      <c r="P57" s="197">
        <v>0.39950948090390015</v>
      </c>
      <c r="Q57" s="95">
        <v>3.9608643399393059E-2</v>
      </c>
      <c r="R57" s="197">
        <v>0.12976072063142621</v>
      </c>
      <c r="S57" s="95">
        <v>2.7381220378183916E-2</v>
      </c>
      <c r="T57" s="197">
        <v>0.32269382356127091</v>
      </c>
      <c r="U57" s="95">
        <v>3.7831076574722199E-2</v>
      </c>
      <c r="V57" s="197">
        <v>0.14803597490340251</v>
      </c>
      <c r="W57" s="95">
        <v>2.8894145572199662E-2</v>
      </c>
      <c r="X57" s="47">
        <v>608</v>
      </c>
      <c r="Y57" s="178">
        <v>3.8272328752605165</v>
      </c>
      <c r="Z57" s="130">
        <v>0.15462501886934243</v>
      </c>
      <c r="AA57" s="197">
        <v>0.44348055788579827</v>
      </c>
      <c r="AB57" s="95">
        <v>4.0166904537760346E-2</v>
      </c>
      <c r="AC57" s="197">
        <v>0.11570594627962862</v>
      </c>
      <c r="AD57" s="95">
        <v>2.6102144018222025E-2</v>
      </c>
      <c r="AE57" s="197">
        <v>0.41066498031912751</v>
      </c>
      <c r="AF57" s="95">
        <v>3.9780709090278157E-2</v>
      </c>
      <c r="AG57" s="197">
        <v>3.0148515515444979E-2</v>
      </c>
      <c r="AH57" s="95">
        <v>1.4488198722501554E-2</v>
      </c>
      <c r="AI57" s="47">
        <v>608</v>
      </c>
      <c r="AJ57" s="178">
        <v>5.4067258833326459</v>
      </c>
      <c r="AK57" s="130">
        <v>0.12062577749815223</v>
      </c>
      <c r="AL57" s="197">
        <v>0.10401260129604896</v>
      </c>
      <c r="AM57" s="95">
        <v>2.4949233871247246E-2</v>
      </c>
      <c r="AN57" s="197">
        <v>9.946117068635342E-2</v>
      </c>
      <c r="AO57" s="95">
        <v>2.447607003766912E-2</v>
      </c>
      <c r="AP57" s="197">
        <v>0.75073668725639964</v>
      </c>
      <c r="AQ57" s="95">
        <v>3.5049008032335224E-2</v>
      </c>
      <c r="AR57" s="197">
        <v>4.5789540761198434E-2</v>
      </c>
      <c r="AS57" s="95">
        <v>1.7411000755755204E-2</v>
      </c>
      <c r="AT57" s="47">
        <v>204</v>
      </c>
      <c r="AU57" s="178">
        <v>4.5214091923774662</v>
      </c>
      <c r="AV57" s="130">
        <v>0.29074407247151429</v>
      </c>
      <c r="AW57" s="197">
        <v>0.19784972597958522</v>
      </c>
      <c r="AX57" s="95">
        <v>5.5847110497433974E-2</v>
      </c>
      <c r="AY57" s="197">
        <v>9.4590624553278602E-2</v>
      </c>
      <c r="AZ57" s="95">
        <v>4.204024385710424E-2</v>
      </c>
      <c r="BA57" s="197">
        <v>0.43972782337714605</v>
      </c>
      <c r="BB57" s="95">
        <v>6.8851239004193016E-2</v>
      </c>
      <c r="BC57" s="197">
        <v>0.26783182608999007</v>
      </c>
      <c r="BD57" s="95">
        <v>6.1730051436843056E-2</v>
      </c>
    </row>
    <row r="58" spans="1:56">
      <c r="A58" s="43" t="s">
        <v>571</v>
      </c>
      <c r="B58" s="51">
        <v>1279</v>
      </c>
      <c r="C58" s="82">
        <v>4.9968599052992682</v>
      </c>
      <c r="D58" s="83">
        <v>0.10220492226528693</v>
      </c>
      <c r="E58" s="196">
        <v>0.2179823015754952</v>
      </c>
      <c r="F58" s="92">
        <v>2.3086888625435797E-2</v>
      </c>
      <c r="G58" s="196">
        <v>0.10419169819265622</v>
      </c>
      <c r="H58" s="92">
        <v>1.714739433533103E-2</v>
      </c>
      <c r="I58" s="196">
        <v>0.6721498525095394</v>
      </c>
      <c r="J58" s="92">
        <v>2.6222201147813321E-2</v>
      </c>
      <c r="K58" s="196">
        <v>5.6761477223111955E-3</v>
      </c>
      <c r="L58" s="92">
        <v>4.7264065747524842E-3</v>
      </c>
      <c r="M58" s="51">
        <v>1276</v>
      </c>
      <c r="N58" s="82">
        <v>3.7257491145466552</v>
      </c>
      <c r="O58" s="83">
        <v>0.11786662852947336</v>
      </c>
      <c r="P58" s="196">
        <v>0.36828437642559309</v>
      </c>
      <c r="Q58" s="92">
        <v>2.6969847536581149E-2</v>
      </c>
      <c r="R58" s="196">
        <v>0.12898611996615825</v>
      </c>
      <c r="S58" s="92">
        <v>1.8808880647775684E-2</v>
      </c>
      <c r="T58" s="196">
        <v>0.29991844382413207</v>
      </c>
      <c r="U58" s="92">
        <v>2.5630620351118249E-2</v>
      </c>
      <c r="V58" s="196">
        <v>0.20281105978411781</v>
      </c>
      <c r="W58" s="92">
        <v>2.2515958175165881E-2</v>
      </c>
      <c r="X58" s="51">
        <v>1273</v>
      </c>
      <c r="Y58" s="82">
        <v>3.911050230002024</v>
      </c>
      <c r="Z58" s="83">
        <v>0.11180566808253418</v>
      </c>
      <c r="AA58" s="196">
        <v>0.42784179982785631</v>
      </c>
      <c r="AB58" s="92">
        <v>2.7692559947103755E-2</v>
      </c>
      <c r="AC58" s="196">
        <v>0.12427434617504797</v>
      </c>
      <c r="AD58" s="92">
        <v>1.8538050080791464E-2</v>
      </c>
      <c r="AE58" s="196">
        <v>0.40420590342011403</v>
      </c>
      <c r="AF58" s="92">
        <v>2.7468549051196924E-2</v>
      </c>
      <c r="AG58" s="196">
        <v>4.3677950576983662E-2</v>
      </c>
      <c r="AH58" s="92">
        <v>1.1615429735860161E-2</v>
      </c>
      <c r="AI58" s="51">
        <v>1273</v>
      </c>
      <c r="AJ58" s="82">
        <v>5.2977158670901074</v>
      </c>
      <c r="AK58" s="83">
        <v>8.8859518344618679E-2</v>
      </c>
      <c r="AL58" s="196">
        <v>0.12829976431158149</v>
      </c>
      <c r="AM58" s="92">
        <v>1.8788949789760142E-2</v>
      </c>
      <c r="AN58" s="196">
        <v>0.10732326549377834</v>
      </c>
      <c r="AO58" s="92">
        <v>1.7410197118893446E-2</v>
      </c>
      <c r="AP58" s="196">
        <v>0.66818596416713572</v>
      </c>
      <c r="AQ58" s="92">
        <v>2.6363545343317665E-2</v>
      </c>
      <c r="AR58" s="196">
        <v>9.6191006027505632E-2</v>
      </c>
      <c r="AS58" s="92">
        <v>1.6598650430083729E-2</v>
      </c>
      <c r="AT58" s="51">
        <v>617</v>
      </c>
      <c r="AU58" s="82">
        <v>4.3970791221858114</v>
      </c>
      <c r="AV58" s="83">
        <v>0.17636673490178201</v>
      </c>
      <c r="AW58" s="196">
        <v>0.21340538207635931</v>
      </c>
      <c r="AX58" s="92">
        <v>3.2985453879728725E-2</v>
      </c>
      <c r="AY58" s="196">
        <v>9.2356771007797447E-2</v>
      </c>
      <c r="AZ58" s="92">
        <v>2.3530679387790528E-2</v>
      </c>
      <c r="BA58" s="196">
        <v>0.34958365286717863</v>
      </c>
      <c r="BB58" s="92">
        <v>3.8294178717115053E-2</v>
      </c>
      <c r="BC58" s="196">
        <v>0.34465419404866554</v>
      </c>
      <c r="BD58" s="92">
        <v>3.8168839478331114E-2</v>
      </c>
    </row>
    <row r="59" spans="1:56">
      <c r="A59" s="47" t="s">
        <v>582</v>
      </c>
      <c r="B59" s="47">
        <v>868</v>
      </c>
      <c r="C59" s="178">
        <v>4.6624096580743819</v>
      </c>
      <c r="D59" s="130">
        <v>0.1298871835205439</v>
      </c>
      <c r="E59" s="197">
        <v>0.27570861068006797</v>
      </c>
      <c r="F59" s="95">
        <v>3.0300773812743584E-2</v>
      </c>
      <c r="G59" s="197">
        <v>0.13833088876071387</v>
      </c>
      <c r="H59" s="95">
        <v>2.3500218942255253E-2</v>
      </c>
      <c r="I59" s="197">
        <v>0.58198728587451132</v>
      </c>
      <c r="J59" s="95">
        <v>3.3410129517758694E-2</v>
      </c>
      <c r="K59" s="197">
        <v>3.9732146847092434E-3</v>
      </c>
      <c r="L59" s="95">
        <v>5.3370448143942482E-3</v>
      </c>
      <c r="M59" s="47">
        <v>866</v>
      </c>
      <c r="N59" s="178">
        <v>3.7300008575970769</v>
      </c>
      <c r="O59" s="130">
        <v>0.14615357057267647</v>
      </c>
      <c r="P59" s="197">
        <v>0.4160940467787117</v>
      </c>
      <c r="Q59" s="95">
        <v>3.3426837572470995E-2</v>
      </c>
      <c r="R59" s="197">
        <v>0.11632329581589029</v>
      </c>
      <c r="S59" s="95">
        <v>2.188188879266938E-2</v>
      </c>
      <c r="T59" s="197">
        <v>0.34023853566816137</v>
      </c>
      <c r="U59" s="95">
        <v>3.2142673028355953E-2</v>
      </c>
      <c r="V59" s="197">
        <v>0.12734412173723883</v>
      </c>
      <c r="W59" s="95">
        <v>2.2732997780767501E-2</v>
      </c>
      <c r="X59" s="47">
        <v>864</v>
      </c>
      <c r="Y59" s="178">
        <v>3.6637864505122031</v>
      </c>
      <c r="Z59" s="130">
        <v>0.13685020612243196</v>
      </c>
      <c r="AA59" s="197">
        <v>0.46599714043744611</v>
      </c>
      <c r="AB59" s="95">
        <v>3.3864356501822304E-2</v>
      </c>
      <c r="AC59" s="197">
        <v>0.12757831381117024</v>
      </c>
      <c r="AD59" s="95">
        <v>2.2776965483198332E-2</v>
      </c>
      <c r="AE59" s="197">
        <v>0.36094384902710075</v>
      </c>
      <c r="AF59" s="95">
        <v>3.2615706393476794E-2</v>
      </c>
      <c r="AG59" s="197">
        <v>4.5480696724284862E-2</v>
      </c>
      <c r="AH59" s="95">
        <v>1.4450272392024397E-2</v>
      </c>
      <c r="AI59" s="47">
        <v>867</v>
      </c>
      <c r="AJ59" s="178">
        <v>5.1969328380751296</v>
      </c>
      <c r="AK59" s="130">
        <v>0.11785489884532599</v>
      </c>
      <c r="AL59" s="197">
        <v>0.14412469579382323</v>
      </c>
      <c r="AM59" s="95">
        <v>2.3912712683346434E-2</v>
      </c>
      <c r="AN59" s="197">
        <v>0.14213671493012345</v>
      </c>
      <c r="AO59" s="95">
        <v>2.3777328665098602E-2</v>
      </c>
      <c r="AP59" s="197">
        <v>0.62025437643491932</v>
      </c>
      <c r="AQ59" s="95">
        <v>3.2898368571858329E-2</v>
      </c>
      <c r="AR59" s="197">
        <v>9.3484212841136061E-2</v>
      </c>
      <c r="AS59" s="95">
        <v>1.9903241472583225E-2</v>
      </c>
      <c r="AT59" s="47">
        <v>682</v>
      </c>
      <c r="AU59" s="178">
        <v>4.6614264802125964</v>
      </c>
      <c r="AV59" s="130">
        <v>0.1648393853443767</v>
      </c>
      <c r="AW59" s="197">
        <v>0.21027984419183376</v>
      </c>
      <c r="AX59" s="95">
        <v>3.1208715571613047E-2</v>
      </c>
      <c r="AY59" s="197">
        <v>0.13313564097753117</v>
      </c>
      <c r="AZ59" s="95">
        <v>2.6116527666183945E-2</v>
      </c>
      <c r="BA59" s="197">
        <v>0.45363613595947716</v>
      </c>
      <c r="BB59" s="95">
        <v>3.8017595077889439E-2</v>
      </c>
      <c r="BC59" s="197">
        <v>0.20294837887116007</v>
      </c>
      <c r="BD59" s="95">
        <v>3.0808954085118023E-2</v>
      </c>
    </row>
    <row r="60" spans="1:56">
      <c r="A60" s="43" t="s">
        <v>583</v>
      </c>
      <c r="B60" s="51">
        <v>1515</v>
      </c>
      <c r="C60" s="82">
        <v>5.0699993390133917</v>
      </c>
      <c r="D60" s="83">
        <v>8.9949581129469797E-2</v>
      </c>
      <c r="E60" s="196">
        <v>0.19745664360532397</v>
      </c>
      <c r="F60" s="92">
        <v>2.0458789795609156E-2</v>
      </c>
      <c r="G60" s="196">
        <v>0.11935613048500963</v>
      </c>
      <c r="H60" s="92">
        <v>1.6697149005757403E-2</v>
      </c>
      <c r="I60" s="196">
        <v>0.67755248571995608</v>
      </c>
      <c r="J60" s="92">
        <v>2.3994783605214346E-2</v>
      </c>
      <c r="K60" s="196">
        <v>5.6347401897099301E-3</v>
      </c>
      <c r="L60" s="92">
        <v>4.2590389566472681E-3</v>
      </c>
      <c r="M60" s="51">
        <v>1508</v>
      </c>
      <c r="N60" s="82">
        <v>4.081513213505942</v>
      </c>
      <c r="O60" s="83">
        <v>0.10481947803210623</v>
      </c>
      <c r="P60" s="196">
        <v>0.31372974378359741</v>
      </c>
      <c r="Q60" s="92">
        <v>2.3876153605572981E-2</v>
      </c>
      <c r="R60" s="196">
        <v>0.16079039340455581</v>
      </c>
      <c r="S60" s="92">
        <v>1.8936320276086216E-2</v>
      </c>
      <c r="T60" s="196">
        <v>0.36460027239660592</v>
      </c>
      <c r="U60" s="92">
        <v>2.4761496496909105E-2</v>
      </c>
      <c r="V60" s="196">
        <v>0.16087959041523991</v>
      </c>
      <c r="W60" s="92">
        <v>1.894052390962507E-2</v>
      </c>
      <c r="X60" s="51">
        <v>1504</v>
      </c>
      <c r="Y60" s="82">
        <v>4.1700906843997068</v>
      </c>
      <c r="Z60" s="83">
        <v>0.10017407279298414</v>
      </c>
      <c r="AA60" s="196">
        <v>0.37346145230992617</v>
      </c>
      <c r="AB60" s="92">
        <v>2.4917520579977877E-2</v>
      </c>
      <c r="AC60" s="196">
        <v>0.13197813941080552</v>
      </c>
      <c r="AD60" s="92">
        <v>1.7486445850382854E-2</v>
      </c>
      <c r="AE60" s="196">
        <v>0.46031029392032785</v>
      </c>
      <c r="AF60" s="92">
        <v>2.5670482436478372E-2</v>
      </c>
      <c r="AG60" s="196">
        <v>3.4250114358940674E-2</v>
      </c>
      <c r="AH60" s="92">
        <v>9.5281660774967705E-3</v>
      </c>
      <c r="AI60" s="51">
        <v>1502</v>
      </c>
      <c r="AJ60" s="82">
        <v>5.2949920837487916</v>
      </c>
      <c r="AK60" s="83">
        <v>7.5406154798722744E-2</v>
      </c>
      <c r="AL60" s="196">
        <v>0.12905683055702821</v>
      </c>
      <c r="AM60" s="92">
        <v>1.7334390435412895E-2</v>
      </c>
      <c r="AN60" s="196">
        <v>9.193208779679482E-2</v>
      </c>
      <c r="AO60" s="92">
        <v>1.4969111146450463E-2</v>
      </c>
      <c r="AP60" s="196">
        <v>0.71849977353793804</v>
      </c>
      <c r="AQ60" s="92">
        <v>2.3192200143252774E-2</v>
      </c>
      <c r="AR60" s="196">
        <v>6.0511308108238404E-2</v>
      </c>
      <c r="AS60" s="92">
        <v>1.2398256096932554E-2</v>
      </c>
      <c r="AT60" s="51">
        <v>517</v>
      </c>
      <c r="AU60" s="82">
        <v>4.7655330262609565</v>
      </c>
      <c r="AV60" s="83">
        <v>0.17781772848861474</v>
      </c>
      <c r="AW60" s="196">
        <v>0.17782939780771478</v>
      </c>
      <c r="AX60" s="92">
        <v>3.3685202870457127E-2</v>
      </c>
      <c r="AY60" s="196">
        <v>0.12277061865478371</v>
      </c>
      <c r="AZ60" s="92">
        <v>2.9044233325187914E-2</v>
      </c>
      <c r="BA60" s="196">
        <v>0.47133231278926407</v>
      </c>
      <c r="BB60" s="92">
        <v>4.3739828837698266E-2</v>
      </c>
      <c r="BC60" s="196">
        <v>0.22806767074823575</v>
      </c>
      <c r="BD60" s="92">
        <v>3.6882748806755336E-2</v>
      </c>
    </row>
    <row r="61" spans="1:56">
      <c r="A61" s="47" t="s">
        <v>572</v>
      </c>
      <c r="B61" s="47">
        <v>292</v>
      </c>
      <c r="C61" s="178">
        <v>4.8458423162964976</v>
      </c>
      <c r="D61" s="130">
        <v>0.21152110825679143</v>
      </c>
      <c r="E61" s="197">
        <v>0.19642076657647486</v>
      </c>
      <c r="F61" s="95">
        <v>4.6544607993735311E-2</v>
      </c>
      <c r="G61" s="197">
        <v>0.20475891958600584</v>
      </c>
      <c r="H61" s="95">
        <v>4.7244713593769527E-2</v>
      </c>
      <c r="I61" s="197">
        <v>0.59144345327404191</v>
      </c>
      <c r="J61" s="95">
        <v>5.717003624561081E-2</v>
      </c>
      <c r="K61" s="197">
        <v>7.3768605634772664E-3</v>
      </c>
      <c r="L61" s="95">
        <v>1.3674289755579881E-2</v>
      </c>
      <c r="M61" s="47">
        <v>293</v>
      </c>
      <c r="N61" s="178">
        <v>4.5319498909886589</v>
      </c>
      <c r="O61" s="130">
        <v>0.23070619812057352</v>
      </c>
      <c r="P61" s="197">
        <v>0.22851751514668744</v>
      </c>
      <c r="Q61" s="95">
        <v>4.8999299197789767E-2</v>
      </c>
      <c r="R61" s="197">
        <v>0.24308057069502712</v>
      </c>
      <c r="S61" s="95">
        <v>5.0017965285342671E-2</v>
      </c>
      <c r="T61" s="197">
        <v>0.49089499621448723</v>
      </c>
      <c r="U61" s="95">
        <v>5.8016521145773145E-2</v>
      </c>
      <c r="V61" s="197">
        <v>3.7506917943798027E-2</v>
      </c>
      <c r="W61" s="95">
        <v>2.373335673076736E-2</v>
      </c>
      <c r="X61" s="47">
        <v>292</v>
      </c>
      <c r="Y61" s="178">
        <v>4.2769558431019794</v>
      </c>
      <c r="Z61" s="130">
        <v>0.23343957337595486</v>
      </c>
      <c r="AA61" s="197">
        <v>0.32683255917059628</v>
      </c>
      <c r="AB61" s="95">
        <v>5.4626250967636611E-2</v>
      </c>
      <c r="AC61" s="197">
        <v>0.15952008122884445</v>
      </c>
      <c r="AD61" s="95">
        <v>4.3056437766843488E-2</v>
      </c>
      <c r="AE61" s="197">
        <v>0.48031205456554105</v>
      </c>
      <c r="AF61" s="95">
        <v>5.8079953059433677E-2</v>
      </c>
      <c r="AG61" s="197">
        <v>3.333530503501797E-2</v>
      </c>
      <c r="AH61" s="95">
        <v>2.2681737343320092E-2</v>
      </c>
      <c r="AI61" s="47">
        <v>292</v>
      </c>
      <c r="AJ61" s="178">
        <v>4.9479783994772077</v>
      </c>
      <c r="AK61" s="130">
        <v>0.19555467853611136</v>
      </c>
      <c r="AL61" s="197">
        <v>0.19510481630193119</v>
      </c>
      <c r="AM61" s="95">
        <v>4.6431351870192511E-2</v>
      </c>
      <c r="AN61" s="197">
        <v>0.11762965785410057</v>
      </c>
      <c r="AO61" s="95">
        <v>3.815292211865589E-2</v>
      </c>
      <c r="AP61" s="197">
        <v>0.65191575602628982</v>
      </c>
      <c r="AQ61" s="95">
        <v>5.5451601622611923E-2</v>
      </c>
      <c r="AR61" s="197">
        <v>3.5349769817678081E-2</v>
      </c>
      <c r="AS61" s="95">
        <v>2.3219245205735557E-2</v>
      </c>
      <c r="AT61" s="47">
        <v>275</v>
      </c>
      <c r="AU61" s="178">
        <v>4.8667967787173882</v>
      </c>
      <c r="AV61" s="130">
        <v>0.22217126463113965</v>
      </c>
      <c r="AW61" s="197">
        <v>0.19280255778334662</v>
      </c>
      <c r="AX61" s="95">
        <v>4.7642078246523951E-2</v>
      </c>
      <c r="AY61" s="197">
        <v>0.18152837141380268</v>
      </c>
      <c r="AZ61" s="95">
        <v>4.6599520740399462E-2</v>
      </c>
      <c r="BA61" s="197">
        <v>0.57366463165439086</v>
      </c>
      <c r="BB61" s="95">
        <v>5.9233818270939501E-2</v>
      </c>
      <c r="BC61" s="197">
        <v>5.2004439148459626E-2</v>
      </c>
      <c r="BD61" s="95">
        <v>2.808424691016732E-2</v>
      </c>
    </row>
    <row r="62" spans="1:56">
      <c r="A62" s="43" t="s">
        <v>573</v>
      </c>
      <c r="B62" s="194">
        <v>449</v>
      </c>
      <c r="C62" s="82">
        <v>4.6767141387957141</v>
      </c>
      <c r="D62" s="83">
        <v>0.17748695666437464</v>
      </c>
      <c r="E62" s="196">
        <v>0.2832649288381221</v>
      </c>
      <c r="F62" s="92">
        <v>4.2426595319587972E-2</v>
      </c>
      <c r="G62" s="196">
        <v>0.10927301478277977</v>
      </c>
      <c r="H62" s="92">
        <v>2.9717824649531006E-2</v>
      </c>
      <c r="I62" s="196">
        <v>0.6011922557285091</v>
      </c>
      <c r="J62" s="92">
        <v>4.6029088181608481E-2</v>
      </c>
      <c r="K62" s="196">
        <v>6.2698006505899637E-3</v>
      </c>
      <c r="L62" s="92">
        <v>9.6364209872415833E-3</v>
      </c>
      <c r="M62" s="194">
        <v>449</v>
      </c>
      <c r="N62" s="82">
        <v>3.4944652350135681</v>
      </c>
      <c r="O62" s="83">
        <v>0.19009100117353872</v>
      </c>
      <c r="P62" s="196">
        <v>0.44417775936218989</v>
      </c>
      <c r="Q62" s="92">
        <v>4.669554439372367E-2</v>
      </c>
      <c r="R62" s="196">
        <v>0.12557550463886835</v>
      </c>
      <c r="S62" s="92">
        <v>3.1485824057102922E-2</v>
      </c>
      <c r="T62" s="196">
        <v>0.26318654053663509</v>
      </c>
      <c r="U62" s="92">
        <v>4.1485165728823048E-2</v>
      </c>
      <c r="V62" s="196">
        <v>0.16706019546230785</v>
      </c>
      <c r="W62" s="92">
        <v>3.529754201008807E-2</v>
      </c>
      <c r="X62" s="194">
        <v>448</v>
      </c>
      <c r="Y62" s="82">
        <v>3.494654398465749</v>
      </c>
      <c r="Z62" s="83">
        <v>0.17675450753307512</v>
      </c>
      <c r="AA62" s="196">
        <v>0.5287915848391519</v>
      </c>
      <c r="AB62" s="92">
        <v>4.6959373469321351E-2</v>
      </c>
      <c r="AC62" s="196">
        <v>0.10564915949876533</v>
      </c>
      <c r="AD62" s="92">
        <v>2.9332948465124725E-2</v>
      </c>
      <c r="AE62" s="196">
        <v>0.30976946314184872</v>
      </c>
      <c r="AF62" s="92">
        <v>4.356360402716547E-2</v>
      </c>
      <c r="AG62" s="196">
        <v>5.5789792520235339E-2</v>
      </c>
      <c r="AH62" s="92">
        <v>2.2292162126235894E-2</v>
      </c>
      <c r="AI62" s="194">
        <v>447</v>
      </c>
      <c r="AJ62" s="82">
        <v>5.0070497020950278</v>
      </c>
      <c r="AK62" s="83">
        <v>0.16546303217333863</v>
      </c>
      <c r="AL62" s="196">
        <v>0.20055465093644148</v>
      </c>
      <c r="AM62" s="92">
        <v>3.7895407943174454E-2</v>
      </c>
      <c r="AN62" s="196">
        <v>0.13157161979510015</v>
      </c>
      <c r="AO62" s="92">
        <v>3.2166094249815105E-2</v>
      </c>
      <c r="AP62" s="196">
        <v>0.62580732018747587</v>
      </c>
      <c r="AQ62" s="92">
        <v>4.560040715557491E-2</v>
      </c>
      <c r="AR62" s="196">
        <v>4.2066409080983733E-2</v>
      </c>
      <c r="AS62" s="92">
        <v>1.9754619047260225E-2</v>
      </c>
      <c r="AT62" s="194">
        <v>291</v>
      </c>
      <c r="AU62" s="82">
        <v>4.5019082896273606</v>
      </c>
      <c r="AV62" s="83">
        <v>0.25185564107561759</v>
      </c>
      <c r="AW62" s="196">
        <v>0.23961293056731589</v>
      </c>
      <c r="AX62" s="92">
        <v>4.9952491485492835E-2</v>
      </c>
      <c r="AY62" s="196">
        <v>9.2271391763657673E-2</v>
      </c>
      <c r="AZ62" s="92">
        <v>3.4589131601408737E-2</v>
      </c>
      <c r="BA62" s="196">
        <v>0.45078943254188275</v>
      </c>
      <c r="BB62" s="92">
        <v>5.794720536845939E-2</v>
      </c>
      <c r="BC62" s="196">
        <v>0.21732624512714455</v>
      </c>
      <c r="BD62" s="92">
        <v>4.8327661004668412E-2</v>
      </c>
    </row>
    <row r="63" spans="1:56">
      <c r="A63" s="47" t="s">
        <v>574</v>
      </c>
      <c r="B63" s="195">
        <v>679</v>
      </c>
      <c r="C63" s="178">
        <v>4.8023329630161422</v>
      </c>
      <c r="D63" s="130">
        <v>0.14002314145844572</v>
      </c>
      <c r="E63" s="197">
        <v>0.26234984284312984</v>
      </c>
      <c r="F63" s="95">
        <v>3.3722838060768409E-2</v>
      </c>
      <c r="G63" s="197">
        <v>0.10350749590312043</v>
      </c>
      <c r="H63" s="95">
        <v>2.3541454605646807E-2</v>
      </c>
      <c r="I63" s="197">
        <v>0.63175428024683389</v>
      </c>
      <c r="J63" s="95">
        <v>3.6927656153337443E-2</v>
      </c>
      <c r="K63" s="197">
        <v>2.3883810069144028E-3</v>
      </c>
      <c r="L63" s="95">
        <v>5.55791179951528E-3</v>
      </c>
      <c r="M63" s="195">
        <v>674</v>
      </c>
      <c r="N63" s="178">
        <v>3.6032722913348967</v>
      </c>
      <c r="O63" s="130">
        <v>0.15757067379212164</v>
      </c>
      <c r="P63" s="197">
        <v>0.40895520846528455</v>
      </c>
      <c r="Q63" s="95">
        <v>3.7770332549726324E-2</v>
      </c>
      <c r="R63" s="197">
        <v>0.13086335130362753</v>
      </c>
      <c r="S63" s="95">
        <v>2.6085993643368343E-2</v>
      </c>
      <c r="T63" s="197">
        <v>0.28449101264252019</v>
      </c>
      <c r="U63" s="95">
        <v>3.4700766618928944E-2</v>
      </c>
      <c r="V63" s="197">
        <v>0.1756904275885664</v>
      </c>
      <c r="W63" s="95">
        <v>2.9354979617241945E-2</v>
      </c>
      <c r="X63" s="195">
        <v>678</v>
      </c>
      <c r="Y63" s="178">
        <v>3.7230692909471674</v>
      </c>
      <c r="Z63" s="130">
        <v>0.14742011970560639</v>
      </c>
      <c r="AA63" s="197">
        <v>0.44884063144993264</v>
      </c>
      <c r="AB63" s="95">
        <v>3.8093366562561216E-2</v>
      </c>
      <c r="AC63" s="197">
        <v>0.14539634090608702</v>
      </c>
      <c r="AD63" s="95">
        <v>2.7155133721040149E-2</v>
      </c>
      <c r="AE63" s="197">
        <v>0.35994701938488982</v>
      </c>
      <c r="AF63" s="95">
        <v>3.6777413535181165E-2</v>
      </c>
      <c r="AG63" s="197">
        <v>4.5816008259088957E-2</v>
      </c>
      <c r="AH63" s="95">
        <v>1.6448542121297673E-2</v>
      </c>
      <c r="AI63" s="195">
        <v>675</v>
      </c>
      <c r="AJ63" s="178">
        <v>5.2812398475057529</v>
      </c>
      <c r="AK63" s="130">
        <v>0.11321442164462948</v>
      </c>
      <c r="AL63" s="197">
        <v>9.8581387865684281E-2</v>
      </c>
      <c r="AM63" s="95">
        <v>2.312239648079344E-2</v>
      </c>
      <c r="AN63" s="197">
        <v>0.11567841002019706</v>
      </c>
      <c r="AO63" s="95">
        <v>2.4755895994227343E-2</v>
      </c>
      <c r="AP63" s="197">
        <v>0.68605732087397098</v>
      </c>
      <c r="AQ63" s="95">
        <v>3.5654150741575276E-2</v>
      </c>
      <c r="AR63" s="197">
        <v>9.968288124014632E-2</v>
      </c>
      <c r="AS63" s="95">
        <v>2.3233305835186978E-2</v>
      </c>
      <c r="AT63" s="195">
        <v>349</v>
      </c>
      <c r="AU63" s="178">
        <v>4.5293499999334355</v>
      </c>
      <c r="AV63" s="130">
        <v>0.23893431006782515</v>
      </c>
      <c r="AW63" s="197">
        <v>0.20455489408435101</v>
      </c>
      <c r="AX63" s="95">
        <v>4.3197835364477355E-2</v>
      </c>
      <c r="AY63" s="197">
        <v>0.1023696457924558</v>
      </c>
      <c r="AZ63" s="95">
        <v>3.2888002411463779E-2</v>
      </c>
      <c r="BA63" s="197">
        <v>0.35670626960695906</v>
      </c>
      <c r="BB63" s="95">
        <v>5.1043458634179556E-2</v>
      </c>
      <c r="BC63" s="197">
        <v>0.33636919051623343</v>
      </c>
      <c r="BD63" s="95">
        <v>5.0361674357705027E-2</v>
      </c>
    </row>
    <row r="64" spans="1:56">
      <c r="A64" s="43" t="s">
        <v>575</v>
      </c>
      <c r="B64" s="52">
        <v>937</v>
      </c>
      <c r="C64" s="82">
        <v>5.317916855928476</v>
      </c>
      <c r="D64" s="83">
        <v>0.11404698006844101</v>
      </c>
      <c r="E64" s="196">
        <v>0.16453783942433639</v>
      </c>
      <c r="F64" s="92">
        <v>2.4256846583659741E-2</v>
      </c>
      <c r="G64" s="196">
        <v>8.9765754684480475E-2</v>
      </c>
      <c r="H64" s="92">
        <v>1.8798735399121573E-2</v>
      </c>
      <c r="I64" s="196">
        <v>0.74180005250942105</v>
      </c>
      <c r="J64" s="92">
        <v>2.8570530442755881E-2</v>
      </c>
      <c r="K64" s="196">
        <v>3.8963533817597306E-3</v>
      </c>
      <c r="L64" s="92">
        <v>5.037216219319505E-3</v>
      </c>
      <c r="M64" s="52">
        <v>933</v>
      </c>
      <c r="N64" s="82">
        <v>4.1467433117729318</v>
      </c>
      <c r="O64" s="83">
        <v>0.13804825915868046</v>
      </c>
      <c r="P64" s="196">
        <v>0.30283637957267162</v>
      </c>
      <c r="Q64" s="92">
        <v>3.0044981989685891E-2</v>
      </c>
      <c r="R64" s="196">
        <v>0.11508861110672761</v>
      </c>
      <c r="S64" s="92">
        <v>2.0979785820567618E-2</v>
      </c>
      <c r="T64" s="196">
        <v>0.38297297025390881</v>
      </c>
      <c r="U64" s="92">
        <v>3.1769000406755114E-2</v>
      </c>
      <c r="V64" s="196">
        <v>0.19910203906668747</v>
      </c>
      <c r="W64" s="92">
        <v>2.6153784084581969E-2</v>
      </c>
      <c r="X64" s="52">
        <v>926</v>
      </c>
      <c r="Y64" s="82">
        <v>4.4134658524864445</v>
      </c>
      <c r="Z64" s="83">
        <v>0.12996554399850943</v>
      </c>
      <c r="AA64" s="196">
        <v>0.32794896404133772</v>
      </c>
      <c r="AB64" s="92">
        <v>3.0806543815765881E-2</v>
      </c>
      <c r="AC64" s="196">
        <v>0.11911767356926886</v>
      </c>
      <c r="AD64" s="92">
        <v>2.1369649391448031E-2</v>
      </c>
      <c r="AE64" s="196">
        <v>0.53096481358435854</v>
      </c>
      <c r="AF64" s="92">
        <v>3.2728890298740224E-2</v>
      </c>
      <c r="AG64" s="196">
        <v>2.1968548805030266E-2</v>
      </c>
      <c r="AH64" s="92">
        <v>1.0042365472457215E-2</v>
      </c>
      <c r="AI64" s="52">
        <v>931</v>
      </c>
      <c r="AJ64" s="82">
        <v>5.6742544669421289</v>
      </c>
      <c r="AK64" s="83">
        <v>9.1978692806192044E-2</v>
      </c>
      <c r="AL64" s="196">
        <v>7.5982687750755382E-2</v>
      </c>
      <c r="AM64" s="92">
        <v>1.7519351486710022E-2</v>
      </c>
      <c r="AN64" s="196">
        <v>6.7772780128423749E-2</v>
      </c>
      <c r="AO64" s="92">
        <v>1.664664849249756E-2</v>
      </c>
      <c r="AP64" s="196">
        <v>0.7669242919522522</v>
      </c>
      <c r="AQ64" s="92">
        <v>2.7700439725320786E-2</v>
      </c>
      <c r="AR64" s="196">
        <v>8.9320240168566586E-2</v>
      </c>
      <c r="AS64" s="92">
        <v>1.8818822077392248E-2</v>
      </c>
      <c r="AT64" s="52">
        <v>279</v>
      </c>
      <c r="AU64" s="82">
        <v>4.8680869023600559</v>
      </c>
      <c r="AV64" s="83">
        <v>0.25161269732984182</v>
      </c>
      <c r="AW64" s="196">
        <v>9.9342351963140396E-2</v>
      </c>
      <c r="AX64" s="92">
        <v>3.6446239505434005E-2</v>
      </c>
      <c r="AY64" s="196">
        <v>8.6398925421941844E-2</v>
      </c>
      <c r="AZ64" s="92">
        <v>3.4402678766646655E-2</v>
      </c>
      <c r="BA64" s="196">
        <v>0.36303034020372954</v>
      </c>
      <c r="BB64" s="92">
        <v>5.7234981740423706E-2</v>
      </c>
      <c r="BC64" s="196">
        <v>0.45122838241118712</v>
      </c>
      <c r="BD64" s="92">
        <v>5.9168334536484034E-2</v>
      </c>
    </row>
    <row r="65" spans="1:56">
      <c r="A65" s="47" t="s">
        <v>576</v>
      </c>
      <c r="B65" s="195">
        <v>758</v>
      </c>
      <c r="C65" s="178">
        <v>4.7589534074720792</v>
      </c>
      <c r="D65" s="130">
        <v>0.14064723196528503</v>
      </c>
      <c r="E65" s="197">
        <v>0.2616055490575504</v>
      </c>
      <c r="F65" s="95">
        <v>3.1892468625975112E-2</v>
      </c>
      <c r="G65" s="197">
        <v>0.1409941546339743</v>
      </c>
      <c r="H65" s="95">
        <v>2.535463708235652E-2</v>
      </c>
      <c r="I65" s="197">
        <v>0.58928847423298913</v>
      </c>
      <c r="J65" s="95">
        <v>3.5650023007545446E-2</v>
      </c>
      <c r="K65" s="197">
        <v>8.11182207548607E-3</v>
      </c>
      <c r="L65" s="95">
        <v>7.452228432115288E-3</v>
      </c>
      <c r="M65" s="195">
        <v>755</v>
      </c>
      <c r="N65" s="178">
        <v>3.9059807394409307</v>
      </c>
      <c r="O65" s="130">
        <v>0.15576251203896796</v>
      </c>
      <c r="P65" s="197">
        <v>0.35338863883379951</v>
      </c>
      <c r="Q65" s="95">
        <v>3.4719358346599914E-2</v>
      </c>
      <c r="R65" s="197">
        <v>0.1686040588985438</v>
      </c>
      <c r="S65" s="95">
        <v>2.7291549172902427E-2</v>
      </c>
      <c r="T65" s="197">
        <v>0.34916334332795107</v>
      </c>
      <c r="U65" s="95">
        <v>3.4624846431872712E-2</v>
      </c>
      <c r="V65" s="197">
        <v>0.12884395893970546</v>
      </c>
      <c r="W65" s="95">
        <v>2.4477824579992112E-2</v>
      </c>
      <c r="X65" s="195">
        <v>755</v>
      </c>
      <c r="Y65" s="178">
        <v>3.9801020222981358</v>
      </c>
      <c r="Z65" s="130">
        <v>0.15217110915909748</v>
      </c>
      <c r="AA65" s="197">
        <v>0.4147490912727943</v>
      </c>
      <c r="AB65" s="95">
        <v>3.5771834688770709E-2</v>
      </c>
      <c r="AC65" s="197">
        <v>0.11565507042317046</v>
      </c>
      <c r="AD65" s="95">
        <v>2.3392382933512441E-2</v>
      </c>
      <c r="AE65" s="197">
        <v>0.43191700751058376</v>
      </c>
      <c r="AF65" s="95">
        <v>3.5963195521620993E-2</v>
      </c>
      <c r="AG65" s="197">
        <v>3.7678830793451142E-2</v>
      </c>
      <c r="AH65" s="95">
        <v>1.4245368749034426E-2</v>
      </c>
      <c r="AI65" s="195">
        <v>756</v>
      </c>
      <c r="AJ65" s="178">
        <v>5.1759062874501005</v>
      </c>
      <c r="AK65" s="130">
        <v>0.11905033188975306</v>
      </c>
      <c r="AL65" s="197">
        <v>0.14348619999448928</v>
      </c>
      <c r="AM65" s="95">
        <v>2.5570573785289361E-2</v>
      </c>
      <c r="AN65" s="197">
        <v>0.12281893416833894</v>
      </c>
      <c r="AO65" s="95">
        <v>2.397674694549912E-2</v>
      </c>
      <c r="AP65" s="197">
        <v>0.65514623269637406</v>
      </c>
      <c r="AQ65" s="95">
        <v>3.450265831510145E-2</v>
      </c>
      <c r="AR65" s="197">
        <v>7.85486331407977E-2</v>
      </c>
      <c r="AS65" s="95">
        <v>1.9767533527329826E-2</v>
      </c>
      <c r="AT65" s="195">
        <v>428</v>
      </c>
      <c r="AU65" s="178">
        <v>4.684744305236376</v>
      </c>
      <c r="AV65" s="130">
        <v>0.20063344010031167</v>
      </c>
      <c r="AW65" s="197">
        <v>0.19139750839955827</v>
      </c>
      <c r="AX65" s="95">
        <v>3.80691327279509E-2</v>
      </c>
      <c r="AY65" s="197">
        <v>0.11775236382272364</v>
      </c>
      <c r="AZ65" s="95">
        <v>3.1414201024013343E-2</v>
      </c>
      <c r="BA65" s="197">
        <v>0.47004671906862333</v>
      </c>
      <c r="BB65" s="95">
        <v>4.8027706012230269E-2</v>
      </c>
      <c r="BC65" s="197">
        <v>0.22080340870909404</v>
      </c>
      <c r="BD65" s="95">
        <v>4.0079332504344332E-2</v>
      </c>
    </row>
    <row r="66" spans="1:56">
      <c r="A66" s="55" t="s">
        <v>577</v>
      </c>
      <c r="B66" s="194">
        <v>771</v>
      </c>
      <c r="C66" s="82">
        <v>5.067479694446182</v>
      </c>
      <c r="D66" s="83">
        <v>0.12823824965244762</v>
      </c>
      <c r="E66" s="196">
        <v>0.18373494807673904</v>
      </c>
      <c r="F66" s="92">
        <v>2.7917505565122066E-2</v>
      </c>
      <c r="G66" s="196">
        <v>0.12206344290918812</v>
      </c>
      <c r="H66" s="92">
        <v>2.3678991954454956E-2</v>
      </c>
      <c r="I66" s="196">
        <v>0.69165906447608061</v>
      </c>
      <c r="J66" s="92">
        <v>3.3206684586274161E-2</v>
      </c>
      <c r="K66" s="196">
        <v>2.5425445379900118E-3</v>
      </c>
      <c r="L66" s="92">
        <v>5.1224762686981557E-3</v>
      </c>
      <c r="M66" s="194">
        <v>770</v>
      </c>
      <c r="N66" s="82">
        <v>4.0248518216135549</v>
      </c>
      <c r="O66" s="83">
        <v>0.15304309321670881</v>
      </c>
      <c r="P66" s="196">
        <v>0.30904076660296742</v>
      </c>
      <c r="Q66" s="92">
        <v>3.324876877331924E-2</v>
      </c>
      <c r="R66" s="196">
        <v>0.14738655043738699</v>
      </c>
      <c r="S66" s="92">
        <v>2.5613461777272507E-2</v>
      </c>
      <c r="T66" s="196">
        <v>0.34087594124532861</v>
      </c>
      <c r="U66" s="92">
        <v>3.4095213082154879E-2</v>
      </c>
      <c r="V66" s="196">
        <v>0.20269674171431334</v>
      </c>
      <c r="W66" s="92">
        <v>2.8981148258861292E-2</v>
      </c>
      <c r="X66" s="194">
        <v>766</v>
      </c>
      <c r="Y66" s="82">
        <v>4.1768553529537567</v>
      </c>
      <c r="Z66" s="83">
        <v>0.13855352012338873</v>
      </c>
      <c r="AA66" s="196">
        <v>0.37209227107474308</v>
      </c>
      <c r="AB66" s="92">
        <v>3.4851011234112647E-2</v>
      </c>
      <c r="AC66" s="196">
        <v>0.14298882968480425</v>
      </c>
      <c r="AD66" s="92">
        <v>2.5366284304259367E-2</v>
      </c>
      <c r="AE66" s="196">
        <v>0.43963440106685731</v>
      </c>
      <c r="AF66" s="92">
        <v>3.5776634319794519E-2</v>
      </c>
      <c r="AG66" s="196">
        <v>4.5284498173591183E-2</v>
      </c>
      <c r="AH66" s="92">
        <v>1.5353235242146273E-2</v>
      </c>
      <c r="AI66" s="194">
        <v>764</v>
      </c>
      <c r="AJ66" s="82">
        <v>5.3437043006019476</v>
      </c>
      <c r="AK66" s="83">
        <v>0.10852130060364325</v>
      </c>
      <c r="AL66" s="196">
        <v>0.12284367965308973</v>
      </c>
      <c r="AM66" s="92">
        <v>2.385186376428897E-2</v>
      </c>
      <c r="AN66" s="196">
        <v>0.10015233770492361</v>
      </c>
      <c r="AO66" s="92">
        <v>2.1864033847973627E-2</v>
      </c>
      <c r="AP66" s="196">
        <v>0.70321256532380161</v>
      </c>
      <c r="AQ66" s="92">
        <v>3.3003605622787514E-2</v>
      </c>
      <c r="AR66" s="196">
        <v>7.3791417318183367E-2</v>
      </c>
      <c r="AS66" s="92">
        <v>1.9125890910533429E-2</v>
      </c>
      <c r="AT66" s="194">
        <v>329</v>
      </c>
      <c r="AU66" s="82">
        <v>4.5301475741247073</v>
      </c>
      <c r="AV66" s="83">
        <v>0.23177895948431312</v>
      </c>
      <c r="AW66" s="196">
        <v>0.1913319288729092</v>
      </c>
      <c r="AX66" s="92">
        <v>4.342667521827074E-2</v>
      </c>
      <c r="AY66" s="196">
        <v>0.16602504899577955</v>
      </c>
      <c r="AZ66" s="92">
        <v>4.1172640311700572E-2</v>
      </c>
      <c r="BA66" s="196">
        <v>0.40783104384039404</v>
      </c>
      <c r="BB66" s="92">
        <v>5.3883172996788041E-2</v>
      </c>
      <c r="BC66" s="196">
        <v>0.23481197829091716</v>
      </c>
      <c r="BD66" s="92">
        <v>4.6673699350361787E-2</v>
      </c>
    </row>
    <row r="67" spans="1:56">
      <c r="A67" s="47" t="s">
        <v>578</v>
      </c>
      <c r="B67" s="195">
        <v>260</v>
      </c>
      <c r="C67" s="178">
        <v>5.0189370704889837</v>
      </c>
      <c r="D67" s="130">
        <v>0.22131769259582404</v>
      </c>
      <c r="E67" s="197">
        <v>0.22501797184652494</v>
      </c>
      <c r="F67" s="95">
        <v>5.173634975824138E-2</v>
      </c>
      <c r="G67" s="197">
        <v>0.1179763405392824</v>
      </c>
      <c r="H67" s="95">
        <v>4.0535601091280973E-2</v>
      </c>
      <c r="I67" s="197">
        <v>0.65224910801295366</v>
      </c>
      <c r="J67" s="95">
        <v>5.8713132296357079E-2</v>
      </c>
      <c r="K67" s="197">
        <v>4.7565796012394275E-3</v>
      </c>
      <c r="L67" s="95">
        <v>1.3545631982325189E-2</v>
      </c>
      <c r="M67" s="195">
        <v>259</v>
      </c>
      <c r="N67" s="178">
        <v>4.0144131103080971</v>
      </c>
      <c r="O67" s="130">
        <v>0.25187099722468687</v>
      </c>
      <c r="P67" s="197">
        <v>0.37080315721456469</v>
      </c>
      <c r="Q67" s="95">
        <v>5.9632850160407702E-2</v>
      </c>
      <c r="R67" s="197">
        <v>0.1202917104552875</v>
      </c>
      <c r="S67" s="95">
        <v>4.0934691223142125E-2</v>
      </c>
      <c r="T67" s="197">
        <v>0.39104201450416903</v>
      </c>
      <c r="U67" s="95">
        <v>6.0226004251706135E-2</v>
      </c>
      <c r="V67" s="197">
        <v>0.11786311782597869</v>
      </c>
      <c r="W67" s="95">
        <v>4.0599979174290396E-2</v>
      </c>
      <c r="X67" s="195">
        <v>257</v>
      </c>
      <c r="Y67" s="178">
        <v>3.8291998495669852</v>
      </c>
      <c r="Z67" s="130">
        <v>0.24039510674043402</v>
      </c>
      <c r="AA67" s="197">
        <v>0.43382476956196464</v>
      </c>
      <c r="AB67" s="95">
        <v>6.1370558103557973E-2</v>
      </c>
      <c r="AC67" s="197">
        <v>0.13876517296641086</v>
      </c>
      <c r="AD67" s="95">
        <v>4.350161180617465E-2</v>
      </c>
      <c r="AE67" s="197">
        <v>0.39647395287158643</v>
      </c>
      <c r="AF67" s="95">
        <v>6.0598338477280862E-2</v>
      </c>
      <c r="AG67" s="197">
        <v>3.0936104600037959E-2</v>
      </c>
      <c r="AH67" s="95">
        <v>2.3706804607502321E-2</v>
      </c>
      <c r="AI67" s="195">
        <v>257</v>
      </c>
      <c r="AJ67" s="178">
        <v>5.3222884291046091</v>
      </c>
      <c r="AK67" s="130">
        <v>0.18231766094004129</v>
      </c>
      <c r="AL67" s="197">
        <v>0.129335176983254</v>
      </c>
      <c r="AM67" s="95">
        <v>4.2306413816681147E-2</v>
      </c>
      <c r="AN67" s="197">
        <v>8.4199766286333091E-2</v>
      </c>
      <c r="AO67" s="95">
        <v>3.5529678535400802E-2</v>
      </c>
      <c r="AP67" s="197">
        <v>0.71936192146680922</v>
      </c>
      <c r="AQ67" s="95">
        <v>5.5824571572672954E-2</v>
      </c>
      <c r="AR67" s="197">
        <v>6.710313526360398E-2</v>
      </c>
      <c r="AS67" s="95">
        <v>3.2353493121954548E-2</v>
      </c>
      <c r="AT67" s="195">
        <v>133</v>
      </c>
      <c r="AU67" s="178">
        <v>5.009597024839791</v>
      </c>
      <c r="AV67" s="130">
        <v>0.36041160532441963</v>
      </c>
      <c r="AW67" s="197">
        <v>0.17738440013890661</v>
      </c>
      <c r="AX67" s="95">
        <v>6.6597858719699921E-2</v>
      </c>
      <c r="AY67" s="197">
        <v>0.10373621210976344</v>
      </c>
      <c r="AZ67" s="95">
        <v>5.4574798026085163E-2</v>
      </c>
      <c r="BA67" s="197">
        <v>0.49798868709304223</v>
      </c>
      <c r="BB67" s="95">
        <v>8.5435114304113324E-2</v>
      </c>
      <c r="BC67" s="197">
        <v>0.2208907006582875</v>
      </c>
      <c r="BD67" s="95">
        <v>7.1802773647974605E-2</v>
      </c>
    </row>
    <row r="68" spans="1:56">
      <c r="A68" s="55" t="s">
        <v>579</v>
      </c>
      <c r="B68" s="194">
        <v>221</v>
      </c>
      <c r="C68" s="82">
        <v>5.0238608160591198</v>
      </c>
      <c r="D68" s="83">
        <v>0.23721438677754755</v>
      </c>
      <c r="E68" s="196">
        <v>0.20347633390537548</v>
      </c>
      <c r="F68" s="92">
        <v>5.4188509531179894E-2</v>
      </c>
      <c r="G68" s="196">
        <v>0.11953981847278543</v>
      </c>
      <c r="H68" s="92">
        <v>4.4292154714246017E-2</v>
      </c>
      <c r="I68" s="196">
        <v>0.67698384762183939</v>
      </c>
      <c r="J68" s="92">
        <v>6.25076755722907E-2</v>
      </c>
      <c r="K68" s="196">
        <v>0</v>
      </c>
      <c r="L68" s="92">
        <v>1.2514792344855039E-2</v>
      </c>
      <c r="M68" s="194">
        <v>219</v>
      </c>
      <c r="N68" s="82">
        <v>3.8998535128606115</v>
      </c>
      <c r="O68" s="83">
        <v>0.27256410322624414</v>
      </c>
      <c r="P68" s="196">
        <v>0.3745962410650745</v>
      </c>
      <c r="Q68" s="92">
        <v>6.4901857966643897E-2</v>
      </c>
      <c r="R68" s="196">
        <v>0.15508293450767319</v>
      </c>
      <c r="S68" s="92">
        <v>4.9256688926924329E-2</v>
      </c>
      <c r="T68" s="196">
        <v>0.36014467776794457</v>
      </c>
      <c r="U68" s="92">
        <v>6.438893621223736E-2</v>
      </c>
      <c r="V68" s="196">
        <v>0.1101761466593081</v>
      </c>
      <c r="W68" s="92">
        <v>4.307466553924448E-2</v>
      </c>
      <c r="X68" s="194">
        <v>220</v>
      </c>
      <c r="Y68" s="82">
        <v>4.0872704887300513</v>
      </c>
      <c r="Z68" s="83">
        <v>0.27132811823730291</v>
      </c>
      <c r="AA68" s="196">
        <v>0.37014492046351727</v>
      </c>
      <c r="AB68" s="92">
        <v>6.4605189390329096E-2</v>
      </c>
      <c r="AC68" s="196">
        <v>0.13849330174744823</v>
      </c>
      <c r="AD68" s="92">
        <v>4.7044551474553727E-2</v>
      </c>
      <c r="AE68" s="196">
        <v>0.46994215892201024</v>
      </c>
      <c r="AF68" s="92">
        <v>6.6698750391754713E-2</v>
      </c>
      <c r="AG68" s="196">
        <v>2.1419618867024637E-2</v>
      </c>
      <c r="AH68" s="92">
        <v>2.2783042761621405E-2</v>
      </c>
      <c r="AI68" s="194">
        <v>221</v>
      </c>
      <c r="AJ68" s="82">
        <v>5.315367954996181</v>
      </c>
      <c r="AK68" s="83">
        <v>0.22269916866893535</v>
      </c>
      <c r="AL68" s="196">
        <v>0.11309211647971583</v>
      </c>
      <c r="AM68" s="92">
        <v>4.3323601585606039E-2</v>
      </c>
      <c r="AN68" s="196">
        <v>0.11189536073428209</v>
      </c>
      <c r="AO68" s="92">
        <v>4.3139617684173417E-2</v>
      </c>
      <c r="AP68" s="196">
        <v>0.70738279692239958</v>
      </c>
      <c r="AQ68" s="92">
        <v>6.0883559975963959E-2</v>
      </c>
      <c r="AR68" s="196">
        <v>6.7629725863602483E-2</v>
      </c>
      <c r="AS68" s="92">
        <v>3.5186806160289914E-2</v>
      </c>
      <c r="AT68" s="194">
        <v>119</v>
      </c>
      <c r="AU68" s="82">
        <v>4.4658790257037859</v>
      </c>
      <c r="AV68" s="83">
        <v>0.39758813437306856</v>
      </c>
      <c r="AW68" s="196">
        <v>0.22730124300251234</v>
      </c>
      <c r="AX68" s="92">
        <v>7.6592781245114455E-2</v>
      </c>
      <c r="AY68" s="196">
        <v>0.16367110834958012</v>
      </c>
      <c r="AZ68" s="92">
        <v>6.8460530071870862E-2</v>
      </c>
      <c r="BA68" s="196">
        <v>0.41983890841443122</v>
      </c>
      <c r="BB68" s="92">
        <v>8.9075713095649114E-2</v>
      </c>
      <c r="BC68" s="196">
        <v>0.18918874023347709</v>
      </c>
      <c r="BD68" s="92">
        <v>7.2038237151733214E-2</v>
      </c>
    </row>
    <row r="69" spans="1:56">
      <c r="A69" s="47" t="s">
        <v>580</v>
      </c>
      <c r="B69" s="195">
        <v>223</v>
      </c>
      <c r="C69" s="178">
        <v>4.9785699327989015</v>
      </c>
      <c r="D69" s="130">
        <v>0.22865285954370831</v>
      </c>
      <c r="E69" s="197">
        <v>0.20842695839207334</v>
      </c>
      <c r="F69" s="95">
        <v>5.4401814162988317E-2</v>
      </c>
      <c r="G69" s="197">
        <v>8.9918931368801067E-2</v>
      </c>
      <c r="H69" s="95">
        <v>3.9313015351373028E-2</v>
      </c>
      <c r="I69" s="197">
        <v>0.69004343401971591</v>
      </c>
      <c r="J69" s="95">
        <v>6.1571935261536002E-2</v>
      </c>
      <c r="K69" s="197">
        <v>1.1610676219409947E-2</v>
      </c>
      <c r="L69" s="95">
        <v>1.8682575610223965E-2</v>
      </c>
      <c r="M69" s="195">
        <v>223</v>
      </c>
      <c r="N69" s="178">
        <v>3.9595894809396714</v>
      </c>
      <c r="O69" s="130">
        <v>0.27428003216909536</v>
      </c>
      <c r="P69" s="197">
        <v>0.37335832376992234</v>
      </c>
      <c r="Q69" s="95">
        <v>6.4284900812523554E-2</v>
      </c>
      <c r="R69" s="197">
        <v>0.14818457321518252</v>
      </c>
      <c r="S69" s="95">
        <v>4.7962826217748833E-2</v>
      </c>
      <c r="T69" s="197">
        <v>0.36108876838958026</v>
      </c>
      <c r="U69" s="95">
        <v>6.385249038870755E-2</v>
      </c>
      <c r="V69" s="197">
        <v>0.11736833462531492</v>
      </c>
      <c r="W69" s="95">
        <v>4.3766957210361064E-2</v>
      </c>
      <c r="X69" s="195">
        <v>220</v>
      </c>
      <c r="Y69" s="178">
        <v>3.9001953144405981</v>
      </c>
      <c r="Z69" s="130">
        <v>0.26225835402352971</v>
      </c>
      <c r="AA69" s="197">
        <v>0.43734373766323492</v>
      </c>
      <c r="AB69" s="95">
        <v>6.6307340190875447E-2</v>
      </c>
      <c r="AC69" s="197">
        <v>0.10421935680349473</v>
      </c>
      <c r="AD69" s="95">
        <v>4.2025099055619804E-2</v>
      </c>
      <c r="AE69" s="197">
        <v>0.43424578762813515</v>
      </c>
      <c r="AF69" s="95">
        <v>6.625564931764516E-2</v>
      </c>
      <c r="AG69" s="197">
        <v>2.4191117905135347E-2</v>
      </c>
      <c r="AH69" s="95">
        <v>2.3761921452208037E-2</v>
      </c>
      <c r="AI69" s="195">
        <v>223</v>
      </c>
      <c r="AJ69" s="178">
        <v>5.0692942792444713</v>
      </c>
      <c r="AK69" s="130">
        <v>0.21289378097302419</v>
      </c>
      <c r="AL69" s="197">
        <v>0.17400814477223772</v>
      </c>
      <c r="AM69" s="95">
        <v>5.0971450126399025E-2</v>
      </c>
      <c r="AN69" s="197">
        <v>0.11608129860219515</v>
      </c>
      <c r="AO69" s="95">
        <v>4.3574868749256264E-2</v>
      </c>
      <c r="AP69" s="197">
        <v>0.67523491796353019</v>
      </c>
      <c r="AQ69" s="95">
        <v>6.2314448234649239E-2</v>
      </c>
      <c r="AR69" s="197">
        <v>3.4675638662037225E-2</v>
      </c>
      <c r="AS69" s="95">
        <v>2.6890839941632522E-2</v>
      </c>
      <c r="AT69" s="195">
        <v>117</v>
      </c>
      <c r="AU69" s="178">
        <v>4.835226959995417</v>
      </c>
      <c r="AV69" s="130">
        <v>0.38975039808448886</v>
      </c>
      <c r="AW69" s="197">
        <v>0.23770129681426153</v>
      </c>
      <c r="AX69" s="95">
        <v>7.8345073557689215E-2</v>
      </c>
      <c r="AY69" s="197">
        <v>6.4788205334584875E-2</v>
      </c>
      <c r="AZ69" s="95">
        <v>4.909314222299542E-2</v>
      </c>
      <c r="BA69" s="197">
        <v>0.56348347851713021</v>
      </c>
      <c r="BB69" s="95">
        <v>9.0221380627761388E-2</v>
      </c>
      <c r="BC69" s="197">
        <v>0.13402701933402256</v>
      </c>
      <c r="BD69" s="95">
        <v>6.4223961563780019E-2</v>
      </c>
    </row>
    <row r="70" spans="1:56">
      <c r="A70" s="55" t="s">
        <v>581</v>
      </c>
      <c r="B70" s="194">
        <v>123</v>
      </c>
      <c r="C70" s="82">
        <v>5.07394995431721</v>
      </c>
      <c r="D70" s="83">
        <v>0.3013931087729198</v>
      </c>
      <c r="E70" s="196">
        <v>0.19370012898321995</v>
      </c>
      <c r="F70" s="92">
        <v>7.1430207450156283E-2</v>
      </c>
      <c r="G70" s="196">
        <v>0.11514414761855982</v>
      </c>
      <c r="H70" s="92">
        <v>5.9145905519161567E-2</v>
      </c>
      <c r="I70" s="196">
        <v>0.69115572339822107</v>
      </c>
      <c r="J70" s="92">
        <v>8.2428686543831661E-2</v>
      </c>
      <c r="K70" s="196">
        <v>0</v>
      </c>
      <c r="L70" s="92">
        <v>2.2095020994736762E-2</v>
      </c>
      <c r="M70" s="194">
        <v>121</v>
      </c>
      <c r="N70" s="82">
        <v>3.9645441725744512</v>
      </c>
      <c r="O70" s="83">
        <v>0.35880054201097361</v>
      </c>
      <c r="P70" s="196">
        <v>0.32912196734513288</v>
      </c>
      <c r="Q70" s="92">
        <v>8.4406550115786627E-2</v>
      </c>
      <c r="R70" s="196">
        <v>0.10360799317793649</v>
      </c>
      <c r="S70" s="92">
        <v>5.73462698050183E-2</v>
      </c>
      <c r="T70" s="196">
        <v>0.35956256923134911</v>
      </c>
      <c r="U70" s="92">
        <v>8.6073342312892209E-2</v>
      </c>
      <c r="V70" s="196">
        <v>0.20770747024558189</v>
      </c>
      <c r="W70" s="92">
        <v>7.3744516109601366E-2</v>
      </c>
      <c r="X70" s="194">
        <v>123</v>
      </c>
      <c r="Y70" s="82">
        <v>4.2662875829923532</v>
      </c>
      <c r="Z70" s="83">
        <v>0.31636786852167559</v>
      </c>
      <c r="AA70" s="196">
        <v>0.31356032183467147</v>
      </c>
      <c r="AB70" s="92">
        <v>8.2747192152315671E-2</v>
      </c>
      <c r="AC70" s="196">
        <v>0.19256972295208477</v>
      </c>
      <c r="AD70" s="92">
        <v>7.1286593749999808E-2</v>
      </c>
      <c r="AE70" s="196">
        <v>0.45872658462153287</v>
      </c>
      <c r="AF70" s="92">
        <v>8.8451618889567749E-2</v>
      </c>
      <c r="AG70" s="196">
        <v>3.5143370591711326E-2</v>
      </c>
      <c r="AH70" s="92">
        <v>3.8599916533991349E-2</v>
      </c>
      <c r="AI70" s="194">
        <v>121</v>
      </c>
      <c r="AJ70" s="82">
        <v>5.5225620933092188</v>
      </c>
      <c r="AK70" s="83">
        <v>0.2711675691811482</v>
      </c>
      <c r="AL70" s="196">
        <v>0.10243271811913297</v>
      </c>
      <c r="AM70" s="92">
        <v>5.7101797321543475E-2</v>
      </c>
      <c r="AN70" s="196">
        <v>0.10125883851347008</v>
      </c>
      <c r="AO70" s="92">
        <v>5.6855838649397854E-2</v>
      </c>
      <c r="AP70" s="196">
        <v>0.7395126985907382</v>
      </c>
      <c r="AQ70" s="92">
        <v>7.9245717994062395E-2</v>
      </c>
      <c r="AR70" s="196">
        <v>5.6795744776659669E-2</v>
      </c>
      <c r="AS70" s="92">
        <v>4.5935734091208297E-2</v>
      </c>
      <c r="AT70" s="194">
        <v>51</v>
      </c>
      <c r="AU70" s="82">
        <v>4.9050421587368822</v>
      </c>
      <c r="AV70" s="83">
        <v>0.59058903531285789</v>
      </c>
      <c r="AW70" s="196">
        <v>0.11353954174572975</v>
      </c>
      <c r="AX70" s="92">
        <v>9.4033741118863742E-2</v>
      </c>
      <c r="AY70" s="196">
        <v>9.697459157801662E-2</v>
      </c>
      <c r="AZ70" s="92">
        <v>8.9579825322413389E-2</v>
      </c>
      <c r="BA70" s="196">
        <v>0.42514780211270642</v>
      </c>
      <c r="BB70" s="92">
        <v>0.13353446236196215</v>
      </c>
      <c r="BC70" s="196">
        <v>0.36433806456354739</v>
      </c>
      <c r="BD70" s="92">
        <v>0.13050265445864984</v>
      </c>
    </row>
    <row r="71" spans="1:56">
      <c r="A71" s="47" t="s">
        <v>584</v>
      </c>
      <c r="B71" s="195">
        <v>116</v>
      </c>
      <c r="C71" s="178">
        <v>5.2386294105494642</v>
      </c>
      <c r="D71" s="130">
        <v>0.29270523771101936</v>
      </c>
      <c r="E71" s="197">
        <v>0.11747943100637985</v>
      </c>
      <c r="F71" s="95">
        <v>6.1446516950261335E-2</v>
      </c>
      <c r="G71" s="197">
        <v>0.21182048409742513</v>
      </c>
      <c r="H71" s="95">
        <v>7.5806065554859456E-2</v>
      </c>
      <c r="I71" s="197">
        <v>0.66711578390929194</v>
      </c>
      <c r="J71" s="95">
        <v>8.6391189691449863E-2</v>
      </c>
      <c r="K71" s="197">
        <v>3.5843009869029564E-3</v>
      </c>
      <c r="L71" s="95">
        <v>2.5642551891972426E-2</v>
      </c>
      <c r="M71" s="195">
        <v>116</v>
      </c>
      <c r="N71" s="178">
        <v>5.1002049555347924</v>
      </c>
      <c r="O71" s="130">
        <v>0.30248477003386703</v>
      </c>
      <c r="P71" s="197">
        <v>0.12679930943876344</v>
      </c>
      <c r="Q71" s="95">
        <v>6.3206471386577992E-2</v>
      </c>
      <c r="R71" s="197">
        <v>0.23160466478600367</v>
      </c>
      <c r="S71" s="95">
        <v>7.8035527743064811E-2</v>
      </c>
      <c r="T71" s="197">
        <v>0.61485127254998173</v>
      </c>
      <c r="U71" s="95">
        <v>8.9008223662481609E-2</v>
      </c>
      <c r="V71" s="197">
        <v>2.6744753225251178E-2</v>
      </c>
      <c r="W71" s="95">
        <v>3.6838378461691641E-2</v>
      </c>
      <c r="X71" s="195">
        <v>115</v>
      </c>
      <c r="Y71" s="178">
        <v>4.9665749257522229</v>
      </c>
      <c r="Z71" s="130">
        <v>0.3044276269692453</v>
      </c>
      <c r="AA71" s="197">
        <v>0.18263221268662591</v>
      </c>
      <c r="AB71" s="95">
        <v>7.2398322322421424E-2</v>
      </c>
      <c r="AC71" s="197">
        <v>0.16789295916509761</v>
      </c>
      <c r="AD71" s="95">
        <v>7.0292328555237635E-2</v>
      </c>
      <c r="AE71" s="197">
        <v>0.62322354702842309</v>
      </c>
      <c r="AF71" s="95">
        <v>8.9032064383270784E-2</v>
      </c>
      <c r="AG71" s="197">
        <v>2.6251281119853451E-2</v>
      </c>
      <c r="AH71" s="95">
        <v>3.6849375859251549E-2</v>
      </c>
      <c r="AI71" s="195">
        <v>115</v>
      </c>
      <c r="AJ71" s="178">
        <v>5.1470723772645384</v>
      </c>
      <c r="AK71" s="130">
        <v>0.28462292991386201</v>
      </c>
      <c r="AL71" s="197">
        <v>0.14810496818112084</v>
      </c>
      <c r="AM71" s="95">
        <v>6.7202113046249387E-2</v>
      </c>
      <c r="AN71" s="197">
        <v>0.10578976177617953</v>
      </c>
      <c r="AO71" s="95">
        <v>5.9372030094063527E-2</v>
      </c>
      <c r="AP71" s="197">
        <v>0.73219580745195245</v>
      </c>
      <c r="AQ71" s="95">
        <v>8.1919969378283067E-2</v>
      </c>
      <c r="AR71" s="197">
        <v>1.3909462590747166E-2</v>
      </c>
      <c r="AS71" s="95">
        <v>3.1400722615275468E-2</v>
      </c>
      <c r="AT71" s="195">
        <v>110</v>
      </c>
      <c r="AU71" s="178">
        <v>5.3017617098111591</v>
      </c>
      <c r="AV71" s="130">
        <v>0.27823520092614418</v>
      </c>
      <c r="AW71" s="197">
        <v>0.10829724768806143</v>
      </c>
      <c r="AX71" s="95">
        <v>6.131516181741925E-2</v>
      </c>
      <c r="AY71" s="197">
        <v>0.19610259905150473</v>
      </c>
      <c r="AZ71" s="95">
        <v>7.5860820208657143E-2</v>
      </c>
      <c r="BA71" s="197">
        <v>0.67310816558677133</v>
      </c>
      <c r="BB71" s="95">
        <v>8.8277786788128365E-2</v>
      </c>
      <c r="BC71" s="197">
        <v>2.2491987673662683E-2</v>
      </c>
      <c r="BD71" s="95">
        <v>3.6373479283084827E-2</v>
      </c>
    </row>
    <row r="72" spans="1:56">
      <c r="A72" s="55" t="s">
        <v>585</v>
      </c>
      <c r="B72" s="194">
        <v>2267</v>
      </c>
      <c r="C72" s="82">
        <v>4.903105315095126</v>
      </c>
      <c r="D72" s="83">
        <v>7.7013634729914335E-2</v>
      </c>
      <c r="E72" s="196">
        <v>0.2378634745343077</v>
      </c>
      <c r="F72" s="92">
        <v>1.7880975012811145E-2</v>
      </c>
      <c r="G72" s="196">
        <v>0.1093809287440812</v>
      </c>
      <c r="H72" s="92">
        <v>1.313505830698735E-2</v>
      </c>
      <c r="I72" s="196">
        <v>0.64731617197663349</v>
      </c>
      <c r="J72" s="92">
        <v>2.0056034558292513E-2</v>
      </c>
      <c r="K72" s="196">
        <v>5.4394247449735403E-3</v>
      </c>
      <c r="L72" s="92">
        <v>3.3233732672355194E-3</v>
      </c>
      <c r="M72" s="194">
        <v>2258</v>
      </c>
      <c r="N72" s="82">
        <v>3.7438786113045679</v>
      </c>
      <c r="O72" s="83">
        <v>8.7826043718215729E-2</v>
      </c>
      <c r="P72" s="196">
        <v>0.38133528851376997</v>
      </c>
      <c r="Q72" s="92">
        <v>2.0427285522390527E-2</v>
      </c>
      <c r="R72" s="196">
        <v>0.13326525861296906</v>
      </c>
      <c r="S72" s="92">
        <v>1.4321116720052212E-2</v>
      </c>
      <c r="T72" s="196">
        <v>0.31201149376115755</v>
      </c>
      <c r="U72" s="92">
        <v>1.9488834528727562E-2</v>
      </c>
      <c r="V72" s="196">
        <v>0.17338795911210064</v>
      </c>
      <c r="W72" s="92">
        <v>1.5940956454775439E-2</v>
      </c>
      <c r="X72" s="194">
        <v>2253</v>
      </c>
      <c r="Y72" s="82">
        <v>3.8590543658424501</v>
      </c>
      <c r="Z72" s="83">
        <v>8.366752460809819E-2</v>
      </c>
      <c r="AA72" s="196">
        <v>0.43811103561818976</v>
      </c>
      <c r="AB72" s="92">
        <v>2.0887839831808513E-2</v>
      </c>
      <c r="AC72" s="196">
        <v>0.12418471057531195</v>
      </c>
      <c r="AD72" s="92">
        <v>1.3915565603816472E-2</v>
      </c>
      <c r="AE72" s="196">
        <v>0.39827372747141149</v>
      </c>
      <c r="AF72" s="92">
        <v>2.0610462415478138E-2</v>
      </c>
      <c r="AG72" s="196">
        <v>3.9430526335083975E-2</v>
      </c>
      <c r="AH72" s="92">
        <v>8.2738865142130205E-3</v>
      </c>
      <c r="AI72" s="194">
        <v>2254</v>
      </c>
      <c r="AJ72" s="82">
        <v>5.2902828581666919</v>
      </c>
      <c r="AK72" s="83">
        <v>6.605759428404076E-2</v>
      </c>
      <c r="AL72" s="196">
        <v>0.13078967543288486</v>
      </c>
      <c r="AM72" s="92">
        <v>1.4221222635667424E-2</v>
      </c>
      <c r="AN72" s="196">
        <v>0.10643035925309668</v>
      </c>
      <c r="AO72" s="92">
        <v>1.3017073045663049E-2</v>
      </c>
      <c r="AP72" s="196">
        <v>0.68295022183175425</v>
      </c>
      <c r="AQ72" s="92">
        <v>1.9590479461789705E-2</v>
      </c>
      <c r="AR72" s="196">
        <v>7.9829743482261128E-2</v>
      </c>
      <c r="AS72" s="92">
        <v>1.1455763586919571E-2</v>
      </c>
      <c r="AT72" s="194">
        <v>1089</v>
      </c>
      <c r="AU72" s="82">
        <v>4.4367245283071979</v>
      </c>
      <c r="AV72" s="83">
        <v>0.13042069160905836</v>
      </c>
      <c r="AW72" s="196">
        <v>0.22138388148003726</v>
      </c>
      <c r="AX72" s="92">
        <v>2.5157523421783776E-2</v>
      </c>
      <c r="AY72" s="196">
        <v>0.10270068506924675</v>
      </c>
      <c r="AZ72" s="92">
        <v>1.8478886220886788E-2</v>
      </c>
      <c r="BA72" s="196">
        <v>0.38930051523227327</v>
      </c>
      <c r="BB72" s="92">
        <v>2.9502440140340008E-2</v>
      </c>
      <c r="BC72" s="196">
        <v>0.28661491821844576</v>
      </c>
      <c r="BD72" s="92">
        <v>2.7376903626546555E-2</v>
      </c>
    </row>
    <row r="73" spans="1:56">
      <c r="A73" s="47" t="s">
        <v>620</v>
      </c>
      <c r="B73" s="195">
        <v>156</v>
      </c>
      <c r="C73" s="178">
        <v>5.1717985721563489</v>
      </c>
      <c r="D73" s="130">
        <v>0.2592408264012811</v>
      </c>
      <c r="E73" s="197">
        <v>0.19794241536640508</v>
      </c>
      <c r="F73" s="95">
        <v>6.3887817803314637E-2</v>
      </c>
      <c r="G73" s="197">
        <v>7.8894624364968025E-2</v>
      </c>
      <c r="H73" s="95">
        <v>4.5118155545979144E-2</v>
      </c>
      <c r="I73" s="197">
        <v>0.71646194192195267</v>
      </c>
      <c r="J73" s="95">
        <v>7.1668984131338223E-2</v>
      </c>
      <c r="K73" s="197">
        <v>6.701018346674241E-3</v>
      </c>
      <c r="L73" s="95">
        <v>2.1605103006286246E-2</v>
      </c>
      <c r="M73" s="195">
        <v>155</v>
      </c>
      <c r="N73" s="178">
        <v>4.0844097240312083</v>
      </c>
      <c r="O73" s="130">
        <v>0.33835936572514846</v>
      </c>
      <c r="P73" s="197">
        <v>0.33910062524984391</v>
      </c>
      <c r="Q73" s="95">
        <v>7.530192112433845E-2</v>
      </c>
      <c r="R73" s="197">
        <v>0.11903891822577096</v>
      </c>
      <c r="S73" s="95">
        <v>5.3099884187519646E-2</v>
      </c>
      <c r="T73" s="197">
        <v>0.3803850558984877</v>
      </c>
      <c r="U73" s="95">
        <v>7.711840051704362E-2</v>
      </c>
      <c r="V73" s="197">
        <v>0.16147540062589763</v>
      </c>
      <c r="W73" s="95">
        <v>5.9578086838550419E-2</v>
      </c>
      <c r="X73" s="195">
        <v>154</v>
      </c>
      <c r="Y73" s="178">
        <v>4.358533462812896</v>
      </c>
      <c r="Z73" s="130">
        <v>0.3087671232876712</v>
      </c>
      <c r="AA73" s="197">
        <v>0.32962470510836456</v>
      </c>
      <c r="AB73" s="95">
        <v>7.5039806042306922E-2</v>
      </c>
      <c r="AC73" s="197">
        <v>0.1169658316214615</v>
      </c>
      <c r="AD73" s="95">
        <v>5.2919669035543813E-2</v>
      </c>
      <c r="AE73" s="197">
        <v>0.48180130961430706</v>
      </c>
      <c r="AF73" s="95">
        <v>7.9505650564490604E-2</v>
      </c>
      <c r="AG73" s="197">
        <v>7.1608153655867257E-2</v>
      </c>
      <c r="AH73" s="95">
        <v>4.3764309605663701E-2</v>
      </c>
      <c r="AI73" s="195">
        <v>154</v>
      </c>
      <c r="AJ73" s="178">
        <v>5.3720145973942959</v>
      </c>
      <c r="AK73" s="130">
        <v>0.23209307603486556</v>
      </c>
      <c r="AL73" s="197">
        <v>0.1485751077112529</v>
      </c>
      <c r="AM73" s="95">
        <v>5.7955576266577047E-2</v>
      </c>
      <c r="AN73" s="197">
        <v>0.1115293191770399</v>
      </c>
      <c r="AO73" s="95">
        <v>5.1957819946557376E-2</v>
      </c>
      <c r="AP73" s="197">
        <v>0.72068526529948695</v>
      </c>
      <c r="AQ73" s="95">
        <v>7.1817758605289897E-2</v>
      </c>
      <c r="AR73" s="197">
        <v>1.921030781222037E-2</v>
      </c>
      <c r="AS73" s="95">
        <v>2.7740824166645556E-2</v>
      </c>
      <c r="AT73" s="195">
        <v>42</v>
      </c>
      <c r="AU73" s="178">
        <v>4.6140925189857542</v>
      </c>
      <c r="AV73" s="130">
        <v>0.62055749527201054</v>
      </c>
      <c r="AW73" s="197">
        <v>0.27370915020884573</v>
      </c>
      <c r="AX73" s="95">
        <v>0.13426479654754594</v>
      </c>
      <c r="AY73" s="197">
        <v>6.8100402347370498E-2</v>
      </c>
      <c r="AZ73" s="95">
        <v>9.0646715514267048E-2</v>
      </c>
      <c r="BA73" s="197">
        <v>0.55300859875439712</v>
      </c>
      <c r="BB73" s="95">
        <v>0.14674957129278077</v>
      </c>
      <c r="BC73" s="197">
        <v>0.10518184868938707</v>
      </c>
      <c r="BD73" s="95">
        <v>0.10217195403462472</v>
      </c>
    </row>
    <row r="74" spans="1:56">
      <c r="A74" s="55" t="s">
        <v>621</v>
      </c>
      <c r="B74" s="194">
        <v>163</v>
      </c>
      <c r="C74" s="82">
        <v>4.7629060452435432</v>
      </c>
      <c r="D74" s="83">
        <v>0.31067223174138175</v>
      </c>
      <c r="E74" s="196">
        <v>0.28799566183809244</v>
      </c>
      <c r="F74" s="92">
        <v>7.0444520004694144E-2</v>
      </c>
      <c r="G74" s="196">
        <v>0.1147883227487857</v>
      </c>
      <c r="H74" s="92">
        <v>5.1010211960491013E-2</v>
      </c>
      <c r="I74" s="196">
        <v>0.58283852359103083</v>
      </c>
      <c r="J74" s="92">
        <v>7.6363858160213488E-2</v>
      </c>
      <c r="K74" s="196">
        <v>1.4377491822091939E-2</v>
      </c>
      <c r="L74" s="92">
        <v>2.4632723384119308E-2</v>
      </c>
      <c r="M74" s="194">
        <v>163</v>
      </c>
      <c r="N74" s="82">
        <v>3.4496756057127431</v>
      </c>
      <c r="O74" s="83">
        <v>0.33235955060608352</v>
      </c>
      <c r="P74" s="196">
        <v>0.45611959798684021</v>
      </c>
      <c r="Q74" s="92">
        <v>7.7097907221189588E-2</v>
      </c>
      <c r="R74" s="196">
        <v>8.3192882944799568E-2</v>
      </c>
      <c r="S74" s="92">
        <v>4.4986882052612913E-2</v>
      </c>
      <c r="T74" s="196">
        <v>0.28403737751038555</v>
      </c>
      <c r="U74" s="92">
        <v>7.0169620460658125E-2</v>
      </c>
      <c r="V74" s="196">
        <v>0.17665014155797551</v>
      </c>
      <c r="W74" s="92">
        <v>6.0018662664828873E-2</v>
      </c>
      <c r="X74" s="194">
        <v>162</v>
      </c>
      <c r="Y74" s="82">
        <v>3.7219908288707906</v>
      </c>
      <c r="Z74" s="83">
        <v>0.3249114935986</v>
      </c>
      <c r="AA74" s="196">
        <v>0.46433463878610909</v>
      </c>
      <c r="AB74" s="92">
        <v>7.7426769988776151E-2</v>
      </c>
      <c r="AC74" s="196">
        <v>8.0419927526092588E-2</v>
      </c>
      <c r="AD74" s="92">
        <v>4.4541724632865799E-2</v>
      </c>
      <c r="AE74" s="196">
        <v>0.42777153677238483</v>
      </c>
      <c r="AF74" s="92">
        <v>7.6839911703791716E-2</v>
      </c>
      <c r="AG74" s="196">
        <v>2.7473896915414475E-2</v>
      </c>
      <c r="AH74" s="92">
        <v>2.9999985214196001E-2</v>
      </c>
      <c r="AI74" s="194">
        <v>163</v>
      </c>
      <c r="AJ74" s="82">
        <v>5.2006475122134752</v>
      </c>
      <c r="AK74" s="83">
        <v>0.24672721815594426</v>
      </c>
      <c r="AL74" s="196">
        <v>0.13441191727642954</v>
      </c>
      <c r="AM74" s="92">
        <v>5.4205484729595778E-2</v>
      </c>
      <c r="AN74" s="196">
        <v>0.11580516623694946</v>
      </c>
      <c r="AO74" s="92">
        <v>5.1184900988200534E-2</v>
      </c>
      <c r="AP74" s="196">
        <v>0.65074683848803416</v>
      </c>
      <c r="AQ74" s="92">
        <v>7.3955959957203304E-2</v>
      </c>
      <c r="AR74" s="196">
        <v>9.9036077998587865E-2</v>
      </c>
      <c r="AS74" s="92">
        <v>4.8160747240259219E-2</v>
      </c>
      <c r="AT74" s="194">
        <v>62</v>
      </c>
      <c r="AU74" s="82">
        <v>4.3967419711746318</v>
      </c>
      <c r="AV74" s="83">
        <v>0.5664600292780132</v>
      </c>
      <c r="AW74" s="196">
        <v>0.23660915706807767</v>
      </c>
      <c r="AX74" s="92">
        <v>0.10696346099947185</v>
      </c>
      <c r="AY74" s="196">
        <v>8.0922550977785349E-2</v>
      </c>
      <c r="AZ74" s="92">
        <v>7.5885475925454943E-2</v>
      </c>
      <c r="BA74" s="196">
        <v>0.34172410227005579</v>
      </c>
      <c r="BB74" s="92">
        <v>0.11752323842176318</v>
      </c>
      <c r="BC74" s="196">
        <v>0.34074418968408104</v>
      </c>
      <c r="BD74" s="92">
        <v>0.1174524172466033</v>
      </c>
    </row>
    <row r="75" spans="1:56">
      <c r="A75" s="47" t="s">
        <v>622</v>
      </c>
      <c r="B75" s="195">
        <v>999</v>
      </c>
      <c r="C75" s="178">
        <v>4.9206371715359793</v>
      </c>
      <c r="D75" s="130">
        <v>0.11506208822495424</v>
      </c>
      <c r="E75" s="197">
        <v>0.2378647212354737</v>
      </c>
      <c r="F75" s="95">
        <v>2.6928662285840607E-2</v>
      </c>
      <c r="G75" s="197">
        <v>0.10541310090792598</v>
      </c>
      <c r="H75" s="95">
        <v>1.9519713453474995E-2</v>
      </c>
      <c r="I75" s="197">
        <v>0.65380564888215931</v>
      </c>
      <c r="J75" s="95">
        <v>3.0056917061295541E-2</v>
      </c>
      <c r="K75" s="197">
        <v>2.916528974442729E-3</v>
      </c>
      <c r="L75" s="95">
        <v>4.4092336374482117E-3</v>
      </c>
      <c r="M75" s="195">
        <v>995</v>
      </c>
      <c r="N75" s="178">
        <v>3.664325507979374</v>
      </c>
      <c r="O75" s="130">
        <v>0.13244474968306816</v>
      </c>
      <c r="P75" s="197">
        <v>0.38489228977754431</v>
      </c>
      <c r="Q75" s="95">
        <v>3.0795662045838185E-2</v>
      </c>
      <c r="R75" s="197">
        <v>0.13313342853526555</v>
      </c>
      <c r="S75" s="95">
        <v>2.1596404200342808E-2</v>
      </c>
      <c r="T75" s="197">
        <v>0.28418819706230553</v>
      </c>
      <c r="U75" s="95">
        <v>2.8565818130129365E-2</v>
      </c>
      <c r="V75" s="197">
        <v>0.19778608462488453</v>
      </c>
      <c r="W75" s="95">
        <v>2.5263114513922283E-2</v>
      </c>
      <c r="X75" s="195">
        <v>995</v>
      </c>
      <c r="Y75" s="178">
        <v>3.7893474247262589</v>
      </c>
      <c r="Z75" s="130">
        <v>0.12613026453687726</v>
      </c>
      <c r="AA75" s="197">
        <v>0.46666559644535893</v>
      </c>
      <c r="AB75" s="95">
        <v>3.1568772223708332E-2</v>
      </c>
      <c r="AC75" s="197">
        <v>0.12567071022518034</v>
      </c>
      <c r="AD75" s="95">
        <v>2.1081607752029732E-2</v>
      </c>
      <c r="AE75" s="197">
        <v>0.37366738446095488</v>
      </c>
      <c r="AF75" s="95">
        <v>3.062038691131053E-2</v>
      </c>
      <c r="AG75" s="197">
        <v>3.3996308868505951E-2</v>
      </c>
      <c r="AH75" s="95">
        <v>1.1766172458457803E-2</v>
      </c>
      <c r="AI75" s="195">
        <v>994</v>
      </c>
      <c r="AJ75" s="178">
        <v>5.2943170023899757</v>
      </c>
      <c r="AK75" s="130">
        <v>0.10102400741818603</v>
      </c>
      <c r="AL75" s="197">
        <v>0.12969907235378003</v>
      </c>
      <c r="AM75" s="95">
        <v>2.1373123871531247E-2</v>
      </c>
      <c r="AN75" s="197">
        <v>9.9959885582080674E-2</v>
      </c>
      <c r="AO75" s="95">
        <v>1.9123913877768375E-2</v>
      </c>
      <c r="AP75" s="197">
        <v>0.66969485369215664</v>
      </c>
      <c r="AQ75" s="95">
        <v>2.9791124988238146E-2</v>
      </c>
      <c r="AR75" s="197">
        <v>0.10064618837198433</v>
      </c>
      <c r="AS75" s="95">
        <v>1.918086008978907E-2</v>
      </c>
      <c r="AT75" s="195">
        <v>475</v>
      </c>
      <c r="AU75" s="178">
        <v>4.264364421286051</v>
      </c>
      <c r="AV75" s="130">
        <v>0.20554250473825722</v>
      </c>
      <c r="AW75" s="197">
        <v>0.20251952994914377</v>
      </c>
      <c r="AX75" s="95">
        <v>3.6891443575483351E-2</v>
      </c>
      <c r="AY75" s="197">
        <v>0.1004465991906123</v>
      </c>
      <c r="AZ75" s="95">
        <v>2.7869696402588354E-2</v>
      </c>
      <c r="BA75" s="197">
        <v>0.31539985046181995</v>
      </c>
      <c r="BB75" s="95">
        <v>4.2518771266071391E-2</v>
      </c>
      <c r="BC75" s="197">
        <v>0.38163402039842503</v>
      </c>
      <c r="BD75" s="95">
        <v>4.4414306198715142E-2</v>
      </c>
    </row>
    <row r="76" spans="1:56">
      <c r="A76" s="55" t="s">
        <v>623</v>
      </c>
      <c r="B76" s="194">
        <v>302</v>
      </c>
      <c r="C76" s="82">
        <v>5.1197700617579756</v>
      </c>
      <c r="D76" s="83">
        <v>0.19954925952441965</v>
      </c>
      <c r="E76" s="196">
        <v>0.18295216102675835</v>
      </c>
      <c r="F76" s="92">
        <v>4.4588378569449111E-2</v>
      </c>
      <c r="G76" s="196">
        <v>0.11834491978316809</v>
      </c>
      <c r="H76" s="92">
        <v>3.7594783106629684E-2</v>
      </c>
      <c r="I76" s="196">
        <v>0.69660833250838083</v>
      </c>
      <c r="J76" s="92">
        <v>5.268591636580959E-2</v>
      </c>
      <c r="K76" s="196">
        <v>2.0945866816930092E-3</v>
      </c>
      <c r="L76" s="92">
        <v>1.0558978408121568E-2</v>
      </c>
      <c r="M76" s="194">
        <v>301</v>
      </c>
      <c r="N76" s="82">
        <v>4.0793875154724528</v>
      </c>
      <c r="O76" s="83">
        <v>0.2382152667259862</v>
      </c>
      <c r="P76" s="196">
        <v>0.2777397964046347</v>
      </c>
      <c r="Q76" s="92">
        <v>5.1455870953665578E-2</v>
      </c>
      <c r="R76" s="196">
        <v>0.1656601464235668</v>
      </c>
      <c r="S76" s="92">
        <v>4.3021862943343571E-2</v>
      </c>
      <c r="T76" s="196">
        <v>0.37877179190457722</v>
      </c>
      <c r="U76" s="92">
        <v>5.5596517169513734E-2</v>
      </c>
      <c r="V76" s="196">
        <v>0.17782826526722151</v>
      </c>
      <c r="W76" s="92">
        <v>4.4191832641892824E-2</v>
      </c>
      <c r="X76" s="194">
        <v>302</v>
      </c>
      <c r="Y76" s="82">
        <v>4.1206235460252438</v>
      </c>
      <c r="Z76" s="83">
        <v>0.22322835436305094</v>
      </c>
      <c r="AA76" s="196">
        <v>0.36229941127905396</v>
      </c>
      <c r="AB76" s="92">
        <v>5.501408400505306E-2</v>
      </c>
      <c r="AC76" s="196">
        <v>0.10178063641963028</v>
      </c>
      <c r="AD76" s="92">
        <v>3.5339638502973648E-2</v>
      </c>
      <c r="AE76" s="196">
        <v>0.4831262971239581</v>
      </c>
      <c r="AF76" s="92">
        <v>5.7134478814337301E-2</v>
      </c>
      <c r="AG76" s="196">
        <v>5.2793655177357783E-2</v>
      </c>
      <c r="AH76" s="92">
        <v>2.6862248454900286E-2</v>
      </c>
      <c r="AI76" s="194">
        <v>300</v>
      </c>
      <c r="AJ76" s="82">
        <v>5.5065751546079698</v>
      </c>
      <c r="AK76" s="83">
        <v>0.1646424494268412</v>
      </c>
      <c r="AL76" s="196">
        <v>7.106033996587717E-2</v>
      </c>
      <c r="AM76" s="92">
        <v>3.0526247517900375E-2</v>
      </c>
      <c r="AN76" s="196">
        <v>0.11251384029908175</v>
      </c>
      <c r="AO76" s="92">
        <v>3.6952971413088807E-2</v>
      </c>
      <c r="AP76" s="196">
        <v>0.76073971908842086</v>
      </c>
      <c r="AQ76" s="92">
        <v>4.9176389397649782E-2</v>
      </c>
      <c r="AR76" s="196">
        <v>5.5686100646619809E-2</v>
      </c>
      <c r="AS76" s="92">
        <v>2.756478201451211E-2</v>
      </c>
      <c r="AT76" s="194">
        <v>129</v>
      </c>
      <c r="AU76" s="82">
        <v>4.7318165704269877</v>
      </c>
      <c r="AV76" s="83">
        <v>0.37129380652588739</v>
      </c>
      <c r="AW76" s="196">
        <v>0.18476059248024068</v>
      </c>
      <c r="AX76" s="92">
        <v>6.8608451125033748E-2</v>
      </c>
      <c r="AY76" s="196">
        <v>7.4531836536749316E-2</v>
      </c>
      <c r="AZ76" s="92">
        <v>4.8959616436188742E-2</v>
      </c>
      <c r="BA76" s="196">
        <v>0.43067887734284971</v>
      </c>
      <c r="BB76" s="92">
        <v>8.5923428592911508E-2</v>
      </c>
      <c r="BC76" s="196">
        <v>0.31002869364016022</v>
      </c>
      <c r="BD76" s="92">
        <v>8.0608406868934765E-2</v>
      </c>
    </row>
    <row r="77" spans="1:56">
      <c r="A77" s="47" t="s">
        <v>624</v>
      </c>
      <c r="B77" s="195">
        <v>320</v>
      </c>
      <c r="C77" s="178">
        <v>4.5749685838820193</v>
      </c>
      <c r="D77" s="130">
        <v>0.21027355227674446</v>
      </c>
      <c r="E77" s="197">
        <v>0.30106230539434375</v>
      </c>
      <c r="F77" s="95">
        <v>5.1086340846286382E-2</v>
      </c>
      <c r="G77" s="197">
        <v>0.11026130955215707</v>
      </c>
      <c r="H77" s="95">
        <v>3.5456655227668762E-2</v>
      </c>
      <c r="I77" s="197">
        <v>0.58285529924042878</v>
      </c>
      <c r="J77" s="95">
        <v>5.4806444971241271E-2</v>
      </c>
      <c r="K77" s="197">
        <v>5.8210858130716449E-3</v>
      </c>
      <c r="L77" s="95">
        <v>1.2059484534448116E-2</v>
      </c>
      <c r="M77" s="195">
        <v>319</v>
      </c>
      <c r="N77" s="178">
        <v>3.3226703947492142</v>
      </c>
      <c r="O77" s="130">
        <v>0.21414278296146402</v>
      </c>
      <c r="P77" s="197">
        <v>0.48668533177895562</v>
      </c>
      <c r="Q77" s="95">
        <v>5.562224239023511E-2</v>
      </c>
      <c r="R77" s="197">
        <v>0.15127808318478589</v>
      </c>
      <c r="S77" s="95">
        <v>4.0337018687183028E-2</v>
      </c>
      <c r="T77" s="197">
        <v>0.23162946825026767</v>
      </c>
      <c r="U77" s="95">
        <v>4.7180577577514135E-2</v>
      </c>
      <c r="V77" s="197">
        <v>0.13040711678599209</v>
      </c>
      <c r="W77" s="95">
        <v>3.802612857709102E-2</v>
      </c>
      <c r="X77" s="195">
        <v>318</v>
      </c>
      <c r="Y77" s="178">
        <v>3.4645399984195766</v>
      </c>
      <c r="Z77" s="130">
        <v>0.20902267627649027</v>
      </c>
      <c r="AA77" s="197">
        <v>0.50683047104786627</v>
      </c>
      <c r="AB77" s="95">
        <v>5.572274941654512E-2</v>
      </c>
      <c r="AC77" s="197">
        <v>0.14682073371425117</v>
      </c>
      <c r="AD77" s="95">
        <v>3.9929157493553004E-2</v>
      </c>
      <c r="AE77" s="197">
        <v>0.30044480295197951</v>
      </c>
      <c r="AF77" s="95">
        <v>5.1216378335405613E-2</v>
      </c>
      <c r="AG77" s="197">
        <v>4.5903992285904319E-2</v>
      </c>
      <c r="AH77" s="95">
        <v>2.4643559879434809E-2</v>
      </c>
      <c r="AI77" s="195">
        <v>319</v>
      </c>
      <c r="AJ77" s="178">
        <v>5.0525157526491276</v>
      </c>
      <c r="AK77" s="130">
        <v>0.18148298263328611</v>
      </c>
      <c r="AL77" s="197">
        <v>0.1743782129718181</v>
      </c>
      <c r="AM77" s="95">
        <v>4.2605586903133104E-2</v>
      </c>
      <c r="AN77" s="197">
        <v>0.12592285377317128</v>
      </c>
      <c r="AO77" s="95">
        <v>3.7492732626161124E-2</v>
      </c>
      <c r="AP77" s="197">
        <v>0.65151346199173843</v>
      </c>
      <c r="AQ77" s="95">
        <v>5.3091279308353848E-2</v>
      </c>
      <c r="AR77" s="197">
        <v>4.8185471263273022E-2</v>
      </c>
      <c r="AS77" s="95">
        <v>2.5103706678871553E-2</v>
      </c>
      <c r="AT77" s="195">
        <v>133</v>
      </c>
      <c r="AU77" s="178">
        <v>4.2833945255908077</v>
      </c>
      <c r="AV77" s="130">
        <v>0.34943263732398294</v>
      </c>
      <c r="AW77" s="197">
        <v>0.27689422976716116</v>
      </c>
      <c r="AX77" s="95">
        <v>7.7003748346138004E-2</v>
      </c>
      <c r="AY77" s="197">
        <v>0.10844337501278035</v>
      </c>
      <c r="AZ77" s="95">
        <v>5.5501826187273957E-2</v>
      </c>
      <c r="BA77" s="197">
        <v>0.45618953213377766</v>
      </c>
      <c r="BB77" s="95">
        <v>8.5126112706254212E-2</v>
      </c>
      <c r="BC77" s="197">
        <v>0.15847286308628075</v>
      </c>
      <c r="BD77" s="95">
        <v>6.3950465042134863E-2</v>
      </c>
    </row>
    <row r="78" spans="1:56">
      <c r="A78" s="55" t="s">
        <v>625</v>
      </c>
      <c r="B78" s="194">
        <v>1197</v>
      </c>
      <c r="C78" s="82">
        <v>5.0807436407951183</v>
      </c>
      <c r="D78" s="83">
        <v>0.10022559202146684</v>
      </c>
      <c r="E78" s="196">
        <v>0.1947439889409068</v>
      </c>
      <c r="F78" s="92">
        <v>2.2898859914496271E-2</v>
      </c>
      <c r="G78" s="196">
        <v>0.12236085845021299</v>
      </c>
      <c r="H78" s="92">
        <v>1.8995336414647221E-2</v>
      </c>
      <c r="I78" s="196">
        <v>0.67793449930067451</v>
      </c>
      <c r="J78" s="92">
        <v>2.6979491285994306E-2</v>
      </c>
      <c r="K78" s="196">
        <v>4.9606533082060672E-3</v>
      </c>
      <c r="L78" s="92">
        <v>4.6762731990372137E-3</v>
      </c>
      <c r="M78" s="194">
        <v>1194</v>
      </c>
      <c r="N78" s="82">
        <v>4.1607455936375413</v>
      </c>
      <c r="O78" s="83">
        <v>0.12133803799144967</v>
      </c>
      <c r="P78" s="196">
        <v>0.30333892982552579</v>
      </c>
      <c r="Q78" s="92">
        <v>2.6579157608021445E-2</v>
      </c>
      <c r="R78" s="196">
        <v>0.15560455032565501</v>
      </c>
      <c r="S78" s="92">
        <v>2.1008186141544819E-2</v>
      </c>
      <c r="T78" s="196">
        <v>0.38966784474914418</v>
      </c>
      <c r="U78" s="92">
        <v>2.8184224020810014E-2</v>
      </c>
      <c r="V78" s="196">
        <v>0.15138867509967444</v>
      </c>
      <c r="W78" s="92">
        <v>2.0776281980391508E-2</v>
      </c>
      <c r="X78" s="194">
        <v>1190</v>
      </c>
      <c r="Y78" s="82">
        <v>4.2085375709614086</v>
      </c>
      <c r="Z78" s="83">
        <v>0.11353645564990746</v>
      </c>
      <c r="AA78" s="196">
        <v>0.36231751482266611</v>
      </c>
      <c r="AB78" s="92">
        <v>2.7828761619835628E-2</v>
      </c>
      <c r="AC78" s="196">
        <v>0.12880108180131367</v>
      </c>
      <c r="AD78" s="92">
        <v>1.9468053431339907E-2</v>
      </c>
      <c r="AE78" s="196">
        <v>0.47558255103198499</v>
      </c>
      <c r="AF78" s="92">
        <v>2.8905655826135693E-2</v>
      </c>
      <c r="AG78" s="196">
        <v>3.3298852344035422E-2</v>
      </c>
      <c r="AH78" s="92">
        <v>1.0616973469378187E-2</v>
      </c>
      <c r="AI78" s="194">
        <v>1191</v>
      </c>
      <c r="AJ78" s="82">
        <v>5.2921665599176766</v>
      </c>
      <c r="AK78" s="83">
        <v>9.0017830531525997E-2</v>
      </c>
      <c r="AL78" s="196">
        <v>0.1342514665047807</v>
      </c>
      <c r="AM78" s="92">
        <v>1.9800008970691858E-2</v>
      </c>
      <c r="AN78" s="196">
        <v>9.6218664095876538E-2</v>
      </c>
      <c r="AO78" s="92">
        <v>1.7167672546296222E-2</v>
      </c>
      <c r="AP78" s="196">
        <v>0.69756828876315746</v>
      </c>
      <c r="AQ78" s="92">
        <v>2.6590188787613482E-2</v>
      </c>
      <c r="AR78" s="196">
        <v>7.196158063618556E-2</v>
      </c>
      <c r="AS78" s="92">
        <v>1.5087761707341309E-2</v>
      </c>
      <c r="AT78" s="194">
        <v>630</v>
      </c>
      <c r="AU78" s="82">
        <v>4.7844154586182652</v>
      </c>
      <c r="AV78" s="83">
        <v>0.16633318974161754</v>
      </c>
      <c r="AW78" s="196">
        <v>0.18801302326692401</v>
      </c>
      <c r="AX78" s="92">
        <v>3.1159350772261611E-2</v>
      </c>
      <c r="AY78" s="196">
        <v>0.13477051033085016</v>
      </c>
      <c r="AZ78" s="92">
        <v>2.7318116297315138E-2</v>
      </c>
      <c r="BA78" s="196">
        <v>0.4867180288867709</v>
      </c>
      <c r="BB78" s="92">
        <v>3.9701235050157394E-2</v>
      </c>
      <c r="BC78" s="196">
        <v>0.19049843751545392</v>
      </c>
      <c r="BD78" s="92">
        <v>3.131338410287126E-2</v>
      </c>
    </row>
    <row r="79" spans="1:56">
      <c r="A79" s="47" t="s">
        <v>626</v>
      </c>
      <c r="B79" s="195">
        <v>1185</v>
      </c>
      <c r="C79" s="178">
        <v>4.6934887317001053</v>
      </c>
      <c r="D79" s="130">
        <v>0.11050631302679619</v>
      </c>
      <c r="E79" s="197">
        <v>0.27102044434730554</v>
      </c>
      <c r="F79" s="95">
        <v>2.5803850107165568E-2</v>
      </c>
      <c r="G79" s="197">
        <v>0.13020838799071618</v>
      </c>
      <c r="H79" s="95">
        <v>1.9598380406852571E-2</v>
      </c>
      <c r="I79" s="197">
        <v>0.59318410412006706</v>
      </c>
      <c r="J79" s="95">
        <v>2.849608879564983E-2</v>
      </c>
      <c r="K79" s="197">
        <v>5.5870635419116525E-3</v>
      </c>
      <c r="L79" s="95">
        <v>4.9208318996389064E-3</v>
      </c>
      <c r="M79" s="195">
        <v>1179</v>
      </c>
      <c r="N79" s="178">
        <v>3.6058006419885702</v>
      </c>
      <c r="O79" s="130">
        <v>0.12187731883834654</v>
      </c>
      <c r="P79" s="197">
        <v>0.42423553670132053</v>
      </c>
      <c r="Q79" s="95">
        <v>2.8740745065360583E-2</v>
      </c>
      <c r="R79" s="197">
        <v>0.13371718150892822</v>
      </c>
      <c r="S79" s="95">
        <v>1.9867918618233671E-2</v>
      </c>
      <c r="T79" s="197">
        <v>0.29019339070729699</v>
      </c>
      <c r="U79" s="95">
        <v>2.6409760181957682E-2</v>
      </c>
      <c r="V79" s="197">
        <v>0.15185389108245556</v>
      </c>
      <c r="W79" s="95">
        <v>2.0934430575384421E-2</v>
      </c>
      <c r="X79" s="195">
        <v>1177</v>
      </c>
      <c r="Y79" s="178">
        <v>3.6570612619686091</v>
      </c>
      <c r="Z79" s="130">
        <v>0.11725012387227342</v>
      </c>
      <c r="AA79" s="197">
        <v>0.47726506527650081</v>
      </c>
      <c r="AB79" s="95">
        <v>2.9068905152021166E-2</v>
      </c>
      <c r="AC79" s="197">
        <v>0.13026028531771611</v>
      </c>
      <c r="AD79" s="95">
        <v>1.9668464689068351E-2</v>
      </c>
      <c r="AE79" s="197">
        <v>0.34648584802454635</v>
      </c>
      <c r="AF79" s="95">
        <v>2.7703081139336502E-2</v>
      </c>
      <c r="AG79" s="197">
        <v>4.5988801381237711E-2</v>
      </c>
      <c r="AH79" s="95">
        <v>1.2382247981218324E-2</v>
      </c>
      <c r="AI79" s="195">
        <v>1177</v>
      </c>
      <c r="AJ79" s="178">
        <v>5.2199504920184223</v>
      </c>
      <c r="AK79" s="130">
        <v>9.2001097468902823E-2</v>
      </c>
      <c r="AL79" s="197">
        <v>0.13229150893275018</v>
      </c>
      <c r="AM79" s="95">
        <v>1.9796151078207608E-2</v>
      </c>
      <c r="AN79" s="197">
        <v>0.12715692909084755</v>
      </c>
      <c r="AO79" s="95">
        <v>1.9470388791728053E-2</v>
      </c>
      <c r="AP79" s="197">
        <v>0.67422883152138269</v>
      </c>
      <c r="AQ79" s="95">
        <v>2.7287759569480416E-2</v>
      </c>
      <c r="AR79" s="197">
        <v>6.6322730455020212E-2</v>
      </c>
      <c r="AS79" s="95">
        <v>1.4630171930701265E-2</v>
      </c>
      <c r="AT79" s="195">
        <v>568</v>
      </c>
      <c r="AU79" s="178">
        <v>4.5281878624262397</v>
      </c>
      <c r="AV79" s="130">
        <v>0.17802020460866627</v>
      </c>
      <c r="AW79" s="197">
        <v>0.20252739309436849</v>
      </c>
      <c r="AX79" s="95">
        <v>3.3735223908300783E-2</v>
      </c>
      <c r="AY79" s="197">
        <v>0.11039873794716973</v>
      </c>
      <c r="AZ79" s="95">
        <v>2.648741076796372E-2</v>
      </c>
      <c r="BA79" s="197">
        <v>0.40335097319752128</v>
      </c>
      <c r="BB79" s="95">
        <v>4.1034622313171953E-2</v>
      </c>
      <c r="BC79" s="197">
        <v>0.28372289576094056</v>
      </c>
      <c r="BD79" s="95">
        <v>3.7758538472170824E-2</v>
      </c>
    </row>
    <row r="80" spans="1:56">
      <c r="A80" s="55" t="s">
        <v>627</v>
      </c>
      <c r="B80" s="194">
        <v>347</v>
      </c>
      <c r="C80" s="82">
        <v>4.543725966698851</v>
      </c>
      <c r="D80" s="83">
        <v>0.20949826788056108</v>
      </c>
      <c r="E80" s="196">
        <v>0.30727886676179028</v>
      </c>
      <c r="F80" s="92">
        <v>4.9349069991502417E-2</v>
      </c>
      <c r="G80" s="196">
        <v>0.12061471585072119</v>
      </c>
      <c r="H80" s="92">
        <v>3.5297456763246825E-2</v>
      </c>
      <c r="I80" s="196">
        <v>0.56532705565479113</v>
      </c>
      <c r="J80" s="92">
        <v>5.292892501989771E-2</v>
      </c>
      <c r="K80" s="196">
        <v>6.779361732694277E-3</v>
      </c>
      <c r="L80" s="92">
        <v>1.1813530812628252E-2</v>
      </c>
      <c r="M80" s="194">
        <v>347</v>
      </c>
      <c r="N80" s="82">
        <v>3.5062240714978774</v>
      </c>
      <c r="O80" s="83">
        <v>0.22281929085685789</v>
      </c>
      <c r="P80" s="196">
        <v>0.45422832331732776</v>
      </c>
      <c r="Q80" s="92">
        <v>5.3157019661922086E-2</v>
      </c>
      <c r="R80" s="196">
        <v>0.12720519641292671</v>
      </c>
      <c r="S80" s="92">
        <v>3.6071080367776759E-2</v>
      </c>
      <c r="T80" s="196">
        <v>0.27770844412362006</v>
      </c>
      <c r="U80" s="92">
        <v>4.794420799937802E-2</v>
      </c>
      <c r="V80" s="196">
        <v>0.14085803614612263</v>
      </c>
      <c r="W80" s="92">
        <v>3.7582210928476405E-2</v>
      </c>
      <c r="X80" s="194">
        <v>345</v>
      </c>
      <c r="Y80" s="82">
        <v>3.4191585426370206</v>
      </c>
      <c r="Z80" s="83">
        <v>0.22215984208169812</v>
      </c>
      <c r="AA80" s="196">
        <v>0.5344727047085347</v>
      </c>
      <c r="AB80" s="92">
        <v>5.3404303941765534E-2</v>
      </c>
      <c r="AC80" s="196">
        <v>0.11379146452334338</v>
      </c>
      <c r="AD80" s="92">
        <v>3.4565240166669106E-2</v>
      </c>
      <c r="AE80" s="196">
        <v>0.29322610697214918</v>
      </c>
      <c r="AF80" s="92">
        <v>4.8851451127046287E-2</v>
      </c>
      <c r="AG80" s="196">
        <v>5.850972379596997E-2</v>
      </c>
      <c r="AH80" s="92">
        <v>2.6120432296170823E-2</v>
      </c>
      <c r="AI80" s="194">
        <v>346</v>
      </c>
      <c r="AJ80" s="82">
        <v>5.1344030252858124</v>
      </c>
      <c r="AK80" s="83">
        <v>0.17189876326332248</v>
      </c>
      <c r="AL80" s="196">
        <v>0.14773899605429575</v>
      </c>
      <c r="AM80" s="92">
        <v>3.8356563323353889E-2</v>
      </c>
      <c r="AN80" s="196">
        <v>0.14306896301619706</v>
      </c>
      <c r="AO80" s="92">
        <v>3.7871299272384799E-2</v>
      </c>
      <c r="AP80" s="196">
        <v>0.65103954205232839</v>
      </c>
      <c r="AQ80" s="92">
        <v>5.1013221343944995E-2</v>
      </c>
      <c r="AR80" s="196">
        <v>5.8152498877176537E-2</v>
      </c>
      <c r="AS80" s="92">
        <v>2.601267130030268E-2</v>
      </c>
      <c r="AT80" s="194">
        <v>178</v>
      </c>
      <c r="AU80" s="82">
        <v>4.2778280293808209</v>
      </c>
      <c r="AV80" s="83">
        <v>0.32965120122513714</v>
      </c>
      <c r="AW80" s="196">
        <v>0.24298553325490382</v>
      </c>
      <c r="AX80" s="92">
        <v>6.4076745884812963E-2</v>
      </c>
      <c r="AY80" s="196">
        <v>0.12749592258280509</v>
      </c>
      <c r="AZ80" s="92">
        <v>5.0768380805902992E-2</v>
      </c>
      <c r="BA80" s="196">
        <v>0.32307370355150289</v>
      </c>
      <c r="BB80" s="92">
        <v>6.9544501927635172E-2</v>
      </c>
      <c r="BC80" s="196">
        <v>0.30644484061078814</v>
      </c>
      <c r="BD80" s="92">
        <v>6.8607028079787621E-2</v>
      </c>
    </row>
    <row r="81" spans="1:56">
      <c r="A81" s="47" t="s">
        <v>628</v>
      </c>
      <c r="B81" s="195">
        <v>838</v>
      </c>
      <c r="C81" s="178">
        <v>4.7832259916025377</v>
      </c>
      <c r="D81" s="130">
        <v>0.12994301693327173</v>
      </c>
      <c r="E81" s="197">
        <v>0.2492528022490606</v>
      </c>
      <c r="F81" s="95">
        <v>2.9862853818086829E-2</v>
      </c>
      <c r="G81" s="197">
        <v>0.13596792212499437</v>
      </c>
      <c r="H81" s="95">
        <v>2.3750159075273752E-2</v>
      </c>
      <c r="I81" s="197">
        <v>0.60990800495540043</v>
      </c>
      <c r="J81" s="95">
        <v>3.3627463749493644E-2</v>
      </c>
      <c r="K81" s="197">
        <v>4.8712706705435708E-3</v>
      </c>
      <c r="L81" s="95">
        <v>5.8367531846209254E-3</v>
      </c>
      <c r="M81" s="195">
        <v>832</v>
      </c>
      <c r="N81" s="178">
        <v>3.667188718638243</v>
      </c>
      <c r="O81" s="130">
        <v>0.14568050723903583</v>
      </c>
      <c r="P81" s="197">
        <v>0.40612479751858799</v>
      </c>
      <c r="Q81" s="95">
        <v>3.39766015228537E-2</v>
      </c>
      <c r="R81" s="197">
        <v>0.13764935577287457</v>
      </c>
      <c r="S81" s="95">
        <v>2.395724310172381E-2</v>
      </c>
      <c r="T81" s="197">
        <v>0.29773225710814644</v>
      </c>
      <c r="U81" s="95">
        <v>3.1658942685359653E-2</v>
      </c>
      <c r="V81" s="197">
        <v>0.15849358960039095</v>
      </c>
      <c r="W81" s="95">
        <v>2.5366853441284892E-2</v>
      </c>
      <c r="X81" s="195">
        <v>832</v>
      </c>
      <c r="Y81" s="178">
        <v>3.7968748281403077</v>
      </c>
      <c r="Z81" s="130">
        <v>0.13768513030013099</v>
      </c>
      <c r="AA81" s="197">
        <v>0.442929101851471</v>
      </c>
      <c r="AB81" s="95">
        <v>3.4361851992343262E-2</v>
      </c>
      <c r="AC81" s="197">
        <v>0.14014485377855443</v>
      </c>
      <c r="AD81" s="95">
        <v>2.4134838793784585E-2</v>
      </c>
      <c r="AE81" s="197">
        <v>0.37845228710431544</v>
      </c>
      <c r="AF81" s="95">
        <v>3.3558289771573366E-2</v>
      </c>
      <c r="AG81" s="197">
        <v>3.8473757265658909E-2</v>
      </c>
      <c r="AH81" s="95">
        <v>1.3664992171583968E-2</v>
      </c>
      <c r="AI81" s="195">
        <v>831</v>
      </c>
      <c r="AJ81" s="178">
        <v>5.2722351657033144</v>
      </c>
      <c r="AK81" s="130">
        <v>0.1088539671975562</v>
      </c>
      <c r="AL81" s="197">
        <v>0.12298161274446036</v>
      </c>
      <c r="AM81" s="95">
        <v>2.2873326940528217E-2</v>
      </c>
      <c r="AN81" s="197">
        <v>0.11756705969500712</v>
      </c>
      <c r="AO81" s="95">
        <v>2.2442787936232247E-2</v>
      </c>
      <c r="AP81" s="197">
        <v>0.68820455947884074</v>
      </c>
      <c r="AQ81" s="95">
        <v>3.2086529223550021E-2</v>
      </c>
      <c r="AR81" s="197">
        <v>7.1246768081691322E-2</v>
      </c>
      <c r="AS81" s="95">
        <v>1.8038904956312021E-2</v>
      </c>
      <c r="AT81" s="195">
        <v>390</v>
      </c>
      <c r="AU81" s="178">
        <v>4.6721749991273196</v>
      </c>
      <c r="AV81" s="130">
        <v>0.21116582197455608</v>
      </c>
      <c r="AW81" s="197">
        <v>0.17803529425283598</v>
      </c>
      <c r="AX81" s="95">
        <v>3.8819227194555363E-2</v>
      </c>
      <c r="AY81" s="197">
        <v>0.10004863449836179</v>
      </c>
      <c r="AZ81" s="95">
        <v>3.0771857278066899E-2</v>
      </c>
      <c r="BA81" s="197">
        <v>0.45194833370635962</v>
      </c>
      <c r="BB81" s="95">
        <v>5.0150806267513434E-2</v>
      </c>
      <c r="BC81" s="197">
        <v>0.26996773754244319</v>
      </c>
      <c r="BD81" s="95">
        <v>4.4852167481400952E-2</v>
      </c>
    </row>
    <row r="82" spans="1:56">
      <c r="A82" s="55" t="s">
        <v>629</v>
      </c>
      <c r="B82" s="194">
        <v>218</v>
      </c>
      <c r="C82" s="82">
        <v>4.9027725933763193</v>
      </c>
      <c r="D82" s="83">
        <v>0.23966979582293857</v>
      </c>
      <c r="E82" s="196">
        <v>0.25364833423491412</v>
      </c>
      <c r="F82" s="92">
        <v>5.8737183805688514E-2</v>
      </c>
      <c r="G82" s="196">
        <v>0.11621368526416397</v>
      </c>
      <c r="H82" s="92">
        <v>4.4106354659929986E-2</v>
      </c>
      <c r="I82" s="196">
        <v>0.63013798050092151</v>
      </c>
      <c r="J82" s="92">
        <v>6.488644416180063E-2</v>
      </c>
      <c r="K82" s="196">
        <v>0</v>
      </c>
      <c r="L82" s="92">
        <v>1.2683142508314297E-2</v>
      </c>
      <c r="M82" s="194">
        <v>218</v>
      </c>
      <c r="N82" s="82">
        <v>3.8390094293473958</v>
      </c>
      <c r="O82" s="83">
        <v>0.27161915539199477</v>
      </c>
      <c r="P82" s="196">
        <v>0.37491047702062497</v>
      </c>
      <c r="Q82" s="92">
        <v>6.5058726235691824E-2</v>
      </c>
      <c r="R82" s="196">
        <v>0.13153155360109403</v>
      </c>
      <c r="S82" s="92">
        <v>4.632036953425718E-2</v>
      </c>
      <c r="T82" s="196">
        <v>0.35871557521846625</v>
      </c>
      <c r="U82" s="92">
        <v>6.4480118679149184E-2</v>
      </c>
      <c r="V82" s="196">
        <v>0.13484239415981511</v>
      </c>
      <c r="W82" s="92">
        <v>4.677368976337451E-2</v>
      </c>
      <c r="X82" s="194">
        <v>218</v>
      </c>
      <c r="Y82" s="82">
        <v>3.9629171955640556</v>
      </c>
      <c r="Z82" s="83">
        <v>0.25823729409514551</v>
      </c>
      <c r="AA82" s="196">
        <v>0.43008146061766955</v>
      </c>
      <c r="AB82" s="92">
        <v>6.6479825106581583E-2</v>
      </c>
      <c r="AC82" s="196">
        <v>9.9704127181256222E-2</v>
      </c>
      <c r="AD82" s="92">
        <v>4.1478419893001994E-2</v>
      </c>
      <c r="AE82" s="196">
        <v>0.45046250227619772</v>
      </c>
      <c r="AF82" s="92">
        <v>6.679721507466925E-2</v>
      </c>
      <c r="AG82" s="196">
        <v>1.9751909924876587E-2</v>
      </c>
      <c r="AH82" s="92">
        <v>2.22994295614477E-2</v>
      </c>
      <c r="AI82" s="194">
        <v>217</v>
      </c>
      <c r="AJ82" s="82">
        <v>5.5491371480802902</v>
      </c>
      <c r="AK82" s="83">
        <v>0.17919012699283116</v>
      </c>
      <c r="AL82" s="196">
        <v>8.345541440024512E-2</v>
      </c>
      <c r="AM82" s="92">
        <v>3.8692347413800586E-2</v>
      </c>
      <c r="AN82" s="196">
        <v>7.9171276771563409E-2</v>
      </c>
      <c r="AO82" s="92">
        <v>3.7874743391034651E-2</v>
      </c>
      <c r="AP82" s="196">
        <v>0.78349236966757319</v>
      </c>
      <c r="AQ82" s="92">
        <v>5.5878827278647708E-2</v>
      </c>
      <c r="AR82" s="196">
        <v>5.3880939160617827E-2</v>
      </c>
      <c r="AS82" s="92">
        <v>3.2432877925581784E-2</v>
      </c>
      <c r="AT82" s="194">
        <v>71</v>
      </c>
      <c r="AU82" s="82">
        <v>4.5040367550335727</v>
      </c>
      <c r="AV82" s="83">
        <v>0.52158473778621894</v>
      </c>
      <c r="AW82" s="196">
        <v>0.21026165578625414</v>
      </c>
      <c r="AX82" s="92">
        <v>9.6544950992945328E-2</v>
      </c>
      <c r="AY82" s="196">
        <v>7.6407442577443349E-2</v>
      </c>
      <c r="AZ82" s="92">
        <v>6.8972742288473318E-2</v>
      </c>
      <c r="BA82" s="196">
        <v>0.43250109032186146</v>
      </c>
      <c r="BB82" s="92">
        <v>0.11452322545473699</v>
      </c>
      <c r="BC82" s="196">
        <v>0.28082981131444085</v>
      </c>
      <c r="BD82" s="92">
        <v>0.10505911686452646</v>
      </c>
    </row>
    <row r="83" spans="1:56">
      <c r="A83" s="47" t="s">
        <v>630</v>
      </c>
      <c r="B83" s="195">
        <v>393</v>
      </c>
      <c r="C83" s="178">
        <v>4.697485839393857</v>
      </c>
      <c r="D83" s="130">
        <v>0.18578518379180906</v>
      </c>
      <c r="E83" s="197">
        <v>0.27621851357971888</v>
      </c>
      <c r="F83" s="95">
        <v>4.4993802440207675E-2</v>
      </c>
      <c r="G83" s="197">
        <v>0.10134291920955611</v>
      </c>
      <c r="H83" s="95">
        <v>3.0817405974201545E-2</v>
      </c>
      <c r="I83" s="197">
        <v>0.61942361654654288</v>
      </c>
      <c r="J83" s="95">
        <v>4.8765510734795764E-2</v>
      </c>
      <c r="K83" s="197">
        <v>3.0149506641836991E-3</v>
      </c>
      <c r="L83" s="95">
        <v>8.9544036677761882E-3</v>
      </c>
      <c r="M83" s="195">
        <v>390</v>
      </c>
      <c r="N83" s="178">
        <v>3.5868363153322522</v>
      </c>
      <c r="O83" s="130">
        <v>0.20319908315226393</v>
      </c>
      <c r="P83" s="197">
        <v>0.43014501248695447</v>
      </c>
      <c r="Q83" s="95">
        <v>4.989520575189918E-2</v>
      </c>
      <c r="R83" s="197">
        <v>0.12755533013561621</v>
      </c>
      <c r="S83" s="95">
        <v>3.4033011678128132E-2</v>
      </c>
      <c r="T83" s="197">
        <v>0.27783243340875535</v>
      </c>
      <c r="U83" s="95">
        <v>4.5244814787055943E-2</v>
      </c>
      <c r="V83" s="197">
        <v>0.16446722396867611</v>
      </c>
      <c r="W83" s="95">
        <v>3.7658913556134779E-2</v>
      </c>
      <c r="X83" s="195">
        <v>390</v>
      </c>
      <c r="Y83" s="178">
        <v>3.653579596947806</v>
      </c>
      <c r="Z83" s="130">
        <v>0.19275226854781879</v>
      </c>
      <c r="AA83" s="197">
        <v>0.46022006311874253</v>
      </c>
      <c r="AB83" s="95">
        <v>5.0222805541483388E-2</v>
      </c>
      <c r="AC83" s="197">
        <v>0.13569703442337705</v>
      </c>
      <c r="AD83" s="95">
        <v>3.489860943597009E-2</v>
      </c>
      <c r="AE83" s="197">
        <v>0.36094589747888728</v>
      </c>
      <c r="AF83" s="95">
        <v>4.8432754538107192E-2</v>
      </c>
      <c r="AG83" s="197">
        <v>4.3137004978994753E-2</v>
      </c>
      <c r="AH83" s="95">
        <v>2.1490816708859863E-2</v>
      </c>
      <c r="AI83" s="195">
        <v>391</v>
      </c>
      <c r="AJ83" s="178">
        <v>5.2332656586169017</v>
      </c>
      <c r="AK83" s="130">
        <v>0.15804211996924467</v>
      </c>
      <c r="AL83" s="197">
        <v>0.12953169826709943</v>
      </c>
      <c r="AM83" s="95">
        <v>3.4202501106743159E-2</v>
      </c>
      <c r="AN83" s="197">
        <v>0.12464845788514541</v>
      </c>
      <c r="AO83" s="95">
        <v>3.3670061924885218E-2</v>
      </c>
      <c r="AP83" s="197">
        <v>0.71007473092742823</v>
      </c>
      <c r="AQ83" s="95">
        <v>4.5757520758088345E-2</v>
      </c>
      <c r="AR83" s="197">
        <v>3.574511292032815E-2</v>
      </c>
      <c r="AS83" s="95">
        <v>1.9824678310990624E-2</v>
      </c>
      <c r="AT83" s="195">
        <v>133</v>
      </c>
      <c r="AU83" s="178">
        <v>4.5436963085917519</v>
      </c>
      <c r="AV83" s="130">
        <v>0.35178113259884375</v>
      </c>
      <c r="AW83" s="197">
        <v>0.18125385667280225</v>
      </c>
      <c r="AX83" s="95">
        <v>6.7108601462139247E-2</v>
      </c>
      <c r="AY83" s="197">
        <v>0.11890317839081913</v>
      </c>
      <c r="AZ83" s="95">
        <v>5.7470339626090342E-2</v>
      </c>
      <c r="BA83" s="197">
        <v>0.44939061709001982</v>
      </c>
      <c r="BB83" s="95">
        <v>8.5022293761582393E-2</v>
      </c>
      <c r="BC83" s="197">
        <v>0.25045234784635889</v>
      </c>
      <c r="BD83" s="95">
        <v>7.4737364450519067E-2</v>
      </c>
    </row>
    <row r="84" spans="1:56">
      <c r="A84" s="55" t="s">
        <v>631</v>
      </c>
      <c r="B84" s="194">
        <v>56</v>
      </c>
      <c r="C84" s="82">
        <v>4.6323883396019037</v>
      </c>
      <c r="D84" s="83">
        <v>0.5692894295044082</v>
      </c>
      <c r="E84" s="196">
        <v>0.34066500499549035</v>
      </c>
      <c r="F84" s="92">
        <v>0.1232570604224147</v>
      </c>
      <c r="G84" s="196">
        <v>2.78910078318239E-2</v>
      </c>
      <c r="H84" s="92">
        <v>6.1014066392094918E-2</v>
      </c>
      <c r="I84" s="196">
        <v>0.63144398717268591</v>
      </c>
      <c r="J84" s="92">
        <v>0.12515306863172085</v>
      </c>
      <c r="K84" s="196">
        <v>0</v>
      </c>
      <c r="L84" s="92">
        <v>4.6348119143587135E-2</v>
      </c>
      <c r="M84" s="194">
        <v>56</v>
      </c>
      <c r="N84" s="82">
        <v>3.7713877032182817</v>
      </c>
      <c r="O84" s="83">
        <v>0.58382978723404244</v>
      </c>
      <c r="P84" s="196">
        <v>0.37245483819659486</v>
      </c>
      <c r="Q84" s="92">
        <v>0.12538712487900877</v>
      </c>
      <c r="R84" s="196">
        <v>0.16195518440454618</v>
      </c>
      <c r="S84" s="92">
        <v>0.10015134875549103</v>
      </c>
      <c r="T84" s="196">
        <v>0.30296786409218757</v>
      </c>
      <c r="U84" s="92">
        <v>0.12005055001245982</v>
      </c>
      <c r="V84" s="196">
        <v>0.1626221133066717</v>
      </c>
      <c r="W84" s="92">
        <v>0.10028186596941328</v>
      </c>
      <c r="X84" s="194">
        <v>55</v>
      </c>
      <c r="Y84" s="82">
        <v>3.6032667000436458</v>
      </c>
      <c r="Z84" s="83">
        <v>0.57010207981676186</v>
      </c>
      <c r="AA84" s="196">
        <v>0.49733752902031542</v>
      </c>
      <c r="AB84" s="92">
        <v>0.13018730700511677</v>
      </c>
      <c r="AC84" s="196">
        <v>6.7605043350384322E-2</v>
      </c>
      <c r="AD84" s="92">
        <v>7.7032450947257122E-2</v>
      </c>
      <c r="AE84" s="196">
        <v>0.38272369797152633</v>
      </c>
      <c r="AF84" s="92">
        <v>0.12703875407211135</v>
      </c>
      <c r="AG84" s="196">
        <v>5.2333729657774219E-2</v>
      </c>
      <c r="AH84" s="92">
        <v>7.1709084526428699E-2</v>
      </c>
      <c r="AI84" s="194">
        <v>56</v>
      </c>
      <c r="AJ84" s="82">
        <v>5.2701382069761618</v>
      </c>
      <c r="AK84" s="83">
        <v>0.42230051772727822</v>
      </c>
      <c r="AL84" s="196">
        <v>0.1048254054728477</v>
      </c>
      <c r="AM84" s="92">
        <v>8.7164484457407404E-2</v>
      </c>
      <c r="AN84" s="196">
        <v>0.16242637009296665</v>
      </c>
      <c r="AO84" s="92">
        <v>0.10024360358382131</v>
      </c>
      <c r="AP84" s="196">
        <v>0.73274822443418597</v>
      </c>
      <c r="AQ84" s="92">
        <v>0.11627851589524921</v>
      </c>
      <c r="AR84" s="196">
        <v>0</v>
      </c>
      <c r="AS84" s="92">
        <v>4.6348119143587135E-2</v>
      </c>
      <c r="AT84" s="194">
        <v>24</v>
      </c>
      <c r="AU84" s="82">
        <v>4.7501256826802214</v>
      </c>
      <c r="AV84" s="83">
        <v>0.90295552800140355</v>
      </c>
      <c r="AW84" s="196">
        <v>0.13472347027974996</v>
      </c>
      <c r="AX84" s="92">
        <v>0.14734412672221103</v>
      </c>
      <c r="AY84" s="196">
        <v>0.14625055816991472</v>
      </c>
      <c r="AZ84" s="92">
        <v>0.15026708938847619</v>
      </c>
      <c r="BA84" s="196">
        <v>0.45441807190964972</v>
      </c>
      <c r="BB84" s="92">
        <v>0.18840439697270428</v>
      </c>
      <c r="BC84" s="196">
        <v>0.26460789964068554</v>
      </c>
      <c r="BD84" s="92">
        <v>0.17291245638172958</v>
      </c>
    </row>
    <row r="85" spans="1:56">
      <c r="A85" s="47" t="s">
        <v>632</v>
      </c>
      <c r="B85" s="195">
        <v>337</v>
      </c>
      <c r="C85" s="178">
        <v>4.7160127711639674</v>
      </c>
      <c r="D85" s="130">
        <v>0.19523835189748764</v>
      </c>
      <c r="E85" s="197">
        <v>0.2579478372052133</v>
      </c>
      <c r="F85" s="95">
        <v>4.7553299818251502E-2</v>
      </c>
      <c r="G85" s="197">
        <v>0.12216664556594491</v>
      </c>
      <c r="H85" s="95">
        <v>3.6014248632240897E-2</v>
      </c>
      <c r="I85" s="197">
        <v>0.61601582355754991</v>
      </c>
      <c r="J85" s="95">
        <v>5.2710045794099082E-2</v>
      </c>
      <c r="K85" s="197">
        <v>3.8696936712936179E-3</v>
      </c>
      <c r="L85" s="95">
        <v>1.0609307847994132E-2</v>
      </c>
      <c r="M85" s="195">
        <v>334</v>
      </c>
      <c r="N85" s="178">
        <v>3.5340068479933175</v>
      </c>
      <c r="O85" s="130">
        <v>0.21645922517624702</v>
      </c>
      <c r="P85" s="197">
        <v>0.4466125599478491</v>
      </c>
      <c r="Q85" s="95">
        <v>5.4089214367150563E-2</v>
      </c>
      <c r="R85" s="197">
        <v>0.11773595898984163</v>
      </c>
      <c r="S85" s="95">
        <v>3.5636617132696745E-2</v>
      </c>
      <c r="T85" s="197">
        <v>0.27065757386254974</v>
      </c>
      <c r="U85" s="95">
        <v>4.8484683975606915E-2</v>
      </c>
      <c r="V85" s="197">
        <v>0.16499390719976198</v>
      </c>
      <c r="W85" s="95">
        <v>4.0763643973723444E-2</v>
      </c>
      <c r="X85" s="195">
        <v>335</v>
      </c>
      <c r="Y85" s="178">
        <v>3.6674482839252915</v>
      </c>
      <c r="Z85" s="130">
        <v>0.20432971519078824</v>
      </c>
      <c r="AA85" s="197">
        <v>0.44986167933853471</v>
      </c>
      <c r="AB85" s="95">
        <v>5.4045225542042913E-2</v>
      </c>
      <c r="AC85" s="197">
        <v>0.15469948943371983</v>
      </c>
      <c r="AD85" s="95">
        <v>3.9698673598652444E-2</v>
      </c>
      <c r="AE85" s="197">
        <v>0.35486835931963479</v>
      </c>
      <c r="AF85" s="95">
        <v>5.2030277188690958E-2</v>
      </c>
      <c r="AG85" s="197">
        <v>4.0570471908113026E-2</v>
      </c>
      <c r="AH85" s="95">
        <v>2.2753327492996321E-2</v>
      </c>
      <c r="AI85" s="195">
        <v>335</v>
      </c>
      <c r="AJ85" s="178">
        <v>5.2222475984443006</v>
      </c>
      <c r="AK85" s="130">
        <v>0.17063315443971189</v>
      </c>
      <c r="AL85" s="197">
        <v>0.13657517762053342</v>
      </c>
      <c r="AM85" s="95">
        <v>3.7788557114314572E-2</v>
      </c>
      <c r="AN85" s="197">
        <v>0.11387841047788946</v>
      </c>
      <c r="AO85" s="95">
        <v>3.509913582561474E-2</v>
      </c>
      <c r="AP85" s="197">
        <v>0.70361077922431259</v>
      </c>
      <c r="AQ85" s="95">
        <v>4.9720780621260688E-2</v>
      </c>
      <c r="AR85" s="197">
        <v>4.5935632677265491E-2</v>
      </c>
      <c r="AS85" s="95">
        <v>2.396219224746823E-2</v>
      </c>
      <c r="AT85" s="195">
        <v>109</v>
      </c>
      <c r="AU85" s="178">
        <v>4.4711429715298561</v>
      </c>
      <c r="AV85" s="130">
        <v>0.38040485819833064</v>
      </c>
      <c r="AW85" s="197">
        <v>0.19803613831319969</v>
      </c>
      <c r="AX85" s="95">
        <v>7.64613262049572E-2</v>
      </c>
      <c r="AY85" s="197">
        <v>0.10903970066890997</v>
      </c>
      <c r="AZ85" s="95">
        <v>6.17674066607585E-2</v>
      </c>
      <c r="BA85" s="197">
        <v>0.44757734689697443</v>
      </c>
      <c r="BB85" s="95">
        <v>9.3589761964190901E-2</v>
      </c>
      <c r="BC85" s="197">
        <v>0.24534681412091569</v>
      </c>
      <c r="BD85" s="95">
        <v>8.193706283623696E-2</v>
      </c>
    </row>
    <row r="86" spans="1:56">
      <c r="A86" s="55" t="s">
        <v>633</v>
      </c>
      <c r="B86" s="194">
        <v>665</v>
      </c>
      <c r="C86" s="82">
        <v>5.2056546391258003</v>
      </c>
      <c r="D86" s="83">
        <v>0.13067547155149128</v>
      </c>
      <c r="E86" s="196">
        <v>0.18230406858779702</v>
      </c>
      <c r="F86" s="92">
        <v>2.9974840582486218E-2</v>
      </c>
      <c r="G86" s="196">
        <v>8.8976894092648015E-2</v>
      </c>
      <c r="H86" s="92">
        <v>2.2286915076524944E-2</v>
      </c>
      <c r="I86" s="196">
        <v>0.72208642077786622</v>
      </c>
      <c r="J86" s="92">
        <v>3.4689798769258436E-2</v>
      </c>
      <c r="K86" s="196">
        <v>6.6326165416880642E-3</v>
      </c>
      <c r="L86" s="92">
        <v>7.5329558070833958E-3</v>
      </c>
      <c r="M86" s="194">
        <v>663</v>
      </c>
      <c r="N86" s="82">
        <v>3.9043244969879929</v>
      </c>
      <c r="O86" s="83">
        <v>0.16448954113559858</v>
      </c>
      <c r="P86" s="196">
        <v>0.31904591235171553</v>
      </c>
      <c r="Q86" s="92">
        <v>3.6127973169307527E-2</v>
      </c>
      <c r="R86" s="196">
        <v>0.12724101646931177</v>
      </c>
      <c r="S86" s="92">
        <v>2.5998766071625413E-2</v>
      </c>
      <c r="T86" s="196">
        <v>0.31675628204874701</v>
      </c>
      <c r="U86" s="92">
        <v>3.6059526828745338E-2</v>
      </c>
      <c r="V86" s="196">
        <v>0.23695678913022308</v>
      </c>
      <c r="W86" s="92">
        <v>3.3004081036877006E-2</v>
      </c>
      <c r="X86" s="194">
        <v>662</v>
      </c>
      <c r="Y86" s="82">
        <v>4.1218072215028281</v>
      </c>
      <c r="Z86" s="83">
        <v>0.15215208079387232</v>
      </c>
      <c r="AA86" s="196">
        <v>0.37552972631103876</v>
      </c>
      <c r="AB86" s="92">
        <v>3.7544183572166906E-2</v>
      </c>
      <c r="AC86" s="196">
        <v>0.12838946682360519</v>
      </c>
      <c r="AD86" s="92">
        <v>2.6115868144482336E-2</v>
      </c>
      <c r="AE86" s="196">
        <v>0.44757204546985435</v>
      </c>
      <c r="AF86" s="92">
        <v>3.8538170129977761E-2</v>
      </c>
      <c r="AG86" s="196">
        <v>4.8508761395499006E-2</v>
      </c>
      <c r="AH86" s="92">
        <v>1.7084297096335778E-2</v>
      </c>
      <c r="AI86" s="194">
        <v>664</v>
      </c>
      <c r="AJ86" s="82">
        <v>5.3668415741627893</v>
      </c>
      <c r="AK86" s="83">
        <v>0.12408921854576478</v>
      </c>
      <c r="AL86" s="196">
        <v>0.12478654419596939</v>
      </c>
      <c r="AM86" s="92">
        <v>2.5769111166376792E-2</v>
      </c>
      <c r="AN86" s="196">
        <v>9.4466649687172083E-2</v>
      </c>
      <c r="AO86" s="92">
        <v>2.2890830919895258E-2</v>
      </c>
      <c r="AP86" s="196">
        <v>0.67473070248220357</v>
      </c>
      <c r="AQ86" s="92">
        <v>3.6281808297523685E-2</v>
      </c>
      <c r="AR86" s="196">
        <v>0.10601610363465407</v>
      </c>
      <c r="AS86" s="92">
        <v>2.4054589295893009E-2</v>
      </c>
      <c r="AT86" s="194">
        <v>303</v>
      </c>
      <c r="AU86" s="82">
        <v>4.4996871090859676</v>
      </c>
      <c r="AV86" s="83">
        <v>0.2570443441739087</v>
      </c>
      <c r="AW86" s="196">
        <v>0.20296872800777763</v>
      </c>
      <c r="AX86" s="92">
        <v>4.6233585606135025E-2</v>
      </c>
      <c r="AY86" s="196">
        <v>7.7837508926626858E-2</v>
      </c>
      <c r="AZ86" s="92">
        <v>3.1549098408508544E-2</v>
      </c>
      <c r="BA86" s="196">
        <v>0.36657455841815711</v>
      </c>
      <c r="BB86" s="92">
        <v>5.5057983554938787E-2</v>
      </c>
      <c r="BC86" s="196">
        <v>0.35261920464743712</v>
      </c>
      <c r="BD86" s="92">
        <v>5.4604439074574462E-2</v>
      </c>
    </row>
    <row r="87" spans="1:56">
      <c r="A87" s="47" t="s">
        <v>634</v>
      </c>
      <c r="B87" s="195">
        <v>614</v>
      </c>
      <c r="C87" s="178">
        <v>4.6402108725248521</v>
      </c>
      <c r="D87" s="130">
        <v>0.15729352104589922</v>
      </c>
      <c r="E87" s="197">
        <v>0.27908461781472055</v>
      </c>
      <c r="F87" s="95">
        <v>3.6143019689640718E-2</v>
      </c>
      <c r="G87" s="197">
        <v>0.13024847549878324</v>
      </c>
      <c r="H87" s="95">
        <v>2.7288210231198536E-2</v>
      </c>
      <c r="I87" s="197">
        <v>0.58662880141697937</v>
      </c>
      <c r="J87" s="95">
        <v>3.9625453772722821E-2</v>
      </c>
      <c r="K87" s="197">
        <v>4.0381052695171371E-3</v>
      </c>
      <c r="L87" s="95">
        <v>6.8245122662423819E-3</v>
      </c>
      <c r="M87" s="195">
        <v>613</v>
      </c>
      <c r="N87" s="178">
        <v>3.4536555028967135</v>
      </c>
      <c r="O87" s="130">
        <v>0.16835167321212227</v>
      </c>
      <c r="P87" s="197">
        <v>0.45240129122523859</v>
      </c>
      <c r="Q87" s="95">
        <v>4.0078014996114568E-2</v>
      </c>
      <c r="R87" s="197">
        <v>0.13196738115945084</v>
      </c>
      <c r="S87" s="95">
        <v>2.7458825845230798E-2</v>
      </c>
      <c r="T87" s="197">
        <v>0.27115339133944866</v>
      </c>
      <c r="U87" s="95">
        <v>3.5855469476981726E-2</v>
      </c>
      <c r="V87" s="197">
        <v>0.14447793627586245</v>
      </c>
      <c r="W87" s="95">
        <v>2.8494088798193921E-2</v>
      </c>
      <c r="X87" s="195">
        <v>611</v>
      </c>
      <c r="Y87" s="178">
        <v>3.5540254243728029</v>
      </c>
      <c r="Z87" s="130">
        <v>0.16377810954531496</v>
      </c>
      <c r="AA87" s="197">
        <v>0.51768166354653689</v>
      </c>
      <c r="AB87" s="95">
        <v>4.0298997338802288E-2</v>
      </c>
      <c r="AC87" s="197">
        <v>0.11720710809025858</v>
      </c>
      <c r="AD87" s="95">
        <v>2.6178808500151036E-2</v>
      </c>
      <c r="AE87" s="197">
        <v>0.3297296299743383</v>
      </c>
      <c r="AF87" s="95">
        <v>3.7945952693114238E-2</v>
      </c>
      <c r="AG87" s="197">
        <v>3.5381598388866807E-2</v>
      </c>
      <c r="AH87" s="95">
        <v>1.5497952105109031E-2</v>
      </c>
      <c r="AI87" s="195">
        <v>609</v>
      </c>
      <c r="AJ87" s="178">
        <v>5.1820899632082575</v>
      </c>
      <c r="AK87" s="130">
        <v>0.12726435145827195</v>
      </c>
      <c r="AL87" s="197">
        <v>0.13435214066201476</v>
      </c>
      <c r="AM87" s="95">
        <v>2.7753375535735713E-2</v>
      </c>
      <c r="AN87" s="197">
        <v>0.12947191399682212</v>
      </c>
      <c r="AO87" s="95">
        <v>2.7333338190849123E-2</v>
      </c>
      <c r="AP87" s="197">
        <v>0.65691106020598622</v>
      </c>
      <c r="AQ87" s="95">
        <v>3.8376446521530619E-2</v>
      </c>
      <c r="AR87" s="197">
        <v>7.9264885135177182E-2</v>
      </c>
      <c r="AS87" s="95">
        <v>2.216424118555908E-2</v>
      </c>
      <c r="AT87" s="195">
        <v>314</v>
      </c>
      <c r="AU87" s="178">
        <v>4.2483686326475461</v>
      </c>
      <c r="AV87" s="130">
        <v>0.24251463249493241</v>
      </c>
      <c r="AW87" s="197">
        <v>0.22899539300846372</v>
      </c>
      <c r="AX87" s="95">
        <v>4.7370149264612978E-2</v>
      </c>
      <c r="AY87" s="197">
        <v>0.11404527894186414</v>
      </c>
      <c r="AZ87" s="95">
        <v>3.6301122209255465E-2</v>
      </c>
      <c r="BA87" s="197">
        <v>0.32420306618245293</v>
      </c>
      <c r="BB87" s="95">
        <v>5.2589309666196432E-2</v>
      </c>
      <c r="BC87" s="197">
        <v>0.33275626186721946</v>
      </c>
      <c r="BD87" s="95">
        <v>5.2930328728440945E-2</v>
      </c>
    </row>
    <row r="88" spans="1:56">
      <c r="A88" s="55" t="s">
        <v>635</v>
      </c>
      <c r="B88" s="194">
        <v>230</v>
      </c>
      <c r="C88" s="82">
        <v>4.5825712739716531</v>
      </c>
      <c r="D88" s="83">
        <v>0.25379196055855752</v>
      </c>
      <c r="E88" s="196">
        <v>0.28852117862209209</v>
      </c>
      <c r="F88" s="92">
        <v>5.9455167502728778E-2</v>
      </c>
      <c r="G88" s="196">
        <v>0.12649190183789552</v>
      </c>
      <c r="H88" s="92">
        <v>4.4379954286615952E-2</v>
      </c>
      <c r="I88" s="196">
        <v>0.5796317132303076</v>
      </c>
      <c r="J88" s="92">
        <v>6.4566103515797169E-2</v>
      </c>
      <c r="K88" s="196">
        <v>5.3552063097042678E-3</v>
      </c>
      <c r="L88" s="92">
        <v>1.5258422465216942E-2</v>
      </c>
      <c r="M88" s="194">
        <v>230</v>
      </c>
      <c r="N88" s="82">
        <v>3.4561906460561529</v>
      </c>
      <c r="O88" s="83">
        <v>0.27006946235007878</v>
      </c>
      <c r="P88" s="196">
        <v>0.4580326365522791</v>
      </c>
      <c r="Q88" s="92">
        <v>6.5149196262549336E-2</v>
      </c>
      <c r="R88" s="196">
        <v>0.12450834181619204</v>
      </c>
      <c r="S88" s="92">
        <v>4.4102662403806683E-2</v>
      </c>
      <c r="T88" s="196">
        <v>0.27296587013205936</v>
      </c>
      <c r="U88" s="92">
        <v>5.8500149359100709E-2</v>
      </c>
      <c r="V88" s="196">
        <v>0.14449315149946906</v>
      </c>
      <c r="W88" s="92">
        <v>4.6757934384569044E-2</v>
      </c>
      <c r="X88" s="194">
        <v>229</v>
      </c>
      <c r="Y88" s="82">
        <v>3.3769462250468911</v>
      </c>
      <c r="Z88" s="83">
        <v>0.2678121591601344</v>
      </c>
      <c r="AA88" s="196">
        <v>0.55616675764097867</v>
      </c>
      <c r="AB88" s="92">
        <v>6.5111681094987703E-2</v>
      </c>
      <c r="AC88" s="196">
        <v>0.12636677187071407</v>
      </c>
      <c r="AD88" s="92">
        <v>4.4461539924394632E-2</v>
      </c>
      <c r="AE88" s="196">
        <v>0.26942917466140448</v>
      </c>
      <c r="AF88" s="92">
        <v>5.8397301688971191E-2</v>
      </c>
      <c r="AG88" s="196">
        <v>4.803729582690236E-2</v>
      </c>
      <c r="AH88" s="92">
        <v>3.0073753047216257E-2</v>
      </c>
      <c r="AI88" s="194">
        <v>228</v>
      </c>
      <c r="AJ88" s="82">
        <v>5.0984136245448823</v>
      </c>
      <c r="AK88" s="83">
        <v>0.21163753087976356</v>
      </c>
      <c r="AL88" s="196">
        <v>0.15541023395528891</v>
      </c>
      <c r="AM88" s="92">
        <v>4.8301701022173293E-2</v>
      </c>
      <c r="AN88" s="196">
        <v>0.12609696404940732</v>
      </c>
      <c r="AO88" s="92">
        <v>4.4523486763612806E-2</v>
      </c>
      <c r="AP88" s="196">
        <v>0.65598753287422706</v>
      </c>
      <c r="AQ88" s="92">
        <v>6.2491336611866309E-2</v>
      </c>
      <c r="AR88" s="196">
        <v>6.2505269121076082E-2</v>
      </c>
      <c r="AS88" s="92">
        <v>3.3513126597100609E-2</v>
      </c>
      <c r="AT88" s="194">
        <v>122</v>
      </c>
      <c r="AU88" s="82">
        <v>4.1395768488217186</v>
      </c>
      <c r="AV88" s="83">
        <v>0.38547038320990978</v>
      </c>
      <c r="AW88" s="196">
        <v>0.25783314337679369</v>
      </c>
      <c r="AX88" s="92">
        <v>7.8683531127011819E-2</v>
      </c>
      <c r="AY88" s="196">
        <v>0.12502805897813496</v>
      </c>
      <c r="AZ88" s="92">
        <v>6.1251906775590129E-2</v>
      </c>
      <c r="BA88" s="196">
        <v>0.3025363910489608</v>
      </c>
      <c r="BB88" s="92">
        <v>8.2316559200684161E-2</v>
      </c>
      <c r="BC88" s="196">
        <v>0.31460240659611061</v>
      </c>
      <c r="BD88" s="92">
        <v>8.314749904629419E-2</v>
      </c>
    </row>
    <row r="89" spans="1:56">
      <c r="A89" s="47" t="s">
        <v>636</v>
      </c>
      <c r="B89" s="195">
        <v>384</v>
      </c>
      <c r="C89" s="178">
        <v>4.6894460202271642</v>
      </c>
      <c r="D89" s="130">
        <v>0.2005161037128031</v>
      </c>
      <c r="E89" s="197">
        <v>0.2710041917109422</v>
      </c>
      <c r="F89" s="95">
        <v>4.525262020611772E-2</v>
      </c>
      <c r="G89" s="197">
        <v>0.13346518935140772</v>
      </c>
      <c r="H89" s="95">
        <v>3.4938533803130105E-2</v>
      </c>
      <c r="I89" s="197">
        <v>0.59262033320363039</v>
      </c>
      <c r="J89" s="95">
        <v>4.9906865731038072E-2</v>
      </c>
      <c r="K89" s="197">
        <v>2.9102857340219017E-3</v>
      </c>
      <c r="L89" s="95">
        <v>9.0646941667195356E-3</v>
      </c>
      <c r="M89" s="195">
        <v>383</v>
      </c>
      <c r="N89" s="178">
        <v>3.4514770255603895</v>
      </c>
      <c r="O89" s="130">
        <v>0.21552121917001499</v>
      </c>
      <c r="P89" s="197">
        <v>0.4475620521480157</v>
      </c>
      <c r="Q89" s="95">
        <v>5.0558310286851794E-2</v>
      </c>
      <c r="R89" s="197">
        <v>0.13837723041787209</v>
      </c>
      <c r="S89" s="95">
        <v>3.5498411967182265E-2</v>
      </c>
      <c r="T89" s="197">
        <v>0.26959585620522047</v>
      </c>
      <c r="U89" s="95">
        <v>4.5239031616942781E-2</v>
      </c>
      <c r="V89" s="197">
        <v>0.1444648612288941</v>
      </c>
      <c r="W89" s="95">
        <v>3.6115560889896682E-2</v>
      </c>
      <c r="X89" s="195">
        <v>382</v>
      </c>
      <c r="Y89" s="178">
        <v>3.7022980050199013</v>
      </c>
      <c r="Z89" s="130">
        <v>0.20616651366284627</v>
      </c>
      <c r="AA89" s="197">
        <v>0.48466121411822904</v>
      </c>
      <c r="AB89" s="95">
        <v>5.087519755839854E-2</v>
      </c>
      <c r="AC89" s="197">
        <v>0.10934805975584076</v>
      </c>
      <c r="AD89" s="95">
        <v>3.2277545277031035E-2</v>
      </c>
      <c r="AE89" s="197">
        <v>0.38146779463306174</v>
      </c>
      <c r="AF89" s="95">
        <v>4.947808399933571E-2</v>
      </c>
      <c r="AG89" s="197">
        <v>2.4522931492870506E-2</v>
      </c>
      <c r="AH89" s="95">
        <v>1.7210324462218037E-2</v>
      </c>
      <c r="AI89" s="195">
        <v>381</v>
      </c>
      <c r="AJ89" s="178">
        <v>5.2562540736223147</v>
      </c>
      <c r="AK89" s="130">
        <v>0.15883750333646279</v>
      </c>
      <c r="AL89" s="197">
        <v>0.11630748147636555</v>
      </c>
      <c r="AM89" s="95">
        <v>3.3158145348924334E-2</v>
      </c>
      <c r="AN89" s="197">
        <v>0.13236390524795671</v>
      </c>
      <c r="AO89" s="95">
        <v>3.4960096746089429E-2</v>
      </c>
      <c r="AP89" s="197">
        <v>0.65770242985746163</v>
      </c>
      <c r="AQ89" s="95">
        <v>4.8418525963493463E-2</v>
      </c>
      <c r="AR89" s="197">
        <v>9.362618341821756E-2</v>
      </c>
      <c r="AS89" s="95">
        <v>3.0284189729503749E-2</v>
      </c>
      <c r="AT89" s="195">
        <v>192</v>
      </c>
      <c r="AU89" s="178">
        <v>4.3456626383265933</v>
      </c>
      <c r="AV89" s="130">
        <v>0.31224799967687422</v>
      </c>
      <c r="AW89" s="197">
        <v>0.20446943593301048</v>
      </c>
      <c r="AX89" s="95">
        <v>5.8237749705901294E-2</v>
      </c>
      <c r="AY89" s="197">
        <v>0.10470463383958378</v>
      </c>
      <c r="AZ89" s="95">
        <v>4.5187678447621726E-2</v>
      </c>
      <c r="BA89" s="197">
        <v>0.34263016044273908</v>
      </c>
      <c r="BB89" s="95">
        <v>6.7948847242034954E-2</v>
      </c>
      <c r="BC89" s="197">
        <v>0.34819576978466688</v>
      </c>
      <c r="BD89" s="95">
        <v>6.8196365728733402E-2</v>
      </c>
    </row>
    <row r="91" spans="1:56" ht="18.75">
      <c r="A91" s="343" t="s">
        <v>411</v>
      </c>
      <c r="B91" s="343"/>
      <c r="C91" s="343"/>
      <c r="D91" s="343"/>
    </row>
    <row r="92" spans="1:56" ht="101.25" customHeight="1">
      <c r="A92" s="403" t="s">
        <v>413</v>
      </c>
      <c r="B92" s="403"/>
      <c r="C92" s="403"/>
      <c r="D92" s="403"/>
    </row>
    <row r="93" spans="1:56" ht="52.5" customHeight="1">
      <c r="A93" s="413" t="s">
        <v>412</v>
      </c>
      <c r="B93" s="349"/>
      <c r="C93" s="349"/>
      <c r="D93" s="349"/>
    </row>
    <row r="94" spans="1:56" ht="72">
      <c r="A94" s="35" t="s">
        <v>70</v>
      </c>
      <c r="B94" s="36" t="s">
        <v>71</v>
      </c>
      <c r="C94" s="37" t="s">
        <v>551</v>
      </c>
      <c r="D94" s="38" t="s">
        <v>72</v>
      </c>
    </row>
    <row r="95" spans="1:56" ht="72">
      <c r="A95" s="39"/>
      <c r="B95" s="40" t="s">
        <v>73</v>
      </c>
      <c r="C95" s="126" t="s">
        <v>303</v>
      </c>
      <c r="D95" s="42" t="s">
        <v>75</v>
      </c>
    </row>
    <row r="96" spans="1:56">
      <c r="A96" s="43" t="s">
        <v>348</v>
      </c>
      <c r="B96" s="164">
        <v>13378</v>
      </c>
      <c r="C96" s="165">
        <v>4.6058382743290247</v>
      </c>
      <c r="D96" s="84">
        <v>2.841324988712805E-2</v>
      </c>
    </row>
    <row r="97" spans="1:4">
      <c r="A97" s="47" t="s">
        <v>349</v>
      </c>
      <c r="B97" s="47">
        <v>9798</v>
      </c>
      <c r="C97" s="167">
        <v>3.8991512701747868</v>
      </c>
      <c r="D97" s="85">
        <v>3.1300090940843274E-2</v>
      </c>
    </row>
    <row r="98" spans="1:4">
      <c r="A98" s="43" t="s">
        <v>350</v>
      </c>
      <c r="B98" s="51">
        <v>3580</v>
      </c>
      <c r="C98" s="165">
        <v>5.1791687404784188</v>
      </c>
      <c r="D98" s="84">
        <v>4.3236509349918018E-2</v>
      </c>
    </row>
    <row r="99" spans="1:4">
      <c r="A99" s="47" t="s">
        <v>568</v>
      </c>
      <c r="B99" s="47">
        <v>11119</v>
      </c>
      <c r="C99" s="167">
        <v>4.6157033018536131</v>
      </c>
      <c r="D99" s="85">
        <v>3.0652869352233922E-2</v>
      </c>
    </row>
    <row r="100" spans="1:4">
      <c r="A100" s="43" t="s">
        <v>569</v>
      </c>
      <c r="B100" s="51">
        <v>2259</v>
      </c>
      <c r="C100" s="165">
        <v>3.336384075531428</v>
      </c>
      <c r="D100" s="84">
        <v>6.2138475790671908E-2</v>
      </c>
    </row>
    <row r="101" spans="1:4">
      <c r="A101" s="47" t="s">
        <v>570</v>
      </c>
      <c r="B101" s="47">
        <v>584</v>
      </c>
      <c r="C101" s="167">
        <v>3.0365900869281797</v>
      </c>
      <c r="D101" s="85">
        <v>0.11327859106866119</v>
      </c>
    </row>
    <row r="102" spans="1:4">
      <c r="A102" s="43" t="s">
        <v>571</v>
      </c>
      <c r="B102" s="51">
        <v>1216</v>
      </c>
      <c r="C102" s="165">
        <v>2.9054577690234349</v>
      </c>
      <c r="D102" s="84">
        <v>7.8760442414874524E-2</v>
      </c>
    </row>
    <row r="103" spans="1:4">
      <c r="A103" s="47" t="s">
        <v>582</v>
      </c>
      <c r="B103" s="47">
        <v>817</v>
      </c>
      <c r="C103" s="167">
        <v>3.300820133874848</v>
      </c>
      <c r="D103" s="85">
        <v>0.10526294285902821</v>
      </c>
    </row>
    <row r="104" spans="1:4">
      <c r="A104" s="43" t="s">
        <v>583</v>
      </c>
      <c r="B104" s="51">
        <v>1442</v>
      </c>
      <c r="C104" s="165">
        <v>3.3503334444343182</v>
      </c>
      <c r="D104" s="84">
        <v>7.6604361872377041E-2</v>
      </c>
    </row>
    <row r="105" spans="1:4">
      <c r="A105" s="47" t="s">
        <v>572</v>
      </c>
      <c r="B105" s="47">
        <v>283</v>
      </c>
      <c r="C105" s="167">
        <v>4.3768472531436213</v>
      </c>
      <c r="D105" s="85">
        <v>0.20811760568586651</v>
      </c>
    </row>
    <row r="106" spans="1:4">
      <c r="A106" s="43" t="s">
        <v>573</v>
      </c>
      <c r="B106" s="164">
        <v>426</v>
      </c>
      <c r="C106" s="165">
        <v>2.8622967317612287</v>
      </c>
      <c r="D106" s="84">
        <v>0.12544984284055063</v>
      </c>
    </row>
    <row r="107" spans="1:4">
      <c r="A107" s="47" t="s">
        <v>574</v>
      </c>
      <c r="B107" s="166">
        <v>649</v>
      </c>
      <c r="C107" s="167">
        <v>2.7696029626324972</v>
      </c>
      <c r="D107" s="85">
        <v>0.10502667734702213</v>
      </c>
    </row>
    <row r="108" spans="1:4">
      <c r="A108" s="43" t="s">
        <v>575</v>
      </c>
      <c r="B108" s="81">
        <v>877</v>
      </c>
      <c r="C108" s="165">
        <v>3.3692331187703015</v>
      </c>
      <c r="D108" s="84">
        <v>9.6626815106599082E-2</v>
      </c>
    </row>
    <row r="109" spans="1:4">
      <c r="A109" s="47" t="s">
        <v>576</v>
      </c>
      <c r="B109" s="166">
        <v>716</v>
      </c>
      <c r="C109" s="167">
        <v>3.2020334758013331</v>
      </c>
      <c r="D109" s="85">
        <v>0.10437121943706752</v>
      </c>
    </row>
    <row r="110" spans="1:4">
      <c r="A110" s="55" t="s">
        <v>577</v>
      </c>
      <c r="B110" s="164">
        <v>736</v>
      </c>
      <c r="C110" s="165">
        <v>3.3633716412706063</v>
      </c>
      <c r="D110" s="84">
        <v>0.10920240004562463</v>
      </c>
    </row>
    <row r="111" spans="1:4">
      <c r="A111" s="47" t="s">
        <v>578</v>
      </c>
      <c r="B111" s="166">
        <v>243</v>
      </c>
      <c r="C111" s="167">
        <v>3.2271145288617449</v>
      </c>
      <c r="D111" s="85">
        <v>0.19862340826804378</v>
      </c>
    </row>
    <row r="112" spans="1:4">
      <c r="A112" s="55" t="s">
        <v>579</v>
      </c>
      <c r="B112" s="164">
        <v>209</v>
      </c>
      <c r="C112" s="165">
        <v>3.3566913990449088</v>
      </c>
      <c r="D112" s="84">
        <v>0.21513044324454975</v>
      </c>
    </row>
    <row r="113" spans="1:4">
      <c r="A113" s="47" t="s">
        <v>580</v>
      </c>
      <c r="B113" s="166">
        <v>211</v>
      </c>
      <c r="C113" s="167">
        <v>3.7234313791142384</v>
      </c>
      <c r="D113" s="85">
        <v>0.18920891489775593</v>
      </c>
    </row>
    <row r="114" spans="1:4">
      <c r="A114" s="55" t="s">
        <v>581</v>
      </c>
      <c r="B114" s="164">
        <v>117</v>
      </c>
      <c r="C114" s="165">
        <v>3.9341407320278488</v>
      </c>
      <c r="D114" s="84">
        <v>0.24730809910041204</v>
      </c>
    </row>
    <row r="115" spans="1:4">
      <c r="A115" s="47" t="s">
        <v>584</v>
      </c>
      <c r="B115" s="166">
        <v>109</v>
      </c>
      <c r="C115" s="167">
        <v>5.0946845444178575</v>
      </c>
      <c r="D115" s="85">
        <v>0.27850067892442487</v>
      </c>
    </row>
    <row r="116" spans="1:4">
      <c r="A116" s="55" t="s">
        <v>585</v>
      </c>
      <c r="B116" s="164">
        <v>2150</v>
      </c>
      <c r="C116" s="165">
        <v>3.0326626225134636</v>
      </c>
      <c r="D116" s="84">
        <v>6.0763672657433265E-2</v>
      </c>
    </row>
    <row r="117" spans="1:4">
      <c r="A117" s="47" t="s">
        <v>620</v>
      </c>
      <c r="B117" s="166">
        <v>148</v>
      </c>
      <c r="C117" s="167">
        <v>2.9756138095551106</v>
      </c>
      <c r="D117" s="85">
        <v>0.24717261662756781</v>
      </c>
    </row>
    <row r="118" spans="1:4">
      <c r="A118" s="55" t="s">
        <v>621</v>
      </c>
      <c r="B118" s="164">
        <v>157</v>
      </c>
      <c r="C118" s="165">
        <v>2.9181487758909634</v>
      </c>
      <c r="D118" s="84">
        <v>0.2118641602444406</v>
      </c>
    </row>
    <row r="119" spans="1:4">
      <c r="A119" s="47" t="s">
        <v>622</v>
      </c>
      <c r="B119" s="166">
        <v>948</v>
      </c>
      <c r="C119" s="167">
        <v>2.9540488312621029</v>
      </c>
      <c r="D119" s="85">
        <v>8.9027538381983157E-2</v>
      </c>
    </row>
    <row r="120" spans="1:4">
      <c r="A120" s="55" t="s">
        <v>623</v>
      </c>
      <c r="B120" s="164">
        <v>290</v>
      </c>
      <c r="C120" s="165">
        <v>3.0964550340859276</v>
      </c>
      <c r="D120" s="84">
        <v>0.16448145968068831</v>
      </c>
    </row>
    <row r="121" spans="1:4">
      <c r="A121" s="47" t="s">
        <v>624</v>
      </c>
      <c r="B121" s="166">
        <v>303</v>
      </c>
      <c r="C121" s="167">
        <v>2.800901191136981</v>
      </c>
      <c r="D121" s="85">
        <v>0.14526607434481989</v>
      </c>
    </row>
    <row r="122" spans="1:4">
      <c r="A122" s="55" t="s">
        <v>625</v>
      </c>
      <c r="B122" s="164">
        <v>1136</v>
      </c>
      <c r="C122" s="165">
        <v>3.4838061013841064</v>
      </c>
      <c r="D122" s="84">
        <v>9.1946858001897322E-2</v>
      </c>
    </row>
    <row r="123" spans="1:4">
      <c r="A123" s="47" t="s">
        <v>626</v>
      </c>
      <c r="B123" s="166">
        <v>1122</v>
      </c>
      <c r="C123" s="167">
        <v>3.0280579220270387</v>
      </c>
      <c r="D123" s="85">
        <v>8.2860589069840646E-2</v>
      </c>
    </row>
    <row r="124" spans="1:4">
      <c r="A124" s="55" t="s">
        <v>627</v>
      </c>
      <c r="B124" s="164">
        <v>326</v>
      </c>
      <c r="C124" s="165">
        <v>2.8034314167515344</v>
      </c>
      <c r="D124" s="84">
        <v>0.15123844508066181</v>
      </c>
    </row>
    <row r="125" spans="1:4">
      <c r="A125" s="47" t="s">
        <v>628</v>
      </c>
      <c r="B125" s="166">
        <v>796</v>
      </c>
      <c r="C125" s="167">
        <v>3.1596133786858838</v>
      </c>
      <c r="D125" s="85">
        <v>9.8712160550856853E-2</v>
      </c>
    </row>
    <row r="126" spans="1:4">
      <c r="A126" s="55" t="s">
        <v>629</v>
      </c>
      <c r="B126" s="164">
        <v>211</v>
      </c>
      <c r="C126" s="165">
        <v>3.0672233666948485</v>
      </c>
      <c r="D126" s="84">
        <v>0.19412884600119656</v>
      </c>
    </row>
    <row r="127" spans="1:4">
      <c r="A127" s="47" t="s">
        <v>630</v>
      </c>
      <c r="B127" s="166">
        <v>373</v>
      </c>
      <c r="C127" s="167">
        <v>2.998359995759849</v>
      </c>
      <c r="D127" s="85">
        <v>0.13883761530777203</v>
      </c>
    </row>
    <row r="128" spans="1:4">
      <c r="A128" s="55" t="s">
        <v>631</v>
      </c>
      <c r="B128" s="164">
        <v>51</v>
      </c>
      <c r="C128" s="165">
        <v>2.7560804650873281</v>
      </c>
      <c r="D128" s="84">
        <v>0.40360260774059625</v>
      </c>
    </row>
    <row r="129" spans="1:43">
      <c r="A129" s="47" t="s">
        <v>632</v>
      </c>
      <c r="B129" s="166">
        <v>322</v>
      </c>
      <c r="C129" s="167">
        <v>3.0630701596904366</v>
      </c>
      <c r="D129" s="85">
        <v>0.14740639644775819</v>
      </c>
    </row>
    <row r="130" spans="1:43">
      <c r="A130" s="55" t="s">
        <v>633</v>
      </c>
      <c r="B130" s="164">
        <v>632</v>
      </c>
      <c r="C130" s="165">
        <v>2.9198188273808734</v>
      </c>
      <c r="D130" s="84">
        <v>0.11142717453636347</v>
      </c>
    </row>
    <row r="131" spans="1:43">
      <c r="A131" s="47" t="s">
        <v>634</v>
      </c>
      <c r="B131" s="166">
        <v>584</v>
      </c>
      <c r="C131" s="167">
        <v>2.8807606245216801</v>
      </c>
      <c r="D131" s="85">
        <v>0.1112406922230063</v>
      </c>
    </row>
    <row r="132" spans="1:43">
      <c r="A132" s="55" t="s">
        <v>635</v>
      </c>
      <c r="B132" s="164">
        <v>220</v>
      </c>
      <c r="C132" s="165">
        <v>2.8312845977814085</v>
      </c>
      <c r="D132" s="84">
        <v>0.18337703793808269</v>
      </c>
    </row>
    <row r="133" spans="1:43">
      <c r="A133" s="47" t="s">
        <v>636</v>
      </c>
      <c r="B133" s="166">
        <v>364</v>
      </c>
      <c r="C133" s="167">
        <v>2.9235166537119306</v>
      </c>
      <c r="D133" s="85">
        <v>0.13995463590919355</v>
      </c>
    </row>
    <row r="135" spans="1:43" ht="18.75">
      <c r="A135" s="343" t="s">
        <v>508</v>
      </c>
      <c r="B135" s="343"/>
      <c r="C135" s="343"/>
      <c r="D135" s="343"/>
      <c r="E135" s="343"/>
      <c r="F135" s="343"/>
      <c r="G135" s="343"/>
      <c r="H135" s="343"/>
      <c r="I135" s="343"/>
      <c r="J135" s="343"/>
      <c r="K135" s="343"/>
      <c r="L135" s="343"/>
      <c r="M135" s="343"/>
      <c r="N135" s="343"/>
      <c r="O135" s="343"/>
      <c r="P135" s="343"/>
      <c r="Q135" s="343"/>
      <c r="R135" s="343"/>
      <c r="S135" s="343"/>
      <c r="T135" s="343"/>
      <c r="U135" s="343"/>
      <c r="V135" s="343"/>
      <c r="W135" s="343"/>
      <c r="X135" s="294"/>
      <c r="Y135" s="294"/>
    </row>
    <row r="136" spans="1:43" ht="56.25" customHeight="1">
      <c r="A136" s="418" t="s">
        <v>555</v>
      </c>
      <c r="B136" s="418"/>
      <c r="C136" s="418"/>
      <c r="D136" s="418"/>
      <c r="E136" s="418"/>
      <c r="F136" s="418"/>
      <c r="G136" s="418"/>
      <c r="H136" s="418"/>
      <c r="I136" s="418"/>
      <c r="J136" s="418"/>
      <c r="K136" s="418"/>
      <c r="L136" s="418"/>
      <c r="M136" s="418"/>
      <c r="N136" s="418"/>
      <c r="O136" s="418"/>
      <c r="P136" s="418"/>
      <c r="Q136" s="418"/>
      <c r="R136" s="418"/>
      <c r="S136" s="418"/>
      <c r="T136" s="418"/>
      <c r="U136" s="418"/>
      <c r="V136" s="418"/>
      <c r="W136" s="418"/>
      <c r="X136" s="294"/>
      <c r="Y136" s="294"/>
    </row>
    <row r="137" spans="1:43" ht="36" customHeight="1">
      <c r="A137" s="62"/>
      <c r="B137" s="398" t="s">
        <v>414</v>
      </c>
      <c r="C137" s="399"/>
      <c r="D137" s="399"/>
      <c r="E137" s="399"/>
      <c r="F137" s="399"/>
      <c r="G137" s="399"/>
      <c r="H137" s="399"/>
      <c r="I137" s="399"/>
      <c r="J137" s="399"/>
      <c r="K137" s="399"/>
      <c r="L137" s="400"/>
      <c r="M137" s="398" t="s">
        <v>415</v>
      </c>
      <c r="N137" s="399"/>
      <c r="O137" s="399"/>
      <c r="P137" s="399"/>
      <c r="Q137" s="399"/>
      <c r="R137" s="399"/>
      <c r="S137" s="399"/>
      <c r="T137" s="399"/>
      <c r="U137" s="399"/>
      <c r="V137" s="399"/>
      <c r="W137" s="399"/>
      <c r="X137" s="297"/>
      <c r="Y137" s="297"/>
      <c r="Z137" s="297"/>
      <c r="AA137" s="297"/>
      <c r="AB137" s="297"/>
      <c r="AC137" s="297"/>
      <c r="AD137" s="297"/>
      <c r="AE137" s="297"/>
      <c r="AF137" s="297"/>
      <c r="AG137" s="297"/>
      <c r="AH137" s="297"/>
      <c r="AI137" s="297"/>
      <c r="AJ137" s="297"/>
      <c r="AK137" s="297"/>
      <c r="AL137" s="297"/>
      <c r="AM137" s="297"/>
      <c r="AN137" s="297"/>
      <c r="AO137" s="297"/>
      <c r="AP137" s="297"/>
      <c r="AQ137" s="297"/>
    </row>
    <row r="138" spans="1:43" ht="41.25" customHeight="1">
      <c r="A138" s="35" t="s">
        <v>70</v>
      </c>
      <c r="B138" s="36" t="s">
        <v>71</v>
      </c>
      <c r="C138" s="37" t="s">
        <v>551</v>
      </c>
      <c r="D138" s="38" t="s">
        <v>72</v>
      </c>
      <c r="E138" s="36" t="s">
        <v>311</v>
      </c>
      <c r="F138" s="87" t="s">
        <v>142</v>
      </c>
      <c r="G138" s="36" t="s">
        <v>312</v>
      </c>
      <c r="H138" s="87" t="s">
        <v>143</v>
      </c>
      <c r="I138" s="36" t="s">
        <v>313</v>
      </c>
      <c r="J138" s="87" t="s">
        <v>116</v>
      </c>
      <c r="K138" s="36" t="s">
        <v>300</v>
      </c>
      <c r="L138" s="87" t="s">
        <v>314</v>
      </c>
      <c r="M138" s="63" t="s">
        <v>71</v>
      </c>
      <c r="N138" s="64" t="s">
        <v>551</v>
      </c>
      <c r="O138" s="65" t="s">
        <v>72</v>
      </c>
      <c r="P138" s="63" t="s">
        <v>311</v>
      </c>
      <c r="Q138" s="86" t="s">
        <v>142</v>
      </c>
      <c r="R138" s="63" t="s">
        <v>315</v>
      </c>
      <c r="S138" s="86" t="s">
        <v>316</v>
      </c>
      <c r="T138" s="63" t="s">
        <v>313</v>
      </c>
      <c r="U138" s="86" t="s">
        <v>116</v>
      </c>
      <c r="V138" s="63" t="s">
        <v>300</v>
      </c>
      <c r="W138" s="86" t="s">
        <v>314</v>
      </c>
    </row>
    <row r="139" spans="1:43" ht="72">
      <c r="A139" s="39"/>
      <c r="B139" s="40" t="s">
        <v>73</v>
      </c>
      <c r="C139" s="126" t="s">
        <v>303</v>
      </c>
      <c r="D139" s="42" t="s">
        <v>75</v>
      </c>
      <c r="E139" s="40" t="s">
        <v>158</v>
      </c>
      <c r="F139" s="89" t="s">
        <v>87</v>
      </c>
      <c r="G139" s="40" t="s">
        <v>159</v>
      </c>
      <c r="H139" s="89" t="s">
        <v>87</v>
      </c>
      <c r="I139" s="40" t="s">
        <v>160</v>
      </c>
      <c r="J139" s="89" t="s">
        <v>87</v>
      </c>
      <c r="K139" s="40" t="s">
        <v>300</v>
      </c>
      <c r="L139" s="89" t="s">
        <v>87</v>
      </c>
      <c r="M139" s="66" t="s">
        <v>73</v>
      </c>
      <c r="N139" s="259" t="s">
        <v>303</v>
      </c>
      <c r="O139" s="68" t="s">
        <v>75</v>
      </c>
      <c r="P139" s="66" t="s">
        <v>158</v>
      </c>
      <c r="Q139" s="88" t="s">
        <v>87</v>
      </c>
      <c r="R139" s="66" t="s">
        <v>159</v>
      </c>
      <c r="S139" s="88" t="s">
        <v>87</v>
      </c>
      <c r="T139" s="66" t="s">
        <v>160</v>
      </c>
      <c r="U139" s="88" t="s">
        <v>87</v>
      </c>
      <c r="V139" s="66" t="s">
        <v>300</v>
      </c>
      <c r="W139" s="88" t="s">
        <v>87</v>
      </c>
    </row>
    <row r="140" spans="1:43">
      <c r="A140" s="43" t="s">
        <v>348</v>
      </c>
      <c r="B140" s="194">
        <v>13765</v>
      </c>
      <c r="C140" s="82">
        <v>4.6218854932024618</v>
      </c>
      <c r="D140" s="83">
        <v>2.9541683813995363E-2</v>
      </c>
      <c r="E140" s="196">
        <v>0.23907028799581004</v>
      </c>
      <c r="F140" s="92">
        <v>7.2704463901309612E-3</v>
      </c>
      <c r="G140" s="196">
        <v>0.17044209525032281</v>
      </c>
      <c r="H140" s="92">
        <v>6.4104343685206268E-3</v>
      </c>
      <c r="I140" s="196">
        <v>0.5804295452051893</v>
      </c>
      <c r="J140" s="92">
        <v>8.4112269517187949E-3</v>
      </c>
      <c r="K140" s="196">
        <v>1.0058071548694003E-2</v>
      </c>
      <c r="L140" s="83">
        <v>1.7126203741847147E-3</v>
      </c>
      <c r="M140" s="194">
        <v>13843</v>
      </c>
      <c r="N140" s="82">
        <v>4.5967103240332383</v>
      </c>
      <c r="O140" s="196">
        <v>3.5405588152114864E-2</v>
      </c>
      <c r="P140" s="196">
        <v>0.28846712963972082</v>
      </c>
      <c r="Q140" s="92">
        <v>7.7006102684024046E-3</v>
      </c>
      <c r="R140" s="196">
        <v>0.12828613840063616</v>
      </c>
      <c r="S140" s="92">
        <v>5.6856997465847305E-3</v>
      </c>
      <c r="T140" s="196">
        <v>0.56647253136033926</v>
      </c>
      <c r="U140" s="92">
        <v>8.4227157461731327E-3</v>
      </c>
      <c r="V140" s="196">
        <v>1.6774200599319375E-2</v>
      </c>
      <c r="W140" s="92">
        <v>2.191636005694597E-3</v>
      </c>
    </row>
    <row r="141" spans="1:43">
      <c r="A141" s="47" t="s">
        <v>349</v>
      </c>
      <c r="B141" s="47">
        <v>10100</v>
      </c>
      <c r="C141" s="178">
        <v>4.1695425903581356</v>
      </c>
      <c r="D141" s="130">
        <v>3.4448295583078915E-2</v>
      </c>
      <c r="E141" s="197">
        <v>0.34152122855695283</v>
      </c>
      <c r="F141" s="95">
        <v>9.4358768663867273E-3</v>
      </c>
      <c r="G141" s="197">
        <v>0.17469114921658968</v>
      </c>
      <c r="H141" s="95">
        <v>7.5570651502053941E-3</v>
      </c>
      <c r="I141" s="197">
        <v>0.47687708375163623</v>
      </c>
      <c r="J141" s="95">
        <v>9.9377666432826899E-3</v>
      </c>
      <c r="K141" s="197">
        <v>6.9105384748209594E-3</v>
      </c>
      <c r="L141" s="130">
        <v>1.6712430268018129E-3</v>
      </c>
      <c r="M141" s="47">
        <v>10165</v>
      </c>
      <c r="N141" s="178">
        <v>3.639621827302848</v>
      </c>
      <c r="O141" s="197">
        <v>3.8735524108903331E-2</v>
      </c>
      <c r="P141" s="197">
        <v>0.48496814217650475</v>
      </c>
      <c r="Q141" s="95">
        <v>9.9120772612238204E-3</v>
      </c>
      <c r="R141" s="197">
        <v>0.13199811931886693</v>
      </c>
      <c r="S141" s="95">
        <v>6.7164047884303987E-3</v>
      </c>
      <c r="T141" s="197">
        <v>0.36314130167084047</v>
      </c>
      <c r="U141" s="95">
        <v>9.5381482792795368E-3</v>
      </c>
      <c r="V141" s="197">
        <v>1.9892436833781689E-2</v>
      </c>
      <c r="W141" s="95">
        <v>2.7821573111958746E-3</v>
      </c>
    </row>
    <row r="142" spans="1:43">
      <c r="A142" s="43" t="s">
        <v>350</v>
      </c>
      <c r="B142" s="51">
        <v>3665</v>
      </c>
      <c r="C142" s="82">
        <v>4.9927410243324486</v>
      </c>
      <c r="D142" s="83">
        <v>4.8905180471125187E-2</v>
      </c>
      <c r="E142" s="196">
        <v>0.15555860522907791</v>
      </c>
      <c r="F142" s="92">
        <v>1.1978843463844795E-2</v>
      </c>
      <c r="G142" s="196">
        <v>0.16697852873793584</v>
      </c>
      <c r="H142" s="92">
        <v>1.2325130483906727E-2</v>
      </c>
      <c r="I142" s="196">
        <v>0.66483911980992394</v>
      </c>
      <c r="J142" s="92">
        <v>1.558830091558025E-2</v>
      </c>
      <c r="K142" s="196">
        <v>1.2623746223063092E-2</v>
      </c>
      <c r="L142" s="83">
        <v>3.7620756571589628E-3</v>
      </c>
      <c r="M142" s="51">
        <v>3678</v>
      </c>
      <c r="N142" s="82">
        <v>5.3734788863316103</v>
      </c>
      <c r="O142" s="196">
        <v>5.1390986973733115E-2</v>
      </c>
      <c r="P142" s="196">
        <v>0.12806626381766983</v>
      </c>
      <c r="Q142" s="92">
        <v>1.1028859327793969E-2</v>
      </c>
      <c r="R142" s="196">
        <v>0.12525610336156179</v>
      </c>
      <c r="S142" s="92">
        <v>1.0925254393580393E-2</v>
      </c>
      <c r="T142" s="196">
        <v>0.73244880227012543</v>
      </c>
      <c r="U142" s="92">
        <v>1.4595203895135739E-2</v>
      </c>
      <c r="V142" s="196">
        <v>1.4228830550643858E-2</v>
      </c>
      <c r="W142" s="92">
        <v>3.9742243860208465E-3</v>
      </c>
    </row>
    <row r="143" spans="1:43">
      <c r="A143" s="47" t="s">
        <v>568</v>
      </c>
      <c r="B143" s="47">
        <v>11423</v>
      </c>
      <c r="C143" s="178">
        <v>4.6295837484640048</v>
      </c>
      <c r="D143" s="130">
        <v>3.1758888279007975E-2</v>
      </c>
      <c r="E143" s="197">
        <v>0.23720342176647743</v>
      </c>
      <c r="F143" s="95">
        <v>7.9595173341549339E-3</v>
      </c>
      <c r="G143" s="197">
        <v>0.1705277625160016</v>
      </c>
      <c r="H143" s="95">
        <v>7.0384814886432171E-3</v>
      </c>
      <c r="I143" s="197">
        <v>0.58213740111895507</v>
      </c>
      <c r="J143" s="95">
        <v>9.2277878075297005E-3</v>
      </c>
      <c r="K143" s="197">
        <v>1.0131414598585074E-2</v>
      </c>
      <c r="L143" s="130">
        <v>1.8892725302978987E-3</v>
      </c>
      <c r="M143" s="47">
        <v>11487</v>
      </c>
      <c r="N143" s="178">
        <v>4.6089451143588427</v>
      </c>
      <c r="O143" s="197">
        <v>3.8491496945457587E-2</v>
      </c>
      <c r="P143" s="197">
        <v>0.2858375160582205</v>
      </c>
      <c r="Q143" s="95">
        <v>8.4303027723876146E-3</v>
      </c>
      <c r="R143" s="197">
        <v>0.12851286723518038</v>
      </c>
      <c r="S143" s="95">
        <v>6.2465618921900435E-3</v>
      </c>
      <c r="T143" s="197">
        <v>0.5689248281985424</v>
      </c>
      <c r="U143" s="95">
        <v>9.2397018973758641E-3</v>
      </c>
      <c r="V143" s="197">
        <v>1.6724788508076151E-2</v>
      </c>
      <c r="W143" s="95">
        <v>2.4043908651998429E-3</v>
      </c>
    </row>
    <row r="144" spans="1:43">
      <c r="A144" s="43" t="s">
        <v>569</v>
      </c>
      <c r="B144" s="51">
        <v>2342</v>
      </c>
      <c r="C144" s="82">
        <v>3.6506530050114079</v>
      </c>
      <c r="D144" s="83">
        <v>7.1944750365771276E-2</v>
      </c>
      <c r="E144" s="196">
        <v>0.4768392105758118</v>
      </c>
      <c r="F144" s="92">
        <v>2.0623917182267006E-2</v>
      </c>
      <c r="G144" s="196">
        <v>0.1595312902120663</v>
      </c>
      <c r="H144" s="92">
        <v>1.5142179881114286E-2</v>
      </c>
      <c r="I144" s="196">
        <v>0.36291258863003334</v>
      </c>
      <c r="J144" s="92">
        <v>1.985759498619423E-2</v>
      </c>
      <c r="K144" s="196">
        <v>7.169105820854756E-4</v>
      </c>
      <c r="L144" s="83">
        <v>1.6339033155054405E-3</v>
      </c>
      <c r="M144" s="51">
        <v>2356</v>
      </c>
      <c r="N144" s="82">
        <v>3.0291491205598682</v>
      </c>
      <c r="O144" s="196">
        <v>7.4432967096579053E-2</v>
      </c>
      <c r="P144" s="196">
        <v>0.62320961293053001</v>
      </c>
      <c r="Q144" s="92">
        <v>1.995209548326126E-2</v>
      </c>
      <c r="R144" s="196">
        <v>9.9424189389291498E-2</v>
      </c>
      <c r="S144" s="92">
        <v>1.2356463656578593E-2</v>
      </c>
      <c r="T144" s="196">
        <v>0.25430197551886469</v>
      </c>
      <c r="U144" s="92">
        <v>1.7937601024551657E-2</v>
      </c>
      <c r="V144" s="196">
        <v>2.3064222161311064E-2</v>
      </c>
      <c r="W144" s="92">
        <v>6.2845907103581209E-3</v>
      </c>
    </row>
    <row r="145" spans="1:23">
      <c r="A145" s="47" t="s">
        <v>570</v>
      </c>
      <c r="B145" s="47">
        <v>603</v>
      </c>
      <c r="C145" s="178">
        <v>3.3873072483803015</v>
      </c>
      <c r="D145" s="130">
        <v>0.13640692845269589</v>
      </c>
      <c r="E145" s="197">
        <v>0.51769734519742971</v>
      </c>
      <c r="F145" s="95">
        <v>4.0563649673962685E-2</v>
      </c>
      <c r="G145" s="197">
        <v>0.15609612782304927</v>
      </c>
      <c r="H145" s="95">
        <v>2.9636316946910567E-2</v>
      </c>
      <c r="I145" s="197">
        <v>0.32535979978485668</v>
      </c>
      <c r="J145" s="95">
        <v>3.8067090901161636E-2</v>
      </c>
      <c r="K145" s="197">
        <v>8.467271946645291E-4</v>
      </c>
      <c r="L145" s="130">
        <v>5.2098838584202925E-3</v>
      </c>
      <c r="M145" s="47">
        <v>607</v>
      </c>
      <c r="N145" s="178">
        <v>2.6659149024098578</v>
      </c>
      <c r="O145" s="197">
        <v>0.1411746844541221</v>
      </c>
      <c r="P145" s="197">
        <v>0.70330084041275254</v>
      </c>
      <c r="Q145" s="95">
        <v>3.700826277274296E-2</v>
      </c>
      <c r="R145" s="197">
        <v>8.7250250728620832E-2</v>
      </c>
      <c r="S145" s="95">
        <v>2.3149828173176772E-2</v>
      </c>
      <c r="T145" s="197">
        <v>0.18316904955624277</v>
      </c>
      <c r="U145" s="95">
        <v>3.1433631043267331E-2</v>
      </c>
      <c r="V145" s="197">
        <v>2.6279859302384381E-2</v>
      </c>
      <c r="W145" s="95">
        <v>1.3663691626367548E-2</v>
      </c>
    </row>
    <row r="146" spans="1:23">
      <c r="A146" s="43" t="s">
        <v>571</v>
      </c>
      <c r="B146" s="51">
        <v>1258</v>
      </c>
      <c r="C146" s="82">
        <v>3.2813825119859077</v>
      </c>
      <c r="D146" s="83">
        <v>9.6246694415193332E-2</v>
      </c>
      <c r="E146" s="196">
        <v>0.56899400572276349</v>
      </c>
      <c r="F146" s="92">
        <v>2.7881908247589713E-2</v>
      </c>
      <c r="G146" s="196">
        <v>0.14778436435970416</v>
      </c>
      <c r="H146" s="92">
        <v>2.004189808455295E-2</v>
      </c>
      <c r="I146" s="196">
        <v>0.28273949531399212</v>
      </c>
      <c r="J146" s="92">
        <v>2.5371822597275086E-2</v>
      </c>
      <c r="K146" s="196">
        <v>4.8213460354238491E-4</v>
      </c>
      <c r="L146" s="83">
        <v>2.5559517881132291E-3</v>
      </c>
      <c r="M146" s="51">
        <v>1267</v>
      </c>
      <c r="N146" s="82">
        <v>2.5335221770630172</v>
      </c>
      <c r="O146" s="196">
        <v>9.3328927048928589E-2</v>
      </c>
      <c r="P146" s="196">
        <v>0.73425944561273693</v>
      </c>
      <c r="Q146" s="92">
        <v>2.4802437736837091E-2</v>
      </c>
      <c r="R146" s="196">
        <v>9.7546749761802318E-2</v>
      </c>
      <c r="S146" s="92">
        <v>1.6740651342974196E-2</v>
      </c>
      <c r="T146" s="196">
        <v>0.1502547129301596</v>
      </c>
      <c r="U146" s="92">
        <v>2.0105696099027275E-2</v>
      </c>
      <c r="V146" s="196">
        <v>1.7939091695301744E-2</v>
      </c>
      <c r="W146" s="92">
        <v>7.7485371851045096E-3</v>
      </c>
    </row>
    <row r="147" spans="1:23">
      <c r="A147" s="47" t="s">
        <v>582</v>
      </c>
      <c r="B147" s="47">
        <v>851</v>
      </c>
      <c r="C147" s="178">
        <v>3.7137154639439967</v>
      </c>
      <c r="D147" s="130">
        <v>0.12283658934663148</v>
      </c>
      <c r="E147" s="197">
        <v>0.47304942400181943</v>
      </c>
      <c r="F147" s="95">
        <v>3.4150026527908925E-2</v>
      </c>
      <c r="G147" s="197">
        <v>0.17141990149123798</v>
      </c>
      <c r="H147" s="95">
        <v>2.5869031683038297E-2</v>
      </c>
      <c r="I147" s="197">
        <v>0.35449376679407579</v>
      </c>
      <c r="J147" s="95">
        <v>3.2733234993695882E-2</v>
      </c>
      <c r="K147" s="197">
        <v>1.0369077128686204E-3</v>
      </c>
      <c r="L147" s="130">
        <v>3.9646819293749956E-3</v>
      </c>
      <c r="M147" s="47">
        <v>855</v>
      </c>
      <c r="N147" s="178">
        <v>2.9228430937938499</v>
      </c>
      <c r="O147" s="197">
        <v>0.12022560621004449</v>
      </c>
      <c r="P147" s="197">
        <v>0.63665895181370646</v>
      </c>
      <c r="Q147" s="95">
        <v>3.2832722776009474E-2</v>
      </c>
      <c r="R147" s="197">
        <v>9.6666723463842252E-2</v>
      </c>
      <c r="S147" s="95">
        <v>2.033866735866087E-2</v>
      </c>
      <c r="T147" s="197">
        <v>0.23497316283419939</v>
      </c>
      <c r="U147" s="95">
        <v>2.8984633342467994E-2</v>
      </c>
      <c r="V147" s="197">
        <v>3.1701161888253657E-2</v>
      </c>
      <c r="W147" s="95">
        <v>1.234616221206066E-2</v>
      </c>
    </row>
    <row r="148" spans="1:23">
      <c r="A148" s="43" t="s">
        <v>583</v>
      </c>
      <c r="B148" s="51">
        <v>1491</v>
      </c>
      <c r="C148" s="82">
        <v>3.6256905700208044</v>
      </c>
      <c r="D148" s="83">
        <v>8.8624234038636326E-2</v>
      </c>
      <c r="E148" s="196">
        <v>0.47834001798525189</v>
      </c>
      <c r="F148" s="92">
        <v>2.5838880886750223E-2</v>
      </c>
      <c r="G148" s="196">
        <v>0.15482323725253105</v>
      </c>
      <c r="H148" s="92">
        <v>1.8756651470121802E-2</v>
      </c>
      <c r="I148" s="196">
        <v>0.36624655742839346</v>
      </c>
      <c r="J148" s="92">
        <v>2.4925608160313074E-2</v>
      </c>
      <c r="K148" s="196">
        <v>5.9018733382300748E-4</v>
      </c>
      <c r="L148" s="83">
        <v>2.2681094976132947E-3</v>
      </c>
      <c r="M148" s="51">
        <v>1501</v>
      </c>
      <c r="N148" s="82">
        <v>3.0706741044943553</v>
      </c>
      <c r="O148" s="196">
        <v>9.4020828132412679E-2</v>
      </c>
      <c r="P148" s="196">
        <v>0.61789067484640148</v>
      </c>
      <c r="Q148" s="92">
        <v>2.5054124435114369E-2</v>
      </c>
      <c r="R148" s="196">
        <v>0.10051471068955528</v>
      </c>
      <c r="S148" s="92">
        <v>1.5573952804839721E-2</v>
      </c>
      <c r="T148" s="196">
        <v>0.26194612507911691</v>
      </c>
      <c r="U148" s="92">
        <v>2.2685554484576976E-2</v>
      </c>
      <c r="V148" s="196">
        <v>1.9648489384925669E-2</v>
      </c>
      <c r="W148" s="92">
        <v>7.3791136244748647E-3</v>
      </c>
    </row>
    <row r="149" spans="1:23">
      <c r="A149" s="47" t="s">
        <v>572</v>
      </c>
      <c r="B149" s="47">
        <v>290</v>
      </c>
      <c r="C149" s="178">
        <v>4.5206766027458949</v>
      </c>
      <c r="D149" s="130">
        <v>0.21698227139253978</v>
      </c>
      <c r="E149" s="197">
        <v>0.2972382388264222</v>
      </c>
      <c r="F149" s="95">
        <v>5.3452090683853343E-2</v>
      </c>
      <c r="G149" s="197">
        <v>0.1499438375460509</v>
      </c>
      <c r="H149" s="95">
        <v>4.2180758306820561E-2</v>
      </c>
      <c r="I149" s="197">
        <v>0.55146014775454266</v>
      </c>
      <c r="J149" s="95">
        <v>5.8019867746167783E-2</v>
      </c>
      <c r="K149" s="197">
        <v>1.3577758729838513E-3</v>
      </c>
      <c r="L149" s="130">
        <v>1.0482074928570371E-2</v>
      </c>
      <c r="M149" s="47">
        <v>291</v>
      </c>
      <c r="N149" s="178">
        <v>4.2899837745044369</v>
      </c>
      <c r="O149" s="197">
        <v>0.24228951429895143</v>
      </c>
      <c r="P149" s="197">
        <v>0.35978366596119243</v>
      </c>
      <c r="Q149" s="95">
        <v>5.5950212047410228E-2</v>
      </c>
      <c r="R149" s="197">
        <v>0.13584241346963929</v>
      </c>
      <c r="S149" s="95">
        <v>4.0498770797812028E-2</v>
      </c>
      <c r="T149" s="197">
        <v>0.47742242080262465</v>
      </c>
      <c r="U149" s="95">
        <v>5.8164463826043449E-2</v>
      </c>
      <c r="V149" s="197">
        <v>2.695149976654344E-2</v>
      </c>
      <c r="W149" s="95">
        <v>2.0912228412476003E-2</v>
      </c>
    </row>
    <row r="150" spans="1:23">
      <c r="A150" s="43" t="s">
        <v>573</v>
      </c>
      <c r="B150" s="194">
        <v>444</v>
      </c>
      <c r="C150" s="82">
        <v>3.2075076339392807</v>
      </c>
      <c r="D150" s="83">
        <v>0.15690825327218105</v>
      </c>
      <c r="E150" s="196">
        <v>0.58883446802032369</v>
      </c>
      <c r="F150" s="92">
        <v>4.6507365866645396E-2</v>
      </c>
      <c r="G150" s="196">
        <v>0.15126000800622028</v>
      </c>
      <c r="H150" s="92">
        <v>3.4140270104673055E-2</v>
      </c>
      <c r="I150" s="196">
        <v>0.2599055239734569</v>
      </c>
      <c r="J150" s="92">
        <v>4.1552401137364657E-2</v>
      </c>
      <c r="K150" s="196">
        <v>0</v>
      </c>
      <c r="L150" s="83">
        <v>6.2993451100568911E-3</v>
      </c>
      <c r="M150" s="194">
        <v>445</v>
      </c>
      <c r="N150" s="82">
        <v>2.5314796168916764</v>
      </c>
      <c r="O150" s="196">
        <v>0.14765042540414167</v>
      </c>
      <c r="P150" s="196">
        <v>0.72058494036670961</v>
      </c>
      <c r="Q150" s="92">
        <v>4.2442716537624645E-2</v>
      </c>
      <c r="R150" s="196">
        <v>7.9707138725559054E-2</v>
      </c>
      <c r="S150" s="92">
        <v>2.6103658427210054E-2</v>
      </c>
      <c r="T150" s="196">
        <v>0.16935565498592348</v>
      </c>
      <c r="U150" s="92">
        <v>3.5644062827392145E-2</v>
      </c>
      <c r="V150" s="196">
        <v>3.0352265921808678E-2</v>
      </c>
      <c r="W150" s="92">
        <v>1.723503457670536E-2</v>
      </c>
    </row>
    <row r="151" spans="1:23">
      <c r="A151" s="47" t="s">
        <v>574</v>
      </c>
      <c r="B151" s="195">
        <v>669</v>
      </c>
      <c r="C151" s="178">
        <v>3.1116029256003044</v>
      </c>
      <c r="D151" s="130">
        <v>0.13242213300843489</v>
      </c>
      <c r="E151" s="197">
        <v>0.59453795912941088</v>
      </c>
      <c r="F151" s="95">
        <v>3.7860186868790127E-2</v>
      </c>
      <c r="G151" s="197">
        <v>0.15616308450084784</v>
      </c>
      <c r="H151" s="95">
        <v>2.8134397724597839E-2</v>
      </c>
      <c r="I151" s="197">
        <v>0.24849471705256257</v>
      </c>
      <c r="J151" s="95">
        <v>3.3382360818047969E-2</v>
      </c>
      <c r="K151" s="197">
        <v>8.0423931717762704E-4</v>
      </c>
      <c r="L151" s="130">
        <v>4.7254521466032302E-3</v>
      </c>
      <c r="M151" s="195">
        <v>676</v>
      </c>
      <c r="N151" s="178">
        <v>2.4435262278743552</v>
      </c>
      <c r="O151" s="197">
        <v>0.12122628460898623</v>
      </c>
      <c r="P151" s="197">
        <v>0.75245562177736869</v>
      </c>
      <c r="Q151" s="95">
        <v>3.3167468434802436E-2</v>
      </c>
      <c r="R151" s="197">
        <v>7.4330705796085791E-2</v>
      </c>
      <c r="S151" s="95">
        <v>2.0426493823033524E-2</v>
      </c>
      <c r="T151" s="197">
        <v>0.14946319348673634</v>
      </c>
      <c r="U151" s="95">
        <v>2.7500299050052485E-2</v>
      </c>
      <c r="V151" s="197">
        <v>2.3750478939808754E-2</v>
      </c>
      <c r="W151" s="95">
        <v>1.2330483707085817E-2</v>
      </c>
    </row>
    <row r="152" spans="1:23">
      <c r="A152" s="43" t="s">
        <v>575</v>
      </c>
      <c r="B152" s="52">
        <v>915</v>
      </c>
      <c r="C152" s="82">
        <v>3.7623451693489942</v>
      </c>
      <c r="D152" s="83">
        <v>0.11090884108994289</v>
      </c>
      <c r="E152" s="196">
        <v>0.43653011392693314</v>
      </c>
      <c r="F152" s="92">
        <v>3.2722433108474197E-2</v>
      </c>
      <c r="G152" s="196">
        <v>0.17410646154921033</v>
      </c>
      <c r="H152" s="92">
        <v>2.5097496947786454E-2</v>
      </c>
      <c r="I152" s="196">
        <v>0.38864567721111165</v>
      </c>
      <c r="J152" s="92">
        <v>3.2165778517683714E-2</v>
      </c>
      <c r="K152" s="196">
        <v>7.1774731274079661E-4</v>
      </c>
      <c r="L152" s="83">
        <v>3.5420953861758512E-3</v>
      </c>
      <c r="M152" s="52">
        <v>920</v>
      </c>
      <c r="N152" s="82">
        <v>2.9455028466153834</v>
      </c>
      <c r="O152" s="196">
        <v>0.12205576466345842</v>
      </c>
      <c r="P152" s="196">
        <v>0.63834892066566351</v>
      </c>
      <c r="Q152" s="92">
        <v>3.1624483323752166E-2</v>
      </c>
      <c r="R152" s="196">
        <v>0.10922428633908225</v>
      </c>
      <c r="S152" s="92">
        <v>2.0661527790645985E-2</v>
      </c>
      <c r="T152" s="196">
        <v>0.23670837495668767</v>
      </c>
      <c r="U152" s="92">
        <v>2.8013325191203389E-2</v>
      </c>
      <c r="V152" s="196">
        <v>1.5718418038563508E-2</v>
      </c>
      <c r="W152" s="92">
        <v>8.703262394835173E-3</v>
      </c>
    </row>
    <row r="153" spans="1:23">
      <c r="A153" s="47" t="s">
        <v>576</v>
      </c>
      <c r="B153" s="195">
        <v>743</v>
      </c>
      <c r="C153" s="178">
        <v>3.5872255989230917</v>
      </c>
      <c r="D153" s="130">
        <v>0.1246820918030522</v>
      </c>
      <c r="E153" s="197">
        <v>0.50444654159912283</v>
      </c>
      <c r="F153" s="95">
        <v>3.6586655268765977E-2</v>
      </c>
      <c r="G153" s="197">
        <v>0.13719683428241378</v>
      </c>
      <c r="H153" s="95">
        <v>2.5325695267017868E-2</v>
      </c>
      <c r="I153" s="197">
        <v>0.35702742845566654</v>
      </c>
      <c r="J153" s="95">
        <v>3.5077055917221239E-2</v>
      </c>
      <c r="K153" s="197">
        <v>1.3291956627964111E-3</v>
      </c>
      <c r="L153" s="130">
        <v>4.618488359766762E-3</v>
      </c>
      <c r="M153" s="195">
        <v>755</v>
      </c>
      <c r="N153" s="178">
        <v>2.8387826424369123</v>
      </c>
      <c r="O153" s="197">
        <v>0.12215750219247634</v>
      </c>
      <c r="P153" s="197">
        <v>0.65498491836357398</v>
      </c>
      <c r="Q153" s="95">
        <v>3.45291831354054E-2</v>
      </c>
      <c r="R153" s="197">
        <v>7.9344297248692644E-2</v>
      </c>
      <c r="S153" s="95">
        <v>1.9868999645004562E-2</v>
      </c>
      <c r="T153" s="197">
        <v>0.23368791072927031</v>
      </c>
      <c r="U153" s="95">
        <v>3.0784510387908259E-2</v>
      </c>
      <c r="V153" s="197">
        <v>3.1982873658463064E-2</v>
      </c>
      <c r="W153" s="95">
        <v>1.3239977826157686E-2</v>
      </c>
    </row>
    <row r="154" spans="1:23">
      <c r="A154" s="55" t="s">
        <v>577</v>
      </c>
      <c r="B154" s="194">
        <v>758</v>
      </c>
      <c r="C154" s="82">
        <v>3.3588794287560004</v>
      </c>
      <c r="D154" s="83">
        <v>0.12293559198132027</v>
      </c>
      <c r="E154" s="196">
        <v>0.55031539666019502</v>
      </c>
      <c r="F154" s="92">
        <v>3.6044218249553464E-2</v>
      </c>
      <c r="G154" s="196">
        <v>0.14945619824122514</v>
      </c>
      <c r="H154" s="92">
        <v>2.5962394141972812E-2</v>
      </c>
      <c r="I154" s="196">
        <v>0.30022840509857718</v>
      </c>
      <c r="J154" s="92">
        <v>3.3242069212638857E-2</v>
      </c>
      <c r="K154" s="196">
        <v>0</v>
      </c>
      <c r="L154" s="83">
        <v>3.706972230090973E-3</v>
      </c>
      <c r="M154" s="194">
        <v>757</v>
      </c>
      <c r="N154" s="82">
        <v>3.3624960836682263</v>
      </c>
      <c r="O154" s="196">
        <v>0.13131371165617203</v>
      </c>
      <c r="P154" s="196">
        <v>0.55237552901498266</v>
      </c>
      <c r="Q154" s="92">
        <v>3.6052638256127645E-2</v>
      </c>
      <c r="R154" s="196">
        <v>0.13135548784868725</v>
      </c>
      <c r="S154" s="92">
        <v>2.4642100731821218E-2</v>
      </c>
      <c r="T154" s="196">
        <v>0.3068598457121981</v>
      </c>
      <c r="U154" s="92">
        <v>3.3467029187842619E-2</v>
      </c>
      <c r="V154" s="196">
        <v>9.409137424129117E-3</v>
      </c>
      <c r="W154" s="92">
        <v>7.8902105812179314E-3</v>
      </c>
    </row>
    <row r="155" spans="1:23">
      <c r="A155" s="47" t="s">
        <v>578</v>
      </c>
      <c r="B155" s="195">
        <v>253</v>
      </c>
      <c r="C155" s="178">
        <v>3.7085629673230831</v>
      </c>
      <c r="D155" s="130">
        <v>0.2171638911124921</v>
      </c>
      <c r="E155" s="197">
        <v>0.44399187007264923</v>
      </c>
      <c r="F155" s="95">
        <v>6.1997863212350804E-2</v>
      </c>
      <c r="G155" s="197">
        <v>0.18118641947302863</v>
      </c>
      <c r="H155" s="95">
        <v>4.8558558661026416E-2</v>
      </c>
      <c r="I155" s="197">
        <v>0.37482171045432222</v>
      </c>
      <c r="J155" s="95">
        <v>6.0454101280171937E-2</v>
      </c>
      <c r="K155" s="197">
        <v>0</v>
      </c>
      <c r="L155" s="130">
        <v>1.096264621178554E-2</v>
      </c>
      <c r="M155" s="195">
        <v>255</v>
      </c>
      <c r="N155" s="178">
        <v>2.7890642107947485</v>
      </c>
      <c r="O155" s="197">
        <v>0.23463516887294836</v>
      </c>
      <c r="P155" s="197">
        <v>0.68059569360038996</v>
      </c>
      <c r="Q155" s="95">
        <v>5.8075283764863379E-2</v>
      </c>
      <c r="R155" s="197">
        <v>8.8180490301649386E-2</v>
      </c>
      <c r="S155" s="95">
        <v>3.6359998618097814E-2</v>
      </c>
      <c r="T155" s="197">
        <v>0.20146478874793325</v>
      </c>
      <c r="U155" s="95">
        <v>5.0266980275081689E-2</v>
      </c>
      <c r="V155" s="197">
        <v>2.9759027350027858E-2</v>
      </c>
      <c r="W155" s="95">
        <v>2.3464702631685104E-2</v>
      </c>
    </row>
    <row r="156" spans="1:23">
      <c r="A156" s="55" t="s">
        <v>579</v>
      </c>
      <c r="B156" s="194">
        <v>220</v>
      </c>
      <c r="C156" s="82">
        <v>3.8234330666682146</v>
      </c>
      <c r="D156" s="83">
        <v>0.23217944128292481</v>
      </c>
      <c r="E156" s="196">
        <v>0.40794842515185292</v>
      </c>
      <c r="F156" s="92">
        <v>6.5713994798234768E-2</v>
      </c>
      <c r="G156" s="196">
        <v>0.20494543930280329</v>
      </c>
      <c r="H156" s="92">
        <v>5.4449227844365421E-2</v>
      </c>
      <c r="I156" s="196">
        <v>0.38710613554534412</v>
      </c>
      <c r="J156" s="92">
        <v>6.5151758379595234E-2</v>
      </c>
      <c r="K156" s="196">
        <v>0</v>
      </c>
      <c r="L156" s="83">
        <v>1.2570410296190703E-2</v>
      </c>
      <c r="M156" s="194">
        <v>219</v>
      </c>
      <c r="N156" s="82">
        <v>2.8984143414569843</v>
      </c>
      <c r="O156" s="196">
        <v>0.26803216577980032</v>
      </c>
      <c r="P156" s="196">
        <v>0.64709938616652596</v>
      </c>
      <c r="Q156" s="92">
        <v>6.4109081364661508E-2</v>
      </c>
      <c r="R156" s="196">
        <v>7.6226572521680871E-2</v>
      </c>
      <c r="S156" s="92">
        <v>3.7115931461599576E-2</v>
      </c>
      <c r="T156" s="196">
        <v>0.23847421209499584</v>
      </c>
      <c r="U156" s="92">
        <v>5.7455135955223044E-2</v>
      </c>
      <c r="V156" s="196">
        <v>3.8199829216798299E-2</v>
      </c>
      <c r="W156" s="92">
        <v>2.8196157457988234E-2</v>
      </c>
    </row>
    <row r="157" spans="1:23">
      <c r="A157" s="47" t="s">
        <v>580</v>
      </c>
      <c r="B157" s="195">
        <v>218</v>
      </c>
      <c r="C157" s="178">
        <v>4.5028686020256599</v>
      </c>
      <c r="D157" s="130">
        <v>0.21848710934500554</v>
      </c>
      <c r="E157" s="197">
        <v>0.26210858743232096</v>
      </c>
      <c r="F157" s="95">
        <v>5.9340013727562001E-2</v>
      </c>
      <c r="G157" s="197">
        <v>0.22054104967077542</v>
      </c>
      <c r="H157" s="95">
        <v>5.6103453052569072E-2</v>
      </c>
      <c r="I157" s="197">
        <v>0.5132523509730188</v>
      </c>
      <c r="J157" s="95">
        <v>6.7092869211886549E-2</v>
      </c>
      <c r="K157" s="197">
        <v>4.098011923884903E-3</v>
      </c>
      <c r="L157" s="130">
        <v>1.5224043942065812E-2</v>
      </c>
      <c r="M157" s="195">
        <v>221</v>
      </c>
      <c r="N157" s="178">
        <v>2.8970399140178902</v>
      </c>
      <c r="O157" s="197">
        <v>0.24063430993946683</v>
      </c>
      <c r="P157" s="197">
        <v>0.67380824387543337</v>
      </c>
      <c r="Q157" s="95">
        <v>6.2660319589706373E-2</v>
      </c>
      <c r="R157" s="197">
        <v>7.2054937233085314E-2</v>
      </c>
      <c r="S157" s="95">
        <v>3.6102737323356074E-2</v>
      </c>
      <c r="T157" s="197">
        <v>0.24066137874104357</v>
      </c>
      <c r="U157" s="95">
        <v>5.7366434799763645E-2</v>
      </c>
      <c r="V157" s="197">
        <v>1.3475440150437556E-2</v>
      </c>
      <c r="W157" s="95">
        <v>1.9611905863945275E-2</v>
      </c>
    </row>
    <row r="158" spans="1:23">
      <c r="A158" s="55" t="s">
        <v>581</v>
      </c>
      <c r="B158" s="194">
        <v>123</v>
      </c>
      <c r="C158" s="82">
        <v>4.6301877018301489</v>
      </c>
      <c r="D158" s="83">
        <v>0.27742318514541742</v>
      </c>
      <c r="E158" s="196">
        <v>0.22254979741809131</v>
      </c>
      <c r="F158" s="92">
        <v>7.4831899542933081E-2</v>
      </c>
      <c r="G158" s="196">
        <v>0.16799226626239797</v>
      </c>
      <c r="H158" s="92">
        <v>6.795206388042091E-2</v>
      </c>
      <c r="I158" s="196">
        <v>0.60945793631951128</v>
      </c>
      <c r="J158" s="92">
        <v>8.6718257916693658E-2</v>
      </c>
      <c r="K158" s="196">
        <v>0</v>
      </c>
      <c r="L158" s="83">
        <v>2.2095020994736762E-2</v>
      </c>
      <c r="M158" s="194">
        <v>122</v>
      </c>
      <c r="N158" s="82">
        <v>3.2010708226629192</v>
      </c>
      <c r="O158" s="196">
        <v>0.31648408494510061</v>
      </c>
      <c r="P158" s="196">
        <v>0.56232359322917502</v>
      </c>
      <c r="Q158" s="92">
        <v>8.8435874526685401E-2</v>
      </c>
      <c r="R158" s="196">
        <v>0.16267144186974269</v>
      </c>
      <c r="S158" s="92">
        <v>6.745240809320184E-2</v>
      </c>
      <c r="T158" s="196">
        <v>0.23973800991520264</v>
      </c>
      <c r="U158" s="92">
        <v>7.6944867675113243E-2</v>
      </c>
      <c r="V158" s="196">
        <v>3.5266954985880318E-2</v>
      </c>
      <c r="W158" s="92">
        <v>3.8839656575790353E-2</v>
      </c>
    </row>
    <row r="159" spans="1:23">
      <c r="A159" s="47" t="s">
        <v>584</v>
      </c>
      <c r="B159" s="195">
        <v>112</v>
      </c>
      <c r="C159" s="178">
        <v>5.0939280081711669</v>
      </c>
      <c r="D159" s="130">
        <v>0.30129665352177981</v>
      </c>
      <c r="E159" s="197">
        <v>0.18005336657363635</v>
      </c>
      <c r="F159" s="95">
        <v>7.300735584802448E-2</v>
      </c>
      <c r="G159" s="197">
        <v>0.12368809969521009</v>
      </c>
      <c r="H159" s="95">
        <v>6.3784989454792676E-2</v>
      </c>
      <c r="I159" s="197">
        <v>0.69625853373115365</v>
      </c>
      <c r="J159" s="95">
        <v>8.5921608547168932E-2</v>
      </c>
      <c r="K159" s="197">
        <v>0</v>
      </c>
      <c r="L159" s="130">
        <v>2.4171880321350918E-2</v>
      </c>
      <c r="M159" s="195">
        <v>113</v>
      </c>
      <c r="N159" s="178">
        <v>5.1591315062425194</v>
      </c>
      <c r="O159" s="197">
        <v>0.32451914724364533</v>
      </c>
      <c r="P159" s="197">
        <v>0.17167128538059054</v>
      </c>
      <c r="Q159" s="95">
        <v>7.1478926235524445E-2</v>
      </c>
      <c r="R159" s="197">
        <v>0.13698919595874917</v>
      </c>
      <c r="S159" s="95">
        <v>6.5913570708223873E-2</v>
      </c>
      <c r="T159" s="197">
        <v>0.66418788729765399</v>
      </c>
      <c r="U159" s="95">
        <v>8.7677358795690108E-2</v>
      </c>
      <c r="V159" s="197">
        <v>2.7151631363006565E-2</v>
      </c>
      <c r="W159" s="95">
        <v>3.764021830280459E-2</v>
      </c>
    </row>
    <row r="160" spans="1:23">
      <c r="A160" s="55" t="s">
        <v>585</v>
      </c>
      <c r="B160" s="194">
        <v>2230</v>
      </c>
      <c r="C160" s="82">
        <v>3.4029585094548271</v>
      </c>
      <c r="D160" s="83">
        <v>7.2430578850188734E-2</v>
      </c>
      <c r="E160" s="196">
        <v>0.52773074615618842</v>
      </c>
      <c r="F160" s="92">
        <v>2.1124762908583169E-2</v>
      </c>
      <c r="G160" s="196">
        <v>0.16567752340467584</v>
      </c>
      <c r="H160" s="92">
        <v>1.5754857682372999E-2</v>
      </c>
      <c r="I160" s="196">
        <v>0.30575188717297924</v>
      </c>
      <c r="J160" s="92">
        <v>1.9501517051579671E-2</v>
      </c>
      <c r="K160" s="196">
        <v>8.3984326615205217E-4</v>
      </c>
      <c r="L160" s="83">
        <v>1.7602948577930238E-3</v>
      </c>
      <c r="M160" s="194">
        <v>2243</v>
      </c>
      <c r="N160" s="82">
        <v>2.6627934143037186</v>
      </c>
      <c r="O160" s="196">
        <v>7.2869798446414752E-2</v>
      </c>
      <c r="P160" s="196">
        <v>0.70125664383228514</v>
      </c>
      <c r="Q160" s="92">
        <v>1.931814278069062E-2</v>
      </c>
      <c r="R160" s="196">
        <v>9.2931191896787654E-2</v>
      </c>
      <c r="S160" s="92">
        <v>1.2292563294247518E-2</v>
      </c>
      <c r="T160" s="196">
        <v>0.18345443839754388</v>
      </c>
      <c r="U160" s="92">
        <v>1.6349288018513739E-2</v>
      </c>
      <c r="V160" s="196">
        <v>2.2357725873379516E-2</v>
      </c>
      <c r="W160" s="92">
        <v>6.3525541703925454E-3</v>
      </c>
    </row>
    <row r="161" spans="1:23">
      <c r="A161" s="47" t="s">
        <v>620</v>
      </c>
      <c r="B161" s="195">
        <v>152</v>
      </c>
      <c r="C161" s="178">
        <v>3.0735114257131544</v>
      </c>
      <c r="D161" s="130">
        <v>0.28405660148970929</v>
      </c>
      <c r="E161" s="197">
        <v>0.62704249790131039</v>
      </c>
      <c r="F161" s="95">
        <v>7.7571683024229565E-2</v>
      </c>
      <c r="G161" s="197">
        <v>0.13012542029017277</v>
      </c>
      <c r="H161" s="95">
        <v>5.5497425167166291E-2</v>
      </c>
      <c r="I161" s="197">
        <v>0.24283208180851762</v>
      </c>
      <c r="J161" s="95">
        <v>6.9284389067686553E-2</v>
      </c>
      <c r="K161" s="197">
        <v>0</v>
      </c>
      <c r="L161" s="130">
        <v>1.8014344193057537E-2</v>
      </c>
      <c r="M161" s="195">
        <v>154</v>
      </c>
      <c r="N161" s="178">
        <v>2.8637355637789459</v>
      </c>
      <c r="O161" s="197">
        <v>0.29014394958953477</v>
      </c>
      <c r="P161" s="197">
        <v>0.6694107536766728</v>
      </c>
      <c r="Q161" s="95">
        <v>7.5092308895159346E-2</v>
      </c>
      <c r="R161" s="197">
        <v>0.1099170869902215</v>
      </c>
      <c r="S161" s="95">
        <v>5.1666490341448497E-2</v>
      </c>
      <c r="T161" s="197">
        <v>0.20068089735631872</v>
      </c>
      <c r="U161" s="95">
        <v>6.4609235003173296E-2</v>
      </c>
      <c r="V161" s="197">
        <v>1.9991261976787425E-2</v>
      </c>
      <c r="W161" s="95">
        <v>2.8064205286374874E-2</v>
      </c>
    </row>
    <row r="162" spans="1:23">
      <c r="A162" s="55" t="s">
        <v>621</v>
      </c>
      <c r="B162" s="194">
        <v>161</v>
      </c>
      <c r="C162" s="82">
        <v>3.3737817664709118</v>
      </c>
      <c r="D162" s="83">
        <v>0.26131411397506049</v>
      </c>
      <c r="E162" s="196">
        <v>0.52680419260919775</v>
      </c>
      <c r="F162" s="92">
        <v>7.7743314657444829E-2</v>
      </c>
      <c r="G162" s="196">
        <v>0.18586714815426342</v>
      </c>
      <c r="H162" s="92">
        <v>6.1505755547174648E-2</v>
      </c>
      <c r="I162" s="196">
        <v>0.28732865923653994</v>
      </c>
      <c r="J162" s="92">
        <v>7.082838772051403E-2</v>
      </c>
      <c r="K162" s="196">
        <v>0</v>
      </c>
      <c r="L162" s="83">
        <v>1.703777502754053E-2</v>
      </c>
      <c r="M162" s="194">
        <v>162</v>
      </c>
      <c r="N162" s="82">
        <v>2.4777375471361598</v>
      </c>
      <c r="O162" s="196">
        <v>0.28101772832789429</v>
      </c>
      <c r="P162" s="196">
        <v>0.75299799454832639</v>
      </c>
      <c r="Q162" s="92">
        <v>6.7492002490532318E-2</v>
      </c>
      <c r="R162" s="196">
        <v>6.9827036127585132E-2</v>
      </c>
      <c r="S162" s="92">
        <v>4.2159133026047305E-2</v>
      </c>
      <c r="T162" s="196">
        <v>0.16288726164702783</v>
      </c>
      <c r="U162" s="92">
        <v>5.844694487916529E-2</v>
      </c>
      <c r="V162" s="196">
        <v>1.4287707677060921E-2</v>
      </c>
      <c r="W162" s="92">
        <v>2.4698692278805404E-2</v>
      </c>
    </row>
    <row r="163" spans="1:23">
      <c r="A163" s="47" t="s">
        <v>622</v>
      </c>
      <c r="B163" s="195">
        <v>983</v>
      </c>
      <c r="C163" s="178">
        <v>3.3384515208622649</v>
      </c>
      <c r="D163" s="130">
        <v>0.10836478797576431</v>
      </c>
      <c r="E163" s="197">
        <v>0.54583772859733259</v>
      </c>
      <c r="F163" s="95">
        <v>3.1697397660320668E-2</v>
      </c>
      <c r="G163" s="197">
        <v>0.15992908161242661</v>
      </c>
      <c r="H163" s="95">
        <v>2.3415306236646342E-2</v>
      </c>
      <c r="I163" s="197">
        <v>0.29423318979024193</v>
      </c>
      <c r="J163" s="95">
        <v>2.9033921788652804E-2</v>
      </c>
      <c r="K163" s="197">
        <v>0</v>
      </c>
      <c r="L163" s="130">
        <v>2.8627760796183215E-3</v>
      </c>
      <c r="M163" s="195">
        <v>985</v>
      </c>
      <c r="N163" s="178">
        <v>2.5722320306660005</v>
      </c>
      <c r="O163" s="197">
        <v>0.10537635293068458</v>
      </c>
      <c r="P163" s="197">
        <v>0.71661084748611703</v>
      </c>
      <c r="Q163" s="95">
        <v>2.868598585531482E-2</v>
      </c>
      <c r="R163" s="197">
        <v>8.8633309940719177E-2</v>
      </c>
      <c r="S163" s="95">
        <v>1.8227138493708182E-2</v>
      </c>
      <c r="T163" s="197">
        <v>0.1745204221998323</v>
      </c>
      <c r="U163" s="95">
        <v>2.4209920612661008E-2</v>
      </c>
      <c r="V163" s="197">
        <v>2.023542037333215E-2</v>
      </c>
      <c r="W163" s="95">
        <v>9.3648776948969236E-3</v>
      </c>
    </row>
    <row r="164" spans="1:23">
      <c r="A164" s="55" t="s">
        <v>623</v>
      </c>
      <c r="B164" s="194">
        <v>298</v>
      </c>
      <c r="C164" s="82">
        <v>3.554076369447865</v>
      </c>
      <c r="D164" s="83">
        <v>0.19976610681574736</v>
      </c>
      <c r="E164" s="196">
        <v>0.47631553939771826</v>
      </c>
      <c r="F164" s="92">
        <v>5.7480639714181811E-2</v>
      </c>
      <c r="G164" s="196">
        <v>0.15495794684473174</v>
      </c>
      <c r="H164" s="92">
        <v>4.2141176263459673E-2</v>
      </c>
      <c r="I164" s="196">
        <v>0.36872651375755011</v>
      </c>
      <c r="J164" s="92">
        <v>5.557892124708258E-2</v>
      </c>
      <c r="K164" s="196">
        <v>0</v>
      </c>
      <c r="L164" s="83">
        <v>9.3345891205617142E-3</v>
      </c>
      <c r="M164" s="194">
        <v>301</v>
      </c>
      <c r="N164" s="82">
        <v>2.5960952595764399</v>
      </c>
      <c r="O164" s="196">
        <v>0.19627011175687395</v>
      </c>
      <c r="P164" s="196">
        <v>0.72755377774225383</v>
      </c>
      <c r="Q164" s="92">
        <v>5.1159481275525109E-2</v>
      </c>
      <c r="R164" s="196">
        <v>0.10524243755616895</v>
      </c>
      <c r="S164" s="92">
        <v>3.5891841341928937E-2</v>
      </c>
      <c r="T164" s="196">
        <v>0.15033540299308384</v>
      </c>
      <c r="U164" s="92">
        <v>4.1436595822480049E-2</v>
      </c>
      <c r="V164" s="196">
        <v>1.6868381708493724E-2</v>
      </c>
      <c r="W164" s="92">
        <v>1.7241232954915465E-2</v>
      </c>
    </row>
    <row r="165" spans="1:23">
      <c r="A165" s="47" t="s">
        <v>624</v>
      </c>
      <c r="B165" s="195">
        <v>316</v>
      </c>
      <c r="C165" s="178">
        <v>3.2571348504709454</v>
      </c>
      <c r="D165" s="130">
        <v>0.18083850314268124</v>
      </c>
      <c r="E165" s="197">
        <v>0.54856490760139254</v>
      </c>
      <c r="F165" s="95">
        <v>5.5643962496218974E-2</v>
      </c>
      <c r="G165" s="197">
        <v>0.20700268839082681</v>
      </c>
      <c r="H165" s="95">
        <v>4.5591302260540437E-2</v>
      </c>
      <c r="I165" s="197">
        <v>0.23974627285039937</v>
      </c>
      <c r="J165" s="95">
        <v>4.7951891834646737E-2</v>
      </c>
      <c r="K165" s="197">
        <v>4.6861311573827089E-3</v>
      </c>
      <c r="L165" s="130">
        <v>1.1597000326391089E-2</v>
      </c>
      <c r="M165" s="195">
        <v>320</v>
      </c>
      <c r="N165" s="178">
        <v>2.3520792473176373</v>
      </c>
      <c r="O165" s="197">
        <v>0.18162989076321254</v>
      </c>
      <c r="P165" s="197">
        <v>0.75876817456269441</v>
      </c>
      <c r="Q165" s="95">
        <v>4.7749627774813098E-2</v>
      </c>
      <c r="R165" s="197">
        <v>7.4737348860836356E-2</v>
      </c>
      <c r="S165" s="95">
        <v>3.0141539378380908E-2</v>
      </c>
      <c r="T165" s="197">
        <v>0.12595738860000452</v>
      </c>
      <c r="U165" s="95">
        <v>3.7437242321435457E-2</v>
      </c>
      <c r="V165" s="197">
        <v>4.0537087976465352E-2</v>
      </c>
      <c r="W165" s="95">
        <v>2.3326494904018176E-2</v>
      </c>
    </row>
    <row r="166" spans="1:23">
      <c r="A166" s="55" t="s">
        <v>625</v>
      </c>
      <c r="B166" s="194">
        <v>1176</v>
      </c>
      <c r="C166" s="82">
        <v>3.7428501333987323</v>
      </c>
      <c r="D166" s="83">
        <v>0.10531328011661169</v>
      </c>
      <c r="E166" s="196">
        <v>0.46423834934145813</v>
      </c>
      <c r="F166" s="92">
        <v>2.9037075080643595E-2</v>
      </c>
      <c r="G166" s="196">
        <v>0.14807021665208839</v>
      </c>
      <c r="H166" s="92">
        <v>2.0747366294136448E-2</v>
      </c>
      <c r="I166" s="196">
        <v>0.3872485572888904</v>
      </c>
      <c r="J166" s="92">
        <v>2.8366437267165527E-2</v>
      </c>
      <c r="K166" s="196">
        <v>4.4287671756320008E-4</v>
      </c>
      <c r="L166" s="83">
        <v>2.6881579332507228E-3</v>
      </c>
      <c r="M166" s="194">
        <v>1181</v>
      </c>
      <c r="N166" s="82">
        <v>3.2350696551631088</v>
      </c>
      <c r="O166" s="196">
        <v>0.10963587214004494</v>
      </c>
      <c r="P166" s="196">
        <v>0.58189806637852115</v>
      </c>
      <c r="Q166" s="92">
        <v>2.8659968500407383E-2</v>
      </c>
      <c r="R166" s="196">
        <v>0.10520502168596137</v>
      </c>
      <c r="S166" s="92">
        <v>1.7925056298917334E-2</v>
      </c>
      <c r="T166" s="196">
        <v>0.29327780785270718</v>
      </c>
      <c r="U166" s="92">
        <v>2.6468926028975808E-2</v>
      </c>
      <c r="V166" s="196">
        <v>1.9619104082809809E-2</v>
      </c>
      <c r="W166" s="92">
        <v>8.3770790470627503E-3</v>
      </c>
    </row>
    <row r="167" spans="1:23">
      <c r="A167" s="47" t="s">
        <v>626</v>
      </c>
      <c r="B167" s="195">
        <v>1165</v>
      </c>
      <c r="C167" s="178">
        <v>3.4554931980035719</v>
      </c>
      <c r="D167" s="130">
        <v>9.7649333481163392E-2</v>
      </c>
      <c r="E167" s="197">
        <v>0.5042683423075105</v>
      </c>
      <c r="F167" s="95">
        <v>2.9246710574899141E-2</v>
      </c>
      <c r="G167" s="197">
        <v>0.18310854442615118</v>
      </c>
      <c r="H167" s="95">
        <v>2.2675291951415218E-2</v>
      </c>
      <c r="I167" s="197">
        <v>0.3113579581245649</v>
      </c>
      <c r="J167" s="95">
        <v>2.710163953143669E-2</v>
      </c>
      <c r="K167" s="197">
        <v>1.2651551417735638E-3</v>
      </c>
      <c r="L167" s="130">
        <v>3.184038017723372E-3</v>
      </c>
      <c r="M167" s="195">
        <v>1174</v>
      </c>
      <c r="N167" s="178">
        <v>2.6029604623198912</v>
      </c>
      <c r="O167" s="197">
        <v>9.9962597293458716E-2</v>
      </c>
      <c r="P167" s="197">
        <v>0.70788300812915084</v>
      </c>
      <c r="Q167" s="95">
        <v>2.6516973420403971E-2</v>
      </c>
      <c r="R167" s="197">
        <v>8.8500546080042333E-2</v>
      </c>
      <c r="S167" s="95">
        <v>1.6667751802767843E-2</v>
      </c>
      <c r="T167" s="197">
        <v>0.17363426764041695</v>
      </c>
      <c r="U167" s="95">
        <v>2.2128467286615092E-2</v>
      </c>
      <c r="V167" s="197">
        <v>2.9982178150390455E-2</v>
      </c>
      <c r="W167" s="95">
        <v>1.0190208610429777E-2</v>
      </c>
    </row>
    <row r="168" spans="1:23">
      <c r="A168" s="55" t="s">
        <v>627</v>
      </c>
      <c r="B168" s="194">
        <v>344</v>
      </c>
      <c r="C168" s="82">
        <v>3.3276000315598497</v>
      </c>
      <c r="D168" s="83">
        <v>0.18344315916564674</v>
      </c>
      <c r="E168" s="196">
        <v>0.51324651344060968</v>
      </c>
      <c r="F168" s="92">
        <v>5.3587241200494393E-2</v>
      </c>
      <c r="G168" s="196">
        <v>0.19857938856015023</v>
      </c>
      <c r="H168" s="92">
        <v>4.3047984195271158E-2</v>
      </c>
      <c r="I168" s="196">
        <v>0.28817409799923754</v>
      </c>
      <c r="J168" s="92">
        <v>4.8678556046057413E-2</v>
      </c>
      <c r="K168" s="196">
        <v>0</v>
      </c>
      <c r="L168" s="83">
        <v>8.1042751414904437E-3</v>
      </c>
      <c r="M168" s="194">
        <v>346</v>
      </c>
      <c r="N168" s="82">
        <v>2.3087932757764857</v>
      </c>
      <c r="O168" s="196">
        <v>0.17523162640450102</v>
      </c>
      <c r="P168" s="196">
        <v>0.74964234506030547</v>
      </c>
      <c r="Q168" s="92">
        <v>4.6487484828278518E-2</v>
      </c>
      <c r="R168" s="196">
        <v>8.589909727063294E-2</v>
      </c>
      <c r="S168" s="92">
        <v>3.0690636594399738E-2</v>
      </c>
      <c r="T168" s="196">
        <v>0.11136479507727692</v>
      </c>
      <c r="U168" s="92">
        <v>3.4208642488317287E-2</v>
      </c>
      <c r="V168" s="196">
        <v>5.3093762591783208E-2</v>
      </c>
      <c r="W168" s="92">
        <v>2.5028869159398528E-2</v>
      </c>
    </row>
    <row r="169" spans="1:23">
      <c r="A169" s="47" t="s">
        <v>628</v>
      </c>
      <c r="B169" s="195">
        <v>821</v>
      </c>
      <c r="C169" s="178">
        <v>3.533155465913743</v>
      </c>
      <c r="D169" s="130">
        <v>0.11525866700276413</v>
      </c>
      <c r="E169" s="197">
        <v>0.49882748559654483</v>
      </c>
      <c r="F169" s="95">
        <v>3.4815436388942446E-2</v>
      </c>
      <c r="G169" s="197">
        <v>0.1737330664047497</v>
      </c>
      <c r="H169" s="95">
        <v>2.6476256179886207E-2</v>
      </c>
      <c r="I169" s="197">
        <v>0.32540759686267184</v>
      </c>
      <c r="J169" s="95">
        <v>3.2645932626235094E-2</v>
      </c>
      <c r="K169" s="197">
        <v>2.0318511360337731E-3</v>
      </c>
      <c r="L169" s="130">
        <v>4.6326760858328327E-3</v>
      </c>
      <c r="M169" s="195">
        <v>828</v>
      </c>
      <c r="N169" s="178">
        <v>2.7739163835789173</v>
      </c>
      <c r="O169" s="197">
        <v>0.12080770472549628</v>
      </c>
      <c r="P169" s="197">
        <v>0.68266443042860114</v>
      </c>
      <c r="Q169" s="95">
        <v>3.2296237306306402E-2</v>
      </c>
      <c r="R169" s="197">
        <v>9.007156812577638E-2</v>
      </c>
      <c r="S169" s="95">
        <v>2.004449120633638E-2</v>
      </c>
      <c r="T169" s="197">
        <v>0.2112389723031039</v>
      </c>
      <c r="U169" s="95">
        <v>2.8370564761069222E-2</v>
      </c>
      <c r="V169" s="197">
        <v>1.6025029142518535E-2</v>
      </c>
      <c r="W169" s="95">
        <v>9.306491260605728E-3</v>
      </c>
    </row>
    <row r="170" spans="1:23">
      <c r="A170" s="55" t="s">
        <v>629</v>
      </c>
      <c r="B170" s="194">
        <v>217</v>
      </c>
      <c r="C170" s="82">
        <v>3.4445575953796035</v>
      </c>
      <c r="D170" s="83">
        <v>0.23507661876048772</v>
      </c>
      <c r="E170" s="196">
        <v>0.50363482386478209</v>
      </c>
      <c r="F170" s="92">
        <v>6.7265565674944655E-2</v>
      </c>
      <c r="G170" s="196">
        <v>0.13218773488565394</v>
      </c>
      <c r="H170" s="92">
        <v>4.6519989307015473E-2</v>
      </c>
      <c r="I170" s="196">
        <v>0.36417744124956397</v>
      </c>
      <c r="J170" s="92">
        <v>6.4830301508501401E-2</v>
      </c>
      <c r="K170" s="196">
        <v>0</v>
      </c>
      <c r="L170" s="83">
        <v>1.2740270247691334E-2</v>
      </c>
      <c r="M170" s="194">
        <v>217</v>
      </c>
      <c r="N170" s="82">
        <v>2.6510728637367702</v>
      </c>
      <c r="O170" s="196">
        <v>0.24191612258203532</v>
      </c>
      <c r="P170" s="196">
        <v>0.71897736135503942</v>
      </c>
      <c r="Q170" s="92">
        <v>6.0729947828417542E-2</v>
      </c>
      <c r="R170" s="196">
        <v>7.838932197421257E-2</v>
      </c>
      <c r="S170" s="92">
        <v>3.772268305493888E-2</v>
      </c>
      <c r="T170" s="196">
        <v>0.17590642981467777</v>
      </c>
      <c r="U170" s="92">
        <v>5.1884169605326824E-2</v>
      </c>
      <c r="V170" s="196">
        <v>2.6726886856069738E-2</v>
      </c>
      <c r="W170" s="92">
        <v>2.4824205866808939E-2</v>
      </c>
    </row>
    <row r="171" spans="1:23">
      <c r="A171" s="47" t="s">
        <v>630</v>
      </c>
      <c r="B171" s="195">
        <v>386</v>
      </c>
      <c r="C171" s="178">
        <v>3.3150046830632331</v>
      </c>
      <c r="D171" s="130">
        <v>0.16537824581040828</v>
      </c>
      <c r="E171" s="197">
        <v>0.53542318127870947</v>
      </c>
      <c r="F171" s="95">
        <v>5.0512329619919923E-2</v>
      </c>
      <c r="G171" s="197">
        <v>0.18623270462533426</v>
      </c>
      <c r="H171" s="95">
        <v>3.9685844982400471E-2</v>
      </c>
      <c r="I171" s="197">
        <v>0.27643008559001719</v>
      </c>
      <c r="J171" s="95">
        <v>4.5408294521667808E-2</v>
      </c>
      <c r="K171" s="197">
        <v>1.9140285059408171E-3</v>
      </c>
      <c r="L171" s="130">
        <v>8.4570017270804796E-3</v>
      </c>
      <c r="M171" s="195">
        <v>390</v>
      </c>
      <c r="N171" s="178">
        <v>2.6840731683110706</v>
      </c>
      <c r="O171" s="197">
        <v>0.17390906167909584</v>
      </c>
      <c r="P171" s="197">
        <v>0.68410204249865914</v>
      </c>
      <c r="Q171" s="95">
        <v>4.6914019933199907E-2</v>
      </c>
      <c r="R171" s="197">
        <v>9.8102096052806578E-2</v>
      </c>
      <c r="S171" s="95">
        <v>3.0518540577326256E-2</v>
      </c>
      <c r="T171" s="197">
        <v>0.19206347002482319</v>
      </c>
      <c r="U171" s="95">
        <v>3.9935315569917085E-2</v>
      </c>
      <c r="V171" s="197">
        <v>2.5732391423712076E-2</v>
      </c>
      <c r="W171" s="95">
        <v>1.73392995764645E-2</v>
      </c>
    </row>
    <row r="172" spans="1:23">
      <c r="A172" s="55" t="s">
        <v>631</v>
      </c>
      <c r="B172" s="194">
        <v>55</v>
      </c>
      <c r="C172" s="82">
        <v>3.1169093959386962</v>
      </c>
      <c r="D172" s="83">
        <v>0.45113336444906255</v>
      </c>
      <c r="E172" s="196">
        <v>0.60139439872520661</v>
      </c>
      <c r="F172" s="92">
        <v>0.12784151506701619</v>
      </c>
      <c r="G172" s="196">
        <v>0.17805548407332744</v>
      </c>
      <c r="H172" s="92">
        <v>0.10412812338650555</v>
      </c>
      <c r="I172" s="196">
        <v>0.22055011720146608</v>
      </c>
      <c r="J172" s="92">
        <v>0.11112295809353857</v>
      </c>
      <c r="K172" s="196">
        <v>0</v>
      </c>
      <c r="L172" s="83">
        <v>4.7119904748779487E-2</v>
      </c>
      <c r="M172" s="194">
        <v>56</v>
      </c>
      <c r="N172" s="82">
        <v>2.4630400614289405</v>
      </c>
      <c r="O172" s="196">
        <v>0.53147962165570772</v>
      </c>
      <c r="P172" s="196">
        <v>0.67370939676002717</v>
      </c>
      <c r="Q172" s="92">
        <v>0.12212405218683042</v>
      </c>
      <c r="R172" s="196">
        <v>5.8317572220312079E-2</v>
      </c>
      <c r="S172" s="92">
        <v>7.3057379917058074E-2</v>
      </c>
      <c r="T172" s="196">
        <v>0.19556777627823124</v>
      </c>
      <c r="U172" s="92">
        <v>0.10622815438664295</v>
      </c>
      <c r="V172" s="196">
        <v>7.2405254741429823E-2</v>
      </c>
      <c r="W172" s="92">
        <v>7.7772499814842508E-2</v>
      </c>
    </row>
    <row r="173" spans="1:23">
      <c r="A173" s="47" t="s">
        <v>632</v>
      </c>
      <c r="B173" s="195">
        <v>331</v>
      </c>
      <c r="C173" s="178">
        <v>3.3711399479226887</v>
      </c>
      <c r="D173" s="130">
        <v>0.17757782867050731</v>
      </c>
      <c r="E173" s="197">
        <v>0.51677448007295812</v>
      </c>
      <c r="F173" s="95">
        <v>5.4605810887508502E-2</v>
      </c>
      <c r="G173" s="197">
        <v>0.18854423605783466</v>
      </c>
      <c r="H173" s="95">
        <v>4.3061636776540027E-2</v>
      </c>
      <c r="I173" s="197">
        <v>0.29222619901948466</v>
      </c>
      <c r="J173" s="95">
        <v>4.9818154946493109E-2</v>
      </c>
      <c r="K173" s="197">
        <v>2.4550848497248336E-3</v>
      </c>
      <c r="L173" s="130">
        <v>9.9703609662910846E-3</v>
      </c>
      <c r="M173" s="195">
        <v>334</v>
      </c>
      <c r="N173" s="178">
        <v>2.7432106987145559</v>
      </c>
      <c r="O173" s="197">
        <v>0.18319370434191956</v>
      </c>
      <c r="P173" s="197">
        <v>0.68706235922180281</v>
      </c>
      <c r="Q173" s="95">
        <v>5.0539221840351867E-2</v>
      </c>
      <c r="R173" s="197">
        <v>0.10943460888790149</v>
      </c>
      <c r="S173" s="95">
        <v>3.4580795922087883E-2</v>
      </c>
      <c r="T173" s="197">
        <v>0.19106527796999154</v>
      </c>
      <c r="U173" s="95">
        <v>4.3077599107859944E-2</v>
      </c>
      <c r="V173" s="197">
        <v>1.2437753920305071E-2</v>
      </c>
      <c r="W173" s="95">
        <v>1.4544850128094741E-2</v>
      </c>
    </row>
    <row r="174" spans="1:23">
      <c r="A174" s="55" t="s">
        <v>633</v>
      </c>
      <c r="B174" s="194">
        <v>654</v>
      </c>
      <c r="C174" s="82">
        <v>3.2413739637925691</v>
      </c>
      <c r="D174" s="83">
        <v>0.13720692290895023</v>
      </c>
      <c r="E174" s="196">
        <v>0.59042068150280036</v>
      </c>
      <c r="F174" s="92">
        <v>3.8349155901899884E-2</v>
      </c>
      <c r="G174" s="196">
        <v>0.12944563057384326</v>
      </c>
      <c r="H174" s="92">
        <v>2.6365886372595283E-2</v>
      </c>
      <c r="I174" s="196">
        <v>0.28013368792335502</v>
      </c>
      <c r="J174" s="92">
        <v>3.5063533588746081E-2</v>
      </c>
      <c r="K174" s="196">
        <v>0</v>
      </c>
      <c r="L174" s="83">
        <v>4.2919837871623085E-3</v>
      </c>
      <c r="M174" s="194">
        <v>657</v>
      </c>
      <c r="N174" s="82">
        <v>2.599748698646597</v>
      </c>
      <c r="O174" s="196">
        <v>0.13194043293022412</v>
      </c>
      <c r="P174" s="196">
        <v>0.72256525799975424</v>
      </c>
      <c r="Q174" s="92">
        <v>3.4881464406522407E-2</v>
      </c>
      <c r="R174" s="196">
        <v>9.9729581166303718E-2</v>
      </c>
      <c r="S174" s="92">
        <v>2.3558830185184041E-2</v>
      </c>
      <c r="T174" s="196">
        <v>0.16543847455005101</v>
      </c>
      <c r="U174" s="92">
        <v>2.9046280419378099E-2</v>
      </c>
      <c r="V174" s="196">
        <v>1.2266686283890559E-2</v>
      </c>
      <c r="W174" s="92">
        <v>9.5231483231722897E-3</v>
      </c>
    </row>
    <row r="175" spans="1:23">
      <c r="A175" s="47" t="s">
        <v>634</v>
      </c>
      <c r="B175" s="195">
        <v>604</v>
      </c>
      <c r="C175" s="178">
        <v>3.3500286030763444</v>
      </c>
      <c r="D175" s="130">
        <v>0.13465165458992148</v>
      </c>
      <c r="E175" s="197">
        <v>0.53227852134191367</v>
      </c>
      <c r="F175" s="95">
        <v>4.0471868170906845E-2</v>
      </c>
      <c r="G175" s="197">
        <v>0.17920853396918449</v>
      </c>
      <c r="H175" s="95">
        <v>3.1250518193383502E-2</v>
      </c>
      <c r="I175" s="197">
        <v>0.28720465274357027</v>
      </c>
      <c r="J175" s="95">
        <v>3.6752371407255714E-2</v>
      </c>
      <c r="K175" s="197">
        <v>1.3082919453320787E-3</v>
      </c>
      <c r="L175" s="130">
        <v>5.482086900012618E-3</v>
      </c>
      <c r="M175" s="195">
        <v>610</v>
      </c>
      <c r="N175" s="178">
        <v>2.4195849702674201</v>
      </c>
      <c r="O175" s="197">
        <v>0.13186301503517872</v>
      </c>
      <c r="P175" s="197">
        <v>0.75406707902311421</v>
      </c>
      <c r="Q175" s="95">
        <v>3.4836820462255474E-2</v>
      </c>
      <c r="R175" s="197">
        <v>9.3849466488441086E-2</v>
      </c>
      <c r="S175" s="95">
        <v>2.3832208847727791E-2</v>
      </c>
      <c r="T175" s="197">
        <v>0.12453643356687298</v>
      </c>
      <c r="U175" s="95">
        <v>2.687380420557221E-2</v>
      </c>
      <c r="V175" s="197">
        <v>2.7547020921572751E-2</v>
      </c>
      <c r="W175" s="95">
        <v>1.390685781534313E-2</v>
      </c>
    </row>
    <row r="176" spans="1:23">
      <c r="A176" s="55" t="s">
        <v>635</v>
      </c>
      <c r="B176" s="194">
        <v>227</v>
      </c>
      <c r="C176" s="82">
        <v>3.3401971805139925</v>
      </c>
      <c r="D176" s="83">
        <v>0.22896442279383356</v>
      </c>
      <c r="E176" s="196">
        <v>0.5082633587737263</v>
      </c>
      <c r="F176" s="92">
        <v>6.5786492016039755E-2</v>
      </c>
      <c r="G176" s="196">
        <v>0.18182486867945541</v>
      </c>
      <c r="H176" s="92">
        <v>5.134388253359036E-2</v>
      </c>
      <c r="I176" s="196">
        <v>0.30991177254681807</v>
      </c>
      <c r="J176" s="92">
        <v>6.1031112518743894E-2</v>
      </c>
      <c r="K176" s="196">
        <v>0</v>
      </c>
      <c r="L176" s="83">
        <v>1.2191152525401436E-2</v>
      </c>
      <c r="M176" s="194">
        <v>229</v>
      </c>
      <c r="N176" s="82">
        <v>2.3403284674374576</v>
      </c>
      <c r="O176" s="196">
        <v>0.20632668913595104</v>
      </c>
      <c r="P176" s="196">
        <v>0.76849027832090389</v>
      </c>
      <c r="Q176" s="92">
        <v>5.5645539162831388E-2</v>
      </c>
      <c r="R176" s="196">
        <v>0.10183537830788401</v>
      </c>
      <c r="S176" s="92">
        <v>4.0778155139026474E-2</v>
      </c>
      <c r="T176" s="196">
        <v>9.9258366707867071E-2</v>
      </c>
      <c r="U176" s="92">
        <v>4.0357366159625853E-2</v>
      </c>
      <c r="V176" s="196">
        <v>3.0415976663344394E-2</v>
      </c>
      <c r="W176" s="92">
        <v>2.5202011832271574E-2</v>
      </c>
    </row>
    <row r="177" spans="1:23">
      <c r="A177" s="47" t="s">
        <v>636</v>
      </c>
      <c r="B177" s="195">
        <v>377</v>
      </c>
      <c r="C177" s="178">
        <v>3.358552065265795</v>
      </c>
      <c r="D177" s="130">
        <v>0.16607690181670767</v>
      </c>
      <c r="E177" s="197">
        <v>0.55304793981026901</v>
      </c>
      <c r="F177" s="95">
        <v>5.0948452595421238E-2</v>
      </c>
      <c r="G177" s="197">
        <v>0.17694580723158204</v>
      </c>
      <c r="H177" s="95">
        <v>3.9393812962393901E-2</v>
      </c>
      <c r="I177" s="197">
        <v>0.26756648989267823</v>
      </c>
      <c r="J177" s="95">
        <v>4.5489821635033199E-2</v>
      </c>
      <c r="K177" s="197">
        <v>2.4397630654724501E-3</v>
      </c>
      <c r="L177" s="130">
        <v>8.935325199135322E-3</v>
      </c>
      <c r="M177" s="195">
        <v>381</v>
      </c>
      <c r="N177" s="178">
        <v>2.4875065801337408</v>
      </c>
      <c r="O177" s="197">
        <v>0.17097156127131083</v>
      </c>
      <c r="P177" s="197">
        <v>0.74163852786417384</v>
      </c>
      <c r="Q177" s="95">
        <v>4.4758259858914018E-2</v>
      </c>
      <c r="R177" s="197">
        <v>8.6967961799399196E-2</v>
      </c>
      <c r="S177" s="95">
        <v>2.9353370829645412E-2</v>
      </c>
      <c r="T177" s="197">
        <v>0.1463186845550008</v>
      </c>
      <c r="U177" s="95">
        <v>3.6395419562277494E-2</v>
      </c>
      <c r="V177" s="197">
        <v>2.5074825781427505E-2</v>
      </c>
      <c r="W177" s="95">
        <v>1.7390418745659216E-2</v>
      </c>
    </row>
    <row r="179" spans="1:23" ht="18.75">
      <c r="A179" s="343" t="s">
        <v>417</v>
      </c>
      <c r="B179" s="343"/>
      <c r="C179" s="343"/>
      <c r="D179" s="343"/>
    </row>
    <row r="180" spans="1:23" ht="135.75" customHeight="1">
      <c r="A180" s="403" t="s">
        <v>560</v>
      </c>
      <c r="B180" s="403"/>
      <c r="C180" s="403"/>
      <c r="D180" s="403"/>
    </row>
    <row r="181" spans="1:23" ht="15.75">
      <c r="A181" s="413" t="s">
        <v>418</v>
      </c>
      <c r="B181" s="349"/>
      <c r="C181" s="349"/>
      <c r="D181" s="349"/>
    </row>
    <row r="182" spans="1:23" ht="72">
      <c r="A182" s="35" t="s">
        <v>70</v>
      </c>
      <c r="B182" s="36" t="s">
        <v>71</v>
      </c>
      <c r="C182" s="37" t="s">
        <v>551</v>
      </c>
      <c r="D182" s="38" t="s">
        <v>72</v>
      </c>
    </row>
    <row r="183" spans="1:23" ht="72">
      <c r="A183" s="39"/>
      <c r="B183" s="40" t="s">
        <v>73</v>
      </c>
      <c r="C183" s="126" t="s">
        <v>303</v>
      </c>
      <c r="D183" s="42" t="s">
        <v>75</v>
      </c>
    </row>
    <row r="184" spans="1:23">
      <c r="A184" s="43" t="s">
        <v>348</v>
      </c>
      <c r="B184" s="164">
        <v>12483</v>
      </c>
      <c r="C184" s="165">
        <v>5.0549627128288224</v>
      </c>
      <c r="D184" s="84">
        <v>2.3991524523542411E-2</v>
      </c>
    </row>
    <row r="185" spans="1:23">
      <c r="A185" s="47" t="s">
        <v>349</v>
      </c>
      <c r="B185" s="47">
        <v>8844</v>
      </c>
      <c r="C185" s="167">
        <v>4.8992552294447611</v>
      </c>
      <c r="D185" s="85">
        <v>2.9705474198317244E-2</v>
      </c>
    </row>
    <row r="186" spans="1:23">
      <c r="A186" s="43" t="s">
        <v>350</v>
      </c>
      <c r="B186" s="51">
        <v>3639</v>
      </c>
      <c r="C186" s="165">
        <v>5.1803805066753794</v>
      </c>
      <c r="D186" s="84">
        <v>3.8200202057961007E-2</v>
      </c>
    </row>
    <row r="187" spans="1:23">
      <c r="A187" s="47" t="s">
        <v>568</v>
      </c>
      <c r="B187" s="47">
        <v>11282</v>
      </c>
      <c r="C187" s="167">
        <v>5.0570117521159794</v>
      </c>
      <c r="D187" s="85">
        <v>2.4905743935399748E-2</v>
      </c>
    </row>
    <row r="188" spans="1:23">
      <c r="A188" s="43" t="s">
        <v>569</v>
      </c>
      <c r="B188" s="51">
        <v>1201</v>
      </c>
      <c r="C188" s="165">
        <v>4.5906202911274372</v>
      </c>
      <c r="D188" s="84">
        <v>8.3096205865751671E-2</v>
      </c>
    </row>
    <row r="189" spans="1:23">
      <c r="A189" s="47" t="s">
        <v>570</v>
      </c>
      <c r="B189" s="47">
        <v>208</v>
      </c>
      <c r="C189" s="167">
        <v>4.9458629850326261</v>
      </c>
      <c r="D189" s="85">
        <v>0.18384983619804246</v>
      </c>
    </row>
    <row r="190" spans="1:23">
      <c r="A190" s="43" t="s">
        <v>571</v>
      </c>
      <c r="B190" s="51">
        <v>616</v>
      </c>
      <c r="C190" s="165">
        <v>4.563069798168975</v>
      </c>
      <c r="D190" s="84">
        <v>0.11787441337434637</v>
      </c>
    </row>
    <row r="191" spans="1:23">
      <c r="A191" s="47" t="s">
        <v>582</v>
      </c>
      <c r="B191" s="47">
        <v>682</v>
      </c>
      <c r="C191" s="167">
        <v>4.4850633400259934</v>
      </c>
      <c r="D191" s="85">
        <v>0.11443633700169092</v>
      </c>
    </row>
    <row r="192" spans="1:23">
      <c r="A192" s="43" t="s">
        <v>583</v>
      </c>
      <c r="B192" s="51">
        <v>519</v>
      </c>
      <c r="C192" s="165">
        <v>4.6700818740029071</v>
      </c>
      <c r="D192" s="84">
        <v>0.1176628182358473</v>
      </c>
    </row>
    <row r="193" spans="1:4">
      <c r="A193" s="47" t="s">
        <v>572</v>
      </c>
      <c r="B193" s="47">
        <v>274</v>
      </c>
      <c r="C193" s="167">
        <v>4.4536404110255381</v>
      </c>
      <c r="D193" s="85">
        <v>0.16138571632681939</v>
      </c>
    </row>
    <row r="194" spans="1:4">
      <c r="A194" s="43" t="s">
        <v>573</v>
      </c>
      <c r="B194" s="164">
        <v>292</v>
      </c>
      <c r="C194" s="165">
        <v>4.6379909085074562</v>
      </c>
      <c r="D194" s="84">
        <v>0.17353699759731278</v>
      </c>
    </row>
    <row r="195" spans="1:4">
      <c r="A195" s="47" t="s">
        <v>574</v>
      </c>
      <c r="B195" s="166">
        <v>348</v>
      </c>
      <c r="C195" s="167">
        <v>4.6013200790538251</v>
      </c>
      <c r="D195" s="85">
        <v>0.15418255227867697</v>
      </c>
    </row>
    <row r="196" spans="1:4">
      <c r="A196" s="43" t="s">
        <v>575</v>
      </c>
      <c r="B196" s="81">
        <v>283</v>
      </c>
      <c r="C196" s="165">
        <v>4.8398236072247727</v>
      </c>
      <c r="D196" s="84">
        <v>0.17441989840183142</v>
      </c>
    </row>
    <row r="197" spans="1:4">
      <c r="A197" s="47" t="s">
        <v>576</v>
      </c>
      <c r="B197" s="166">
        <v>432</v>
      </c>
      <c r="C197" s="167">
        <v>4.6091594910355109</v>
      </c>
      <c r="D197" s="85">
        <v>0.14047835340158921</v>
      </c>
    </row>
    <row r="198" spans="1:4">
      <c r="A198" s="55" t="s">
        <v>577</v>
      </c>
      <c r="B198" s="164">
        <v>331</v>
      </c>
      <c r="C198" s="165">
        <v>4.6419893642653127</v>
      </c>
      <c r="D198" s="84">
        <v>0.14556151624792901</v>
      </c>
    </row>
    <row r="199" spans="1:4">
      <c r="A199" s="47" t="s">
        <v>578</v>
      </c>
      <c r="B199" s="166">
        <v>130</v>
      </c>
      <c r="C199" s="167">
        <v>4.534047185533864</v>
      </c>
      <c r="D199" s="85">
        <v>0.23358001332925035</v>
      </c>
    </row>
    <row r="200" spans="1:4">
      <c r="A200" s="55" t="s">
        <v>579</v>
      </c>
      <c r="B200" s="164">
        <v>119</v>
      </c>
      <c r="C200" s="165">
        <v>4.6697810053992113</v>
      </c>
      <c r="D200" s="84">
        <v>0.28910978453261521</v>
      </c>
    </row>
    <row r="201" spans="1:4">
      <c r="A201" s="47" t="s">
        <v>580</v>
      </c>
      <c r="B201" s="166">
        <v>117</v>
      </c>
      <c r="C201" s="167">
        <v>4.3263528979354016</v>
      </c>
      <c r="D201" s="85">
        <v>0.2906699232112771</v>
      </c>
    </row>
    <row r="202" spans="1:4">
      <c r="A202" s="55" t="s">
        <v>581</v>
      </c>
      <c r="B202" s="164">
        <v>51</v>
      </c>
      <c r="C202" s="165">
        <v>4.805697570919957</v>
      </c>
      <c r="D202" s="84">
        <v>0.40842462903531113</v>
      </c>
    </row>
    <row r="203" spans="1:4">
      <c r="A203" s="47" t="s">
        <v>584</v>
      </c>
      <c r="B203" s="166">
        <v>110</v>
      </c>
      <c r="C203" s="167">
        <v>4.5941205823306355</v>
      </c>
      <c r="D203" s="85">
        <v>0.22036514453681616</v>
      </c>
    </row>
    <row r="204" spans="1:4">
      <c r="A204" s="55" t="s">
        <v>585</v>
      </c>
      <c r="B204" s="164">
        <v>1091</v>
      </c>
      <c r="C204" s="165">
        <v>4.589366493258928</v>
      </c>
      <c r="D204" s="84">
        <v>8.8652716572370463E-2</v>
      </c>
    </row>
    <row r="205" spans="1:4">
      <c r="A205" s="47" t="s">
        <v>620</v>
      </c>
      <c r="B205" s="166">
        <v>43</v>
      </c>
      <c r="C205" s="167">
        <v>5.3926692420207791</v>
      </c>
      <c r="D205" s="85">
        <v>0.37398266948763653</v>
      </c>
    </row>
    <row r="206" spans="1:4">
      <c r="A206" s="55" t="s">
        <v>621</v>
      </c>
      <c r="B206" s="164">
        <v>62</v>
      </c>
      <c r="C206" s="165">
        <v>4.4823419718924544</v>
      </c>
      <c r="D206" s="84">
        <v>0.34711384768249842</v>
      </c>
    </row>
    <row r="207" spans="1:4">
      <c r="A207" s="47" t="s">
        <v>622</v>
      </c>
      <c r="B207" s="166">
        <v>475</v>
      </c>
      <c r="C207" s="167">
        <v>4.5994433780858355</v>
      </c>
      <c r="D207" s="85">
        <v>0.13392816061567414</v>
      </c>
    </row>
    <row r="208" spans="1:4">
      <c r="A208" s="55" t="s">
        <v>623</v>
      </c>
      <c r="B208" s="164">
        <v>130</v>
      </c>
      <c r="C208" s="165">
        <v>4.9343264589885969</v>
      </c>
      <c r="D208" s="84">
        <v>0.23247008886460616</v>
      </c>
    </row>
    <row r="209" spans="1:34">
      <c r="A209" s="47" t="s">
        <v>624</v>
      </c>
      <c r="B209" s="166">
        <v>134</v>
      </c>
      <c r="C209" s="167">
        <v>4.0560342382176415</v>
      </c>
      <c r="D209" s="85">
        <v>0.26178205956063305</v>
      </c>
    </row>
    <row r="210" spans="1:34">
      <c r="A210" s="55" t="s">
        <v>625</v>
      </c>
      <c r="B210" s="164">
        <v>627</v>
      </c>
      <c r="C210" s="165">
        <v>4.6197786586663705</v>
      </c>
      <c r="D210" s="84">
        <v>0.11488421284037652</v>
      </c>
    </row>
    <row r="211" spans="1:34">
      <c r="A211" s="47" t="s">
        <v>626</v>
      </c>
      <c r="B211" s="166">
        <v>573</v>
      </c>
      <c r="C211" s="167">
        <v>4.5241764646088445</v>
      </c>
      <c r="D211" s="85">
        <v>0.12063771553525184</v>
      </c>
    </row>
    <row r="212" spans="1:34">
      <c r="A212" s="55" t="s">
        <v>627</v>
      </c>
      <c r="B212" s="164">
        <v>178</v>
      </c>
      <c r="C212" s="165">
        <v>4.2058345722117121</v>
      </c>
      <c r="D212" s="84">
        <v>0.23157855775819583</v>
      </c>
    </row>
    <row r="213" spans="1:34">
      <c r="A213" s="47" t="s">
        <v>628</v>
      </c>
      <c r="B213" s="166">
        <v>395</v>
      </c>
      <c r="C213" s="167">
        <v>4.7156952458473986</v>
      </c>
      <c r="D213" s="85">
        <v>0.13802886337106995</v>
      </c>
    </row>
    <row r="214" spans="1:34">
      <c r="A214" s="55" t="s">
        <v>629</v>
      </c>
      <c r="B214" s="164">
        <v>71</v>
      </c>
      <c r="C214" s="165">
        <v>5.0685098852798349</v>
      </c>
      <c r="D214" s="84">
        <v>0.30751643905662324</v>
      </c>
    </row>
    <row r="215" spans="1:34">
      <c r="A215" s="47" t="s">
        <v>630</v>
      </c>
      <c r="B215" s="166">
        <v>137</v>
      </c>
      <c r="C215" s="167">
        <v>4.7856785050249808</v>
      </c>
      <c r="D215" s="85">
        <v>0.22990356627696149</v>
      </c>
    </row>
    <row r="216" spans="1:34">
      <c r="A216" s="55" t="s">
        <v>631</v>
      </c>
      <c r="B216" s="164">
        <v>24</v>
      </c>
      <c r="C216" s="165">
        <v>4.8279481436260561</v>
      </c>
      <c r="D216" s="84">
        <v>0.54132864468512021</v>
      </c>
    </row>
    <row r="217" spans="1:34">
      <c r="A217" s="47" t="s">
        <v>632</v>
      </c>
      <c r="B217" s="166">
        <v>113</v>
      </c>
      <c r="C217" s="167">
        <v>4.7709103486772362</v>
      </c>
      <c r="D217" s="85">
        <v>0.25499731826302363</v>
      </c>
    </row>
    <row r="218" spans="1:34">
      <c r="A218" s="55" t="s">
        <v>633</v>
      </c>
      <c r="B218" s="164">
        <v>300</v>
      </c>
      <c r="C218" s="165">
        <v>4.6542573555417528</v>
      </c>
      <c r="D218" s="84">
        <v>0.16959793200143522</v>
      </c>
    </row>
    <row r="219" spans="1:34">
      <c r="A219" s="47" t="s">
        <v>634</v>
      </c>
      <c r="B219" s="166">
        <v>316</v>
      </c>
      <c r="C219" s="167">
        <v>4.4303567277045399</v>
      </c>
      <c r="D219" s="85">
        <v>0.16394333946313022</v>
      </c>
    </row>
    <row r="220" spans="1:34">
      <c r="A220" s="55" t="s">
        <v>635</v>
      </c>
      <c r="B220" s="164">
        <v>122</v>
      </c>
      <c r="C220" s="165">
        <v>4.1271828734834495</v>
      </c>
      <c r="D220" s="84">
        <v>0.28296424890709343</v>
      </c>
    </row>
    <row r="221" spans="1:34">
      <c r="A221" s="47" t="s">
        <v>636</v>
      </c>
      <c r="B221" s="166">
        <v>194</v>
      </c>
      <c r="C221" s="167">
        <v>4.6865011082517771</v>
      </c>
      <c r="D221" s="85">
        <v>0.19359219207521774</v>
      </c>
    </row>
    <row r="223" spans="1:34" ht="18.75">
      <c r="A223" s="343" t="s">
        <v>510</v>
      </c>
      <c r="B223" s="343"/>
      <c r="C223" s="343"/>
      <c r="D223" s="343"/>
      <c r="E223" s="343"/>
      <c r="F223" s="343"/>
      <c r="G223" s="343"/>
      <c r="H223" s="343"/>
      <c r="I223" s="343"/>
      <c r="J223" s="343"/>
      <c r="K223" s="343"/>
      <c r="L223" s="343"/>
      <c r="M223" s="343"/>
      <c r="N223" s="343"/>
      <c r="O223" s="343"/>
      <c r="P223" s="343"/>
      <c r="Q223" s="343"/>
      <c r="R223" s="343"/>
      <c r="S223" s="343"/>
      <c r="T223" s="343"/>
      <c r="U223" s="343"/>
      <c r="V223" s="343"/>
      <c r="W223" s="343"/>
      <c r="X223" s="343"/>
      <c r="Y223" s="343"/>
      <c r="Z223" s="343"/>
      <c r="AA223" s="343"/>
      <c r="AB223" s="343"/>
      <c r="AC223" s="343"/>
      <c r="AD223" s="343"/>
      <c r="AE223" s="343"/>
      <c r="AF223" s="343"/>
      <c r="AG223" s="343"/>
      <c r="AH223" s="343"/>
    </row>
    <row r="224" spans="1:34" ht="54" customHeight="1">
      <c r="A224" s="417" t="s">
        <v>531</v>
      </c>
      <c r="B224" s="417"/>
      <c r="C224" s="417"/>
      <c r="D224" s="417"/>
      <c r="E224" s="417"/>
      <c r="F224" s="417"/>
      <c r="G224" s="417"/>
      <c r="H224" s="417"/>
      <c r="I224" s="417"/>
      <c r="J224" s="417"/>
      <c r="K224" s="417"/>
      <c r="L224" s="417"/>
      <c r="M224" s="417"/>
      <c r="N224" s="417"/>
      <c r="O224" s="417"/>
      <c r="P224" s="417"/>
      <c r="Q224" s="417"/>
      <c r="R224" s="417"/>
      <c r="S224" s="417"/>
      <c r="T224" s="417"/>
      <c r="U224" s="417"/>
      <c r="V224" s="417"/>
      <c r="W224" s="417"/>
      <c r="X224" s="417"/>
      <c r="Y224" s="417"/>
      <c r="Z224" s="417"/>
      <c r="AA224" s="417"/>
      <c r="AB224" s="417"/>
      <c r="AC224" s="417"/>
      <c r="AD224" s="417"/>
      <c r="AE224" s="417"/>
      <c r="AF224" s="417"/>
      <c r="AG224" s="417"/>
      <c r="AH224" s="417"/>
    </row>
    <row r="225" spans="1:34" ht="37.5" customHeight="1">
      <c r="A225" s="62"/>
      <c r="B225" s="395" t="s">
        <v>236</v>
      </c>
      <c r="C225" s="396"/>
      <c r="D225" s="396"/>
      <c r="E225" s="396"/>
      <c r="F225" s="396"/>
      <c r="G225" s="396"/>
      <c r="H225" s="396"/>
      <c r="I225" s="396"/>
      <c r="J225" s="396"/>
      <c r="K225" s="396"/>
      <c r="L225" s="397"/>
      <c r="M225" s="395" t="s">
        <v>419</v>
      </c>
      <c r="N225" s="396"/>
      <c r="O225" s="396"/>
      <c r="P225" s="396"/>
      <c r="Q225" s="396"/>
      <c r="R225" s="396"/>
      <c r="S225" s="396"/>
      <c r="T225" s="396"/>
      <c r="U225" s="396"/>
      <c r="V225" s="396"/>
      <c r="W225" s="397"/>
      <c r="X225" s="395" t="s">
        <v>538</v>
      </c>
      <c r="Y225" s="396"/>
      <c r="Z225" s="396"/>
      <c r="AA225" s="396"/>
      <c r="AB225" s="396"/>
      <c r="AC225" s="396"/>
      <c r="AD225" s="396"/>
      <c r="AE225" s="396"/>
      <c r="AF225" s="396"/>
      <c r="AG225" s="396"/>
      <c r="AH225" s="397"/>
    </row>
    <row r="226" spans="1:34" ht="39" customHeight="1">
      <c r="A226" s="35" t="s">
        <v>70</v>
      </c>
      <c r="B226" s="36" t="s">
        <v>71</v>
      </c>
      <c r="C226" s="37" t="s">
        <v>551</v>
      </c>
      <c r="D226" s="38" t="s">
        <v>72</v>
      </c>
      <c r="E226" s="36" t="s">
        <v>311</v>
      </c>
      <c r="F226" s="87" t="s">
        <v>142</v>
      </c>
      <c r="G226" s="36" t="s">
        <v>312</v>
      </c>
      <c r="H226" s="87" t="s">
        <v>143</v>
      </c>
      <c r="I226" s="36" t="s">
        <v>313</v>
      </c>
      <c r="J226" s="87" t="s">
        <v>116</v>
      </c>
      <c r="K226" s="36" t="s">
        <v>300</v>
      </c>
      <c r="L226" s="87" t="s">
        <v>314</v>
      </c>
      <c r="M226" s="63" t="s">
        <v>71</v>
      </c>
      <c r="N226" s="64" t="s">
        <v>551</v>
      </c>
      <c r="O226" s="65" t="s">
        <v>72</v>
      </c>
      <c r="P226" s="63" t="s">
        <v>311</v>
      </c>
      <c r="Q226" s="86" t="s">
        <v>142</v>
      </c>
      <c r="R226" s="63" t="s">
        <v>312</v>
      </c>
      <c r="S226" s="86" t="s">
        <v>143</v>
      </c>
      <c r="T226" s="63" t="s">
        <v>313</v>
      </c>
      <c r="U226" s="86" t="s">
        <v>116</v>
      </c>
      <c r="V226" s="63" t="s">
        <v>300</v>
      </c>
      <c r="W226" s="86" t="s">
        <v>314</v>
      </c>
      <c r="X226" s="36" t="s">
        <v>71</v>
      </c>
      <c r="Y226" s="37" t="s">
        <v>551</v>
      </c>
      <c r="Z226" s="38" t="s">
        <v>72</v>
      </c>
      <c r="AA226" s="36" t="s">
        <v>534</v>
      </c>
      <c r="AB226" s="87" t="s">
        <v>324</v>
      </c>
      <c r="AC226" s="36" t="s">
        <v>325</v>
      </c>
      <c r="AD226" s="87" t="s">
        <v>326</v>
      </c>
      <c r="AE226" s="36" t="s">
        <v>298</v>
      </c>
      <c r="AF226" s="87" t="s">
        <v>327</v>
      </c>
      <c r="AG226" s="36" t="s">
        <v>300</v>
      </c>
      <c r="AH226" s="87" t="s">
        <v>314</v>
      </c>
    </row>
    <row r="227" spans="1:34" ht="72">
      <c r="A227" s="39"/>
      <c r="B227" s="40" t="s">
        <v>73</v>
      </c>
      <c r="C227" s="126" t="s">
        <v>303</v>
      </c>
      <c r="D227" s="42" t="s">
        <v>75</v>
      </c>
      <c r="E227" s="40" t="s">
        <v>158</v>
      </c>
      <c r="F227" s="89" t="s">
        <v>87</v>
      </c>
      <c r="G227" s="40" t="s">
        <v>159</v>
      </c>
      <c r="H227" s="89" t="s">
        <v>87</v>
      </c>
      <c r="I227" s="40" t="s">
        <v>160</v>
      </c>
      <c r="J227" s="89" t="s">
        <v>87</v>
      </c>
      <c r="K227" s="40" t="s">
        <v>300</v>
      </c>
      <c r="L227" s="89" t="s">
        <v>87</v>
      </c>
      <c r="M227" s="66" t="s">
        <v>73</v>
      </c>
      <c r="N227" s="259" t="s">
        <v>303</v>
      </c>
      <c r="O227" s="68" t="s">
        <v>75</v>
      </c>
      <c r="P227" s="66" t="s">
        <v>158</v>
      </c>
      <c r="Q227" s="88" t="s">
        <v>87</v>
      </c>
      <c r="R227" s="66" t="s">
        <v>159</v>
      </c>
      <c r="S227" s="88" t="s">
        <v>87</v>
      </c>
      <c r="T227" s="66" t="s">
        <v>160</v>
      </c>
      <c r="U227" s="88" t="s">
        <v>87</v>
      </c>
      <c r="V227" s="66" t="s">
        <v>300</v>
      </c>
      <c r="W227" s="88" t="s">
        <v>87</v>
      </c>
      <c r="X227" s="40" t="s">
        <v>73</v>
      </c>
      <c r="Y227" s="126" t="s">
        <v>537</v>
      </c>
      <c r="Z227" s="42" t="s">
        <v>75</v>
      </c>
      <c r="AA227" s="40" t="s">
        <v>160</v>
      </c>
      <c r="AB227" s="89" t="s">
        <v>87</v>
      </c>
      <c r="AC227" s="40" t="s">
        <v>159</v>
      </c>
      <c r="AD227" s="89" t="s">
        <v>87</v>
      </c>
      <c r="AE227" s="40" t="s">
        <v>158</v>
      </c>
      <c r="AF227" s="89" t="s">
        <v>87</v>
      </c>
      <c r="AG227" s="40" t="s">
        <v>300</v>
      </c>
      <c r="AH227" s="89" t="s">
        <v>87</v>
      </c>
    </row>
    <row r="228" spans="1:34">
      <c r="A228" s="43" t="s">
        <v>348</v>
      </c>
      <c r="B228" s="194">
        <v>12507</v>
      </c>
      <c r="C228" s="82">
        <v>5.2164135226083417</v>
      </c>
      <c r="D228" s="83">
        <v>3.1099185849462325E-2</v>
      </c>
      <c r="E228" s="196">
        <v>0.15514203479273816</v>
      </c>
      <c r="F228" s="92">
        <v>6.4753985732475374E-3</v>
      </c>
      <c r="G228" s="196">
        <v>0.12937531489276466</v>
      </c>
      <c r="H228" s="92">
        <v>6.0033604623443582E-3</v>
      </c>
      <c r="I228" s="196">
        <v>0.70017979214279147</v>
      </c>
      <c r="J228" s="92">
        <v>8.1930521479739241E-3</v>
      </c>
      <c r="K228" s="196">
        <v>1.5302858171722111E-2</v>
      </c>
      <c r="L228" s="92">
        <v>2.2058467541656158E-3</v>
      </c>
      <c r="M228" s="194">
        <v>12545</v>
      </c>
      <c r="N228" s="82">
        <v>5.5809000888620828</v>
      </c>
      <c r="O228" s="83">
        <v>2.8485804559351402E-2</v>
      </c>
      <c r="P228" s="196">
        <v>0.10303000187141914</v>
      </c>
      <c r="Q228" s="92">
        <v>5.4304039339801496E-3</v>
      </c>
      <c r="R228" s="196">
        <v>9.6175631195178579E-2</v>
      </c>
      <c r="S228" s="92">
        <v>5.2669535092441126E-3</v>
      </c>
      <c r="T228" s="196">
        <v>0.78972530671992347</v>
      </c>
      <c r="U228" s="92">
        <v>7.2765735021415937E-3</v>
      </c>
      <c r="V228" s="196">
        <v>1.1069060213482133E-2</v>
      </c>
      <c r="W228" s="92">
        <v>1.8808994286726034E-3</v>
      </c>
      <c r="X228" s="194">
        <v>12649</v>
      </c>
      <c r="Y228" s="82">
        <v>4.3725237357445605</v>
      </c>
      <c r="Z228" s="83">
        <v>3.2709499857835909E-2</v>
      </c>
      <c r="AA228" s="196">
        <v>0.32826221083340862</v>
      </c>
      <c r="AB228" s="92">
        <v>8.3495282238207486E-3</v>
      </c>
      <c r="AC228" s="196">
        <v>0.18179873847710692</v>
      </c>
      <c r="AD228" s="92">
        <v>6.8588636118216547E-3</v>
      </c>
      <c r="AE228" s="196">
        <v>0.47107177962861668</v>
      </c>
      <c r="AF228" s="92">
        <v>8.8751482471448907E-3</v>
      </c>
      <c r="AG228" s="196">
        <v>1.8867271060888372E-2</v>
      </c>
      <c r="AH228" s="92">
        <v>2.4286310416995554E-3</v>
      </c>
    </row>
    <row r="229" spans="1:34">
      <c r="A229" s="47" t="s">
        <v>349</v>
      </c>
      <c r="B229" s="47">
        <v>8846</v>
      </c>
      <c r="C229" s="178">
        <v>4.980654228510824</v>
      </c>
      <c r="D229" s="130">
        <v>3.8495679022687593E-2</v>
      </c>
      <c r="E229" s="197">
        <v>0.20884742389537184</v>
      </c>
      <c r="F229" s="95">
        <v>8.6437799902133374E-3</v>
      </c>
      <c r="G229" s="197">
        <v>0.13464180845957277</v>
      </c>
      <c r="H229" s="95">
        <v>7.2605747687886713E-3</v>
      </c>
      <c r="I229" s="197">
        <v>0.64666464982328042</v>
      </c>
      <c r="J229" s="95">
        <v>1.0162719522046558E-2</v>
      </c>
      <c r="K229" s="197">
        <v>9.8461178217776994E-3</v>
      </c>
      <c r="L229" s="95">
        <v>2.1223905715983872E-3</v>
      </c>
      <c r="M229" s="47">
        <v>8864</v>
      </c>
      <c r="N229" s="178">
        <v>5.450885009369423</v>
      </c>
      <c r="O229" s="130">
        <v>3.5784229781252008E-2</v>
      </c>
      <c r="P229" s="197">
        <v>0.14196441125623155</v>
      </c>
      <c r="Q229" s="95">
        <v>7.4159288450063188E-3</v>
      </c>
      <c r="R229" s="197">
        <v>9.5155634138057194E-2</v>
      </c>
      <c r="S229" s="95">
        <v>6.2372599105135814E-3</v>
      </c>
      <c r="T229" s="197">
        <v>0.75722761678665496</v>
      </c>
      <c r="U229" s="95">
        <v>9.1075275911893065E-3</v>
      </c>
      <c r="V229" s="197">
        <v>5.6523378190561305E-3</v>
      </c>
      <c r="W229" s="95">
        <v>1.6231299091540978E-3</v>
      </c>
      <c r="X229" s="47">
        <v>8863</v>
      </c>
      <c r="Y229" s="178">
        <v>4.2571311641492038</v>
      </c>
      <c r="Z229" s="130">
        <v>3.9404799036750073E-2</v>
      </c>
      <c r="AA229" s="197">
        <v>0.35071228973515423</v>
      </c>
      <c r="AB229" s="95">
        <v>1.0135726767912743E-2</v>
      </c>
      <c r="AC229" s="197">
        <v>0.18304893564791436</v>
      </c>
      <c r="AD229" s="95">
        <v>8.2158936193938992E-3</v>
      </c>
      <c r="AE229" s="197">
        <v>0.45320453745019956</v>
      </c>
      <c r="AF229" s="95">
        <v>1.0573114806457366E-2</v>
      </c>
      <c r="AG229" s="197">
        <v>1.3034237166735687E-2</v>
      </c>
      <c r="AH229" s="95">
        <v>2.4289378411923349E-3</v>
      </c>
    </row>
    <row r="230" spans="1:34">
      <c r="A230" s="43" t="s">
        <v>350</v>
      </c>
      <c r="B230" s="51">
        <v>3661</v>
      </c>
      <c r="C230" s="82">
        <v>5.4069519698716695</v>
      </c>
      <c r="D230" s="83">
        <v>4.9309312593663245E-2</v>
      </c>
      <c r="E230" s="196">
        <v>0.11216844611282635</v>
      </c>
      <c r="F230" s="92">
        <v>1.0442584156095225E-2</v>
      </c>
      <c r="G230" s="196">
        <v>0.12516121027296337</v>
      </c>
      <c r="H230" s="92">
        <v>1.0947096306451938E-2</v>
      </c>
      <c r="I230" s="196">
        <v>0.74300115053178994</v>
      </c>
      <c r="J230" s="92">
        <v>1.4441083749334883E-2</v>
      </c>
      <c r="K230" s="196">
        <v>1.9669193082421602E-2</v>
      </c>
      <c r="L230" s="92">
        <v>4.6469522710023857E-3</v>
      </c>
      <c r="M230" s="51">
        <v>3681</v>
      </c>
      <c r="N230" s="82">
        <v>5.6857423297410836</v>
      </c>
      <c r="O230" s="83">
        <v>4.3552056733459819E-2</v>
      </c>
      <c r="P230" s="196">
        <v>7.1941465290275897E-2</v>
      </c>
      <c r="Q230" s="92">
        <v>8.5384258429894548E-3</v>
      </c>
      <c r="R230" s="196">
        <v>9.6990083406574515E-2</v>
      </c>
      <c r="S230" s="92">
        <v>9.769968500570176E-3</v>
      </c>
      <c r="T230" s="196">
        <v>0.8156742202454258</v>
      </c>
      <c r="U230" s="92">
        <v>1.2784234109185591E-2</v>
      </c>
      <c r="V230" s="196">
        <v>1.5394231057724186E-2</v>
      </c>
      <c r="W230" s="92">
        <v>4.1238370520265202E-3</v>
      </c>
      <c r="X230" s="51">
        <v>3786</v>
      </c>
      <c r="Y230" s="82">
        <v>4.4631843282467774</v>
      </c>
      <c r="Z230" s="83">
        <v>5.8081977406013091E-2</v>
      </c>
      <c r="AA230" s="196">
        <v>0.31080912089189833</v>
      </c>
      <c r="AB230" s="92">
        <v>1.5038466922709192E-2</v>
      </c>
      <c r="AC230" s="196">
        <v>0.18082681299914533</v>
      </c>
      <c r="AD230" s="92">
        <v>1.2512511752612167E-2</v>
      </c>
      <c r="AE230" s="196">
        <v>0.48496209093268411</v>
      </c>
      <c r="AF230" s="92">
        <v>1.6236196520193955E-2</v>
      </c>
      <c r="AG230" s="196">
        <v>2.3401975176272394E-2</v>
      </c>
      <c r="AH230" s="92">
        <v>4.9625013790381449E-3</v>
      </c>
    </row>
    <row r="231" spans="1:34">
      <c r="A231" s="47" t="s">
        <v>568</v>
      </c>
      <c r="B231" s="47">
        <v>11304</v>
      </c>
      <c r="C231" s="178">
        <v>5.2189423580849548</v>
      </c>
      <c r="D231" s="130">
        <v>3.2178836845883352E-2</v>
      </c>
      <c r="E231" s="197">
        <v>0.15460650482672847</v>
      </c>
      <c r="F231" s="95">
        <v>6.8017485795419004E-3</v>
      </c>
      <c r="G231" s="197">
        <v>0.12935141736483005</v>
      </c>
      <c r="H231" s="95">
        <v>6.3143903518559771E-3</v>
      </c>
      <c r="I231" s="197">
        <v>0.7007423862629113</v>
      </c>
      <c r="J231" s="95">
        <v>8.6132768735219158E-3</v>
      </c>
      <c r="K231" s="197">
        <v>1.5299691545548406E-2</v>
      </c>
      <c r="L231" s="95">
        <v>2.3211999651719679E-3</v>
      </c>
      <c r="M231" s="47">
        <v>11342</v>
      </c>
      <c r="N231" s="178">
        <v>5.5826178537031836</v>
      </c>
      <c r="O231" s="130">
        <v>2.9472609734527311E-2</v>
      </c>
      <c r="P231" s="197">
        <v>0.10266631864400724</v>
      </c>
      <c r="Q231" s="95">
        <v>5.7024536062974182E-3</v>
      </c>
      <c r="R231" s="197">
        <v>9.6197157751259768E-2</v>
      </c>
      <c r="S231" s="95">
        <v>5.540047450522923E-3</v>
      </c>
      <c r="T231" s="197">
        <v>0.79003608693343053</v>
      </c>
      <c r="U231" s="95">
        <v>7.6486011991437368E-3</v>
      </c>
      <c r="V231" s="197">
        <v>1.1100436671306304E-2</v>
      </c>
      <c r="W231" s="95">
        <v>1.982269447809798E-3</v>
      </c>
      <c r="X231" s="47">
        <v>11442</v>
      </c>
      <c r="Y231" s="178">
        <v>4.37440652611118</v>
      </c>
      <c r="Z231" s="130">
        <v>3.4311842475167879E-2</v>
      </c>
      <c r="AA231" s="197">
        <v>0.32787445742559723</v>
      </c>
      <c r="AB231" s="95">
        <v>8.7761192785972345E-3</v>
      </c>
      <c r="AC231" s="197">
        <v>0.18183555799183135</v>
      </c>
      <c r="AD231" s="95">
        <v>7.2121717357798475E-3</v>
      </c>
      <c r="AE231" s="197">
        <v>0.47140260382491683</v>
      </c>
      <c r="AF231" s="95">
        <v>9.3317290664500386E-3</v>
      </c>
      <c r="AG231" s="197">
        <v>1.888738075767684E-2</v>
      </c>
      <c r="AH231" s="95">
        <v>2.5558518210185275E-3</v>
      </c>
    </row>
    <row r="232" spans="1:34">
      <c r="A232" s="43" t="s">
        <v>569</v>
      </c>
      <c r="B232" s="51">
        <v>1203</v>
      </c>
      <c r="C232" s="82">
        <v>4.6418774003409728</v>
      </c>
      <c r="D232" s="83">
        <v>0.10931094270900409</v>
      </c>
      <c r="E232" s="196">
        <v>0.27672198383255098</v>
      </c>
      <c r="F232" s="92">
        <v>2.5775578912985927E-2</v>
      </c>
      <c r="G232" s="196">
        <v>0.13480070733184946</v>
      </c>
      <c r="H232" s="92">
        <v>1.9734105926058589E-2</v>
      </c>
      <c r="I232" s="196">
        <v>0.57245553991515086</v>
      </c>
      <c r="J232" s="92">
        <v>2.8481883240528177E-2</v>
      </c>
      <c r="K232" s="196">
        <v>1.602176892044941E-2</v>
      </c>
      <c r="L232" s="92">
        <v>7.5750887266343757E-3</v>
      </c>
      <c r="M232" s="51">
        <v>1203</v>
      </c>
      <c r="N232" s="82">
        <v>5.1928369677728279</v>
      </c>
      <c r="O232" s="83">
        <v>0.10263742175154733</v>
      </c>
      <c r="P232" s="196">
        <v>0.18578607853239659</v>
      </c>
      <c r="Q232" s="92">
        <v>2.2438199215374259E-2</v>
      </c>
      <c r="R232" s="196">
        <v>9.1277265829332196E-2</v>
      </c>
      <c r="S232" s="92">
        <v>1.6689684778033769E-2</v>
      </c>
      <c r="T232" s="196">
        <v>0.71900730480188613</v>
      </c>
      <c r="U232" s="92">
        <v>2.5895921988331818E-2</v>
      </c>
      <c r="V232" s="196">
        <v>3.9293508363862049E-3</v>
      </c>
      <c r="W232" s="92">
        <v>4.2856836820085028E-3</v>
      </c>
      <c r="X232" s="51">
        <v>1207</v>
      </c>
      <c r="Y232" s="82">
        <v>3.9428480997729101</v>
      </c>
      <c r="Z232" s="83">
        <v>0.10733706851576047</v>
      </c>
      <c r="AA232" s="196">
        <v>0.41716994017349762</v>
      </c>
      <c r="AB232" s="92">
        <v>2.8341694120977118E-2</v>
      </c>
      <c r="AC232" s="196">
        <v>0.1733564156410411</v>
      </c>
      <c r="AD232" s="92">
        <v>2.180975096229926E-2</v>
      </c>
      <c r="AE232" s="196">
        <v>0.39521731255968062</v>
      </c>
      <c r="AF232" s="92">
        <v>2.8102266929040654E-2</v>
      </c>
      <c r="AG232" s="196">
        <v>1.4256331625781209E-2</v>
      </c>
      <c r="AH232" s="92">
        <v>7.1803948645637796E-3</v>
      </c>
    </row>
    <row r="233" spans="1:34">
      <c r="A233" s="47" t="s">
        <v>570</v>
      </c>
      <c r="B233" s="47">
        <v>207</v>
      </c>
      <c r="C233" s="178">
        <v>4.6879329030806653</v>
      </c>
      <c r="D233" s="130">
        <v>0.24933097250072905</v>
      </c>
      <c r="E233" s="197">
        <v>0.24824903790485883</v>
      </c>
      <c r="F233" s="95">
        <v>5.9857912980698195E-2</v>
      </c>
      <c r="G233" s="197">
        <v>0.16507551220496761</v>
      </c>
      <c r="H233" s="95">
        <v>5.1890941492071616E-2</v>
      </c>
      <c r="I233" s="197">
        <v>0.58459518885192518</v>
      </c>
      <c r="J233" s="95">
        <v>6.7887893764964971E-2</v>
      </c>
      <c r="K233" s="197">
        <v>2.0802610382484187E-3</v>
      </c>
      <c r="L233" s="95">
        <v>1.4692293473577617E-2</v>
      </c>
      <c r="M233" s="47">
        <v>206</v>
      </c>
      <c r="N233" s="178">
        <v>5.7219849551003676</v>
      </c>
      <c r="O233" s="130">
        <v>0.22021791179506015</v>
      </c>
      <c r="P233" s="197">
        <v>8.3247412395118639E-2</v>
      </c>
      <c r="Q233" s="95">
        <v>3.9730221465696193E-2</v>
      </c>
      <c r="R233" s="197">
        <v>8.2417787879697779E-2</v>
      </c>
      <c r="S233" s="95">
        <v>3.9570235165572384E-2</v>
      </c>
      <c r="T233" s="197">
        <v>0.83433479972518387</v>
      </c>
      <c r="U233" s="95">
        <v>5.2087465485207034E-2</v>
      </c>
      <c r="V233" s="197">
        <v>0</v>
      </c>
      <c r="W233" s="95">
        <v>1.3404410486647558E-2</v>
      </c>
      <c r="X233" s="47">
        <v>208</v>
      </c>
      <c r="Y233" s="178">
        <v>4.4411504082111293</v>
      </c>
      <c r="Z233" s="130">
        <v>0.25478243674380791</v>
      </c>
      <c r="AA233" s="197">
        <v>0.2930513854458488</v>
      </c>
      <c r="AB233" s="95">
        <v>6.2762379827142334E-2</v>
      </c>
      <c r="AC233" s="197">
        <v>0.15481004551158353</v>
      </c>
      <c r="AD233" s="95">
        <v>5.0525153962788241E-2</v>
      </c>
      <c r="AE233" s="197">
        <v>0.5314030057795287</v>
      </c>
      <c r="AF233" s="95">
        <v>6.8549763403478056E-2</v>
      </c>
      <c r="AG233" s="197">
        <v>2.0735563263038766E-2</v>
      </c>
      <c r="AH233" s="95">
        <v>2.3347878583048598E-2</v>
      </c>
    </row>
    <row r="234" spans="1:34">
      <c r="A234" s="43" t="s">
        <v>571</v>
      </c>
      <c r="B234" s="51">
        <v>619</v>
      </c>
      <c r="C234" s="82">
        <v>4.4170083961009787</v>
      </c>
      <c r="D234" s="83">
        <v>0.15527979154092397</v>
      </c>
      <c r="E234" s="196">
        <v>0.31799655169956353</v>
      </c>
      <c r="F234" s="92">
        <v>3.735206185180568E-2</v>
      </c>
      <c r="G234" s="196">
        <v>0.14690910438325849</v>
      </c>
      <c r="H234" s="92">
        <v>2.8546672065580144E-2</v>
      </c>
      <c r="I234" s="196">
        <v>0.51022825009449724</v>
      </c>
      <c r="J234" s="92">
        <v>4.0055877663306108E-2</v>
      </c>
      <c r="K234" s="196">
        <v>2.4866093822681457E-2</v>
      </c>
      <c r="L234" s="92">
        <v>1.3199875953799796E-2</v>
      </c>
      <c r="M234" s="51">
        <v>616</v>
      </c>
      <c r="N234" s="82">
        <v>5.1470291100128955</v>
      </c>
      <c r="O234" s="83">
        <v>0.14235439662709659</v>
      </c>
      <c r="P234" s="196">
        <v>0.20839023052178635</v>
      </c>
      <c r="Q234" s="92">
        <v>3.2731305414244932E-2</v>
      </c>
      <c r="R234" s="196">
        <v>0.10396647387418781</v>
      </c>
      <c r="S234" s="92">
        <v>2.4779634297362574E-2</v>
      </c>
      <c r="T234" s="196">
        <v>0.68764329560402659</v>
      </c>
      <c r="U234" s="92">
        <v>3.7264776304684437E-2</v>
      </c>
      <c r="V234" s="196">
        <v>0</v>
      </c>
      <c r="W234" s="92">
        <v>4.55461525895376E-3</v>
      </c>
      <c r="X234" s="51">
        <v>617</v>
      </c>
      <c r="Y234" s="82">
        <v>4.1237505693860177</v>
      </c>
      <c r="Z234" s="83">
        <v>0.14525231798162691</v>
      </c>
      <c r="AA234" s="196">
        <v>0.36869450039988455</v>
      </c>
      <c r="AB234" s="92">
        <v>3.8738585329148742E-2</v>
      </c>
      <c r="AC234" s="196">
        <v>0.20765858155100467</v>
      </c>
      <c r="AD234" s="92">
        <v>3.26632087652627E-2</v>
      </c>
      <c r="AE234" s="196">
        <v>0.40698674906881877</v>
      </c>
      <c r="AF234" s="92">
        <v>3.9437235096809228E-2</v>
      </c>
      <c r="AG234" s="196">
        <v>1.6660168980292826E-2</v>
      </c>
      <c r="AH234" s="92">
        <v>1.117349029152525E-2</v>
      </c>
    </row>
    <row r="235" spans="1:34">
      <c r="A235" s="47" t="s">
        <v>582</v>
      </c>
      <c r="B235" s="47">
        <v>683</v>
      </c>
      <c r="C235" s="178">
        <v>4.4673223489090272</v>
      </c>
      <c r="D235" s="130">
        <v>0.14918170926795618</v>
      </c>
      <c r="E235" s="197">
        <v>0.32855319673698946</v>
      </c>
      <c r="F235" s="95">
        <v>3.5867075109712154E-2</v>
      </c>
      <c r="G235" s="197">
        <v>0.1281384186008899</v>
      </c>
      <c r="H235" s="95">
        <v>2.5687012785928262E-2</v>
      </c>
      <c r="I235" s="197">
        <v>0.52917119697365234</v>
      </c>
      <c r="J235" s="95">
        <v>3.8088147337907823E-2</v>
      </c>
      <c r="K235" s="197">
        <v>1.4137187688470247E-2</v>
      </c>
      <c r="L235" s="95">
        <v>9.8543203175053672E-3</v>
      </c>
      <c r="M235" s="47">
        <v>683</v>
      </c>
      <c r="N235" s="178">
        <v>5.0605869872422442</v>
      </c>
      <c r="O235" s="130">
        <v>0.14308391588934924</v>
      </c>
      <c r="P235" s="197">
        <v>0.21501325128116622</v>
      </c>
      <c r="Q235" s="95">
        <v>3.143585352487923E-2</v>
      </c>
      <c r="R235" s="197">
        <v>0.11503562947253947</v>
      </c>
      <c r="S235" s="95">
        <v>2.4551066146468056E-2</v>
      </c>
      <c r="T235" s="197">
        <v>0.66776688812756435</v>
      </c>
      <c r="U235" s="95">
        <v>3.5967077732253785E-2</v>
      </c>
      <c r="V235" s="197">
        <v>2.1842311187320546E-3</v>
      </c>
      <c r="W235" s="95">
        <v>5.4261685768699896E-3</v>
      </c>
      <c r="X235" s="47">
        <v>686</v>
      </c>
      <c r="Y235" s="178">
        <v>3.9301413969101779</v>
      </c>
      <c r="Z235" s="130">
        <v>0.14266007946855788</v>
      </c>
      <c r="AA235" s="197">
        <v>0.40725343612010234</v>
      </c>
      <c r="AB235" s="95">
        <v>3.7416381615305479E-2</v>
      </c>
      <c r="AC235" s="197">
        <v>0.18825185994396856</v>
      </c>
      <c r="AD235" s="95">
        <v>2.9872835388595375E-2</v>
      </c>
      <c r="AE235" s="197">
        <v>0.38289901265799686</v>
      </c>
      <c r="AF235" s="95">
        <v>3.7022976420720777E-2</v>
      </c>
      <c r="AG235" s="197">
        <v>2.1595691277934353E-2</v>
      </c>
      <c r="AH235" s="95">
        <v>1.1739984695315706E-2</v>
      </c>
    </row>
    <row r="236" spans="1:34">
      <c r="A236" s="43" t="s">
        <v>583</v>
      </c>
      <c r="B236" s="51">
        <v>520</v>
      </c>
      <c r="C236" s="82">
        <v>4.7722754459169385</v>
      </c>
      <c r="D236" s="83">
        <v>0.15812447218601577</v>
      </c>
      <c r="E236" s="196">
        <v>0.23813158246457797</v>
      </c>
      <c r="F236" s="92">
        <v>3.7321369307869945E-2</v>
      </c>
      <c r="G236" s="196">
        <v>0.13976104651262558</v>
      </c>
      <c r="H236" s="92">
        <v>3.0542372999325836E-2</v>
      </c>
      <c r="I236" s="196">
        <v>0.60468245635141238</v>
      </c>
      <c r="J236" s="92">
        <v>4.273192210403004E-2</v>
      </c>
      <c r="K236" s="196">
        <v>1.7424914671383483E-2</v>
      </c>
      <c r="L236" s="92">
        <v>1.2559208473041697E-2</v>
      </c>
      <c r="M236" s="51">
        <v>520</v>
      </c>
      <c r="N236" s="82">
        <v>5.2926326746797514</v>
      </c>
      <c r="O236" s="83">
        <v>0.14193469881179355</v>
      </c>
      <c r="P236" s="196">
        <v>0.16379887244120819</v>
      </c>
      <c r="Q236" s="92">
        <v>3.2537457270798896E-2</v>
      </c>
      <c r="R236" s="196">
        <v>7.3404170737211574E-2</v>
      </c>
      <c r="S236" s="92">
        <v>2.3245089056697123E-2</v>
      </c>
      <c r="T236" s="196">
        <v>0.75755477606436361</v>
      </c>
      <c r="U236" s="92">
        <v>3.7546349147609646E-2</v>
      </c>
      <c r="V236" s="196">
        <v>5.2421807572164102E-3</v>
      </c>
      <c r="W236" s="92">
        <v>8.2599079527791962E-3</v>
      </c>
      <c r="X236" s="51">
        <v>521</v>
      </c>
      <c r="Y236" s="82">
        <v>3.9523988038767808</v>
      </c>
      <c r="Z236" s="83">
        <v>0.1623027251514573</v>
      </c>
      <c r="AA236" s="196">
        <v>0.42472194619845105</v>
      </c>
      <c r="AB236" s="92">
        <v>4.3153699763032363E-2</v>
      </c>
      <c r="AC236" s="196">
        <v>0.16201265129481829</v>
      </c>
      <c r="AD236" s="92">
        <v>3.2366785020023339E-2</v>
      </c>
      <c r="AE236" s="196">
        <v>0.40459842858341277</v>
      </c>
      <c r="AF236" s="92">
        <v>4.2854055827987549E-2</v>
      </c>
      <c r="AG236" s="196">
        <v>8.6669739233167439E-3</v>
      </c>
      <c r="AH236" s="92">
        <v>9.6634585302037088E-3</v>
      </c>
    </row>
    <row r="237" spans="1:34">
      <c r="A237" s="47" t="s">
        <v>572</v>
      </c>
      <c r="B237" s="47">
        <v>274</v>
      </c>
      <c r="C237" s="178">
        <v>4.9193211049355021</v>
      </c>
      <c r="D237" s="130">
        <v>0.21589908831785198</v>
      </c>
      <c r="E237" s="197">
        <v>0.24456865025109931</v>
      </c>
      <c r="F237" s="95">
        <v>5.1818565174465418E-2</v>
      </c>
      <c r="G237" s="197">
        <v>0.10110673347494332</v>
      </c>
      <c r="H237" s="95">
        <v>3.7055294755904952E-2</v>
      </c>
      <c r="I237" s="197">
        <v>0.64255218895759025</v>
      </c>
      <c r="J237" s="95">
        <v>5.7559409032702791E-2</v>
      </c>
      <c r="K237" s="197">
        <v>1.1772427316366726E-2</v>
      </c>
      <c r="L237" s="95">
        <v>1.6290504173852582E-2</v>
      </c>
      <c r="M237" s="47">
        <v>276</v>
      </c>
      <c r="N237" s="178">
        <v>5.0207448242437378</v>
      </c>
      <c r="O237" s="130">
        <v>0.21961617934800565</v>
      </c>
      <c r="P237" s="197">
        <v>0.21277810881240433</v>
      </c>
      <c r="Q237" s="95">
        <v>4.9257891266536596E-2</v>
      </c>
      <c r="R237" s="197">
        <v>8.8235316262345598E-2</v>
      </c>
      <c r="S237" s="95">
        <v>3.489976121293964E-2</v>
      </c>
      <c r="T237" s="197">
        <v>0.68978720499141233</v>
      </c>
      <c r="U237" s="95">
        <v>5.5420803918387142E-2</v>
      </c>
      <c r="V237" s="197">
        <v>9.1993699338372564E-3</v>
      </c>
      <c r="W237" s="95">
        <v>1.5093999387745157E-2</v>
      </c>
      <c r="X237" s="47">
        <v>277</v>
      </c>
      <c r="Y237" s="178">
        <v>3.4249368068608717</v>
      </c>
      <c r="Z237" s="130">
        <v>0.22552199314745566</v>
      </c>
      <c r="AA237" s="197">
        <v>0.54904846569789656</v>
      </c>
      <c r="AB237" s="95">
        <v>5.9375426779169599E-2</v>
      </c>
      <c r="AC237" s="197">
        <v>0.15087530621143988</v>
      </c>
      <c r="AD237" s="95">
        <v>4.3274736373868958E-2</v>
      </c>
      <c r="AE237" s="197">
        <v>0.28734769726298554</v>
      </c>
      <c r="AF237" s="95">
        <v>5.4159020580071805E-2</v>
      </c>
      <c r="AG237" s="197">
        <v>1.2728530827677498E-2</v>
      </c>
      <c r="AH237" s="95">
        <v>1.6565657545459311E-2</v>
      </c>
    </row>
    <row r="238" spans="1:34">
      <c r="A238" s="43" t="s">
        <v>573</v>
      </c>
      <c r="B238" s="194">
        <v>293</v>
      </c>
      <c r="C238" s="82">
        <v>4.4364991526506934</v>
      </c>
      <c r="D238" s="83">
        <v>0.21667889901349696</v>
      </c>
      <c r="E238" s="196">
        <v>0.29115295588379975</v>
      </c>
      <c r="F238" s="92">
        <v>5.2870449840711278E-2</v>
      </c>
      <c r="G238" s="196">
        <v>0.15911152014657751</v>
      </c>
      <c r="H238" s="92">
        <v>4.2939792789490755E-2</v>
      </c>
      <c r="I238" s="196">
        <v>0.54097767663780716</v>
      </c>
      <c r="J238" s="92">
        <v>5.7835917399842535E-2</v>
      </c>
      <c r="K238" s="196">
        <v>8.7578473318166618E-3</v>
      </c>
      <c r="L238" s="92">
        <v>1.4278399007933594E-2</v>
      </c>
      <c r="M238" s="194">
        <v>292</v>
      </c>
      <c r="N238" s="82">
        <v>5.1499586300422209</v>
      </c>
      <c r="O238" s="83">
        <v>0.20936214004351886</v>
      </c>
      <c r="P238" s="196">
        <v>0.19797016015413871</v>
      </c>
      <c r="Q238" s="92">
        <v>4.6676977576596466E-2</v>
      </c>
      <c r="R238" s="196">
        <v>9.3215214551226624E-2</v>
      </c>
      <c r="S238" s="92">
        <v>3.4673805605412146E-2</v>
      </c>
      <c r="T238" s="196">
        <v>0.70713190361563494</v>
      </c>
      <c r="U238" s="92">
        <v>5.3048689657350427E-2</v>
      </c>
      <c r="V238" s="196">
        <v>1.6827216790003374E-3</v>
      </c>
      <c r="W238" s="92">
        <v>1.0619905747911816E-2</v>
      </c>
      <c r="X238" s="194">
        <v>294</v>
      </c>
      <c r="Y238" s="82">
        <v>4.3062375161086663</v>
      </c>
      <c r="Z238" s="83">
        <v>0.21455641575318915</v>
      </c>
      <c r="AA238" s="196">
        <v>0.31482640378804388</v>
      </c>
      <c r="AB238" s="92">
        <v>5.3923271160922034E-2</v>
      </c>
      <c r="AC238" s="196">
        <v>0.1723194379642288</v>
      </c>
      <c r="AD238" s="92">
        <v>4.419126240646705E-2</v>
      </c>
      <c r="AE238" s="196">
        <v>0.5023795492428097</v>
      </c>
      <c r="AF238" s="92">
        <v>5.7927806114470175E-2</v>
      </c>
      <c r="AG238" s="196">
        <v>1.0474609004918678E-2</v>
      </c>
      <c r="AH238" s="92">
        <v>1.4996587214538101E-2</v>
      </c>
    </row>
    <row r="239" spans="1:34">
      <c r="A239" s="47" t="s">
        <v>574</v>
      </c>
      <c r="B239" s="195">
        <v>350</v>
      </c>
      <c r="C239" s="178">
        <v>4.4524666571690474</v>
      </c>
      <c r="D239" s="130">
        <v>0.20669501097380327</v>
      </c>
      <c r="E239" s="197">
        <v>0.30235568739505397</v>
      </c>
      <c r="F239" s="95">
        <v>4.8922228615453159E-2</v>
      </c>
      <c r="G239" s="197">
        <v>0.1695258822379257</v>
      </c>
      <c r="H239" s="95">
        <v>4.0231112994923074E-2</v>
      </c>
      <c r="I239" s="197">
        <v>0.49312236763653106</v>
      </c>
      <c r="J239" s="95">
        <v>5.3144484978530908E-2</v>
      </c>
      <c r="K239" s="197">
        <v>3.4996062730488574E-2</v>
      </c>
      <c r="L239" s="95">
        <v>2.0892583571693955E-2</v>
      </c>
      <c r="M239" s="195">
        <v>346</v>
      </c>
      <c r="N239" s="178">
        <v>5.291522019773236</v>
      </c>
      <c r="O239" s="130">
        <v>0.19459140025253677</v>
      </c>
      <c r="P239" s="197">
        <v>0.16838798881073253</v>
      </c>
      <c r="Q239" s="95">
        <v>4.0360182875654599E-2</v>
      </c>
      <c r="R239" s="197">
        <v>0.10148303679124866</v>
      </c>
      <c r="S239" s="95">
        <v>3.2914358393988721E-2</v>
      </c>
      <c r="T239" s="197">
        <v>0.73012897439801805</v>
      </c>
      <c r="U239" s="95">
        <v>4.7598827994529976E-2</v>
      </c>
      <c r="V239" s="197">
        <v>0</v>
      </c>
      <c r="W239" s="95">
        <v>8.0580980762469008E-3</v>
      </c>
      <c r="X239" s="195">
        <v>349</v>
      </c>
      <c r="Y239" s="178">
        <v>4.0912192306480746</v>
      </c>
      <c r="Z239" s="130">
        <v>0.18877704015364793</v>
      </c>
      <c r="AA239" s="197">
        <v>0.38379753925374321</v>
      </c>
      <c r="AB239" s="95">
        <v>5.1800584241416384E-2</v>
      </c>
      <c r="AC239" s="197">
        <v>0.19187452529043075</v>
      </c>
      <c r="AD239" s="95">
        <v>4.2205237862575254E-2</v>
      </c>
      <c r="AE239" s="197">
        <v>0.4074543547287931</v>
      </c>
      <c r="AF239" s="95">
        <v>5.232588064926217E-2</v>
      </c>
      <c r="AG239" s="197">
        <v>1.6873580727032191E-2</v>
      </c>
      <c r="AH239" s="95">
        <v>1.5734577299946647E-2</v>
      </c>
    </row>
    <row r="240" spans="1:34">
      <c r="A240" s="43" t="s">
        <v>575</v>
      </c>
      <c r="B240" s="52">
        <v>282</v>
      </c>
      <c r="C240" s="82">
        <v>4.5605906061469312</v>
      </c>
      <c r="D240" s="83">
        <v>0.23436902757465075</v>
      </c>
      <c r="E240" s="196">
        <v>0.29379747076003215</v>
      </c>
      <c r="F240" s="92">
        <v>5.402169415671753E-2</v>
      </c>
      <c r="G240" s="196">
        <v>0.12872609149823908</v>
      </c>
      <c r="H240" s="92">
        <v>4.027605899651774E-2</v>
      </c>
      <c r="I240" s="196">
        <v>0.56609379632630941</v>
      </c>
      <c r="J240" s="92">
        <v>5.8626821270402904E-2</v>
      </c>
      <c r="K240" s="196">
        <v>1.1382641415417904E-2</v>
      </c>
      <c r="L240" s="92">
        <v>1.5815638694476695E-2</v>
      </c>
      <c r="M240" s="52">
        <v>284</v>
      </c>
      <c r="N240" s="82">
        <v>5.5374824929690254</v>
      </c>
      <c r="O240" s="83">
        <v>0.19613155763254042</v>
      </c>
      <c r="P240" s="196">
        <v>0.12542372230725651</v>
      </c>
      <c r="Q240" s="92">
        <v>3.9714777224725953E-2</v>
      </c>
      <c r="R240" s="196">
        <v>8.093988145817034E-2</v>
      </c>
      <c r="S240" s="92">
        <v>3.3173122354556904E-2</v>
      </c>
      <c r="T240" s="196">
        <v>0.79363639623457216</v>
      </c>
      <c r="U240" s="92">
        <v>4.8038771844380941E-2</v>
      </c>
      <c r="V240" s="196">
        <v>0</v>
      </c>
      <c r="W240" s="92">
        <v>9.7867676650970851E-3</v>
      </c>
      <c r="X240" s="52">
        <v>282</v>
      </c>
      <c r="Y240" s="82">
        <v>4.4256302126958404</v>
      </c>
      <c r="Z240" s="83">
        <v>0.22735431776378559</v>
      </c>
      <c r="AA240" s="196">
        <v>0.30174718628366592</v>
      </c>
      <c r="AB240" s="92">
        <v>5.4424844078762295E-2</v>
      </c>
      <c r="AC240" s="196">
        <v>0.20805007019116267</v>
      </c>
      <c r="AD240" s="92">
        <v>4.8347916692287211E-2</v>
      </c>
      <c r="AE240" s="196">
        <v>0.46958060554420455</v>
      </c>
      <c r="AF240" s="92">
        <v>5.902475041613333E-2</v>
      </c>
      <c r="AG240" s="196">
        <v>2.0622137980965752E-2</v>
      </c>
      <c r="AH240" s="92">
        <v>1.92807645905342E-2</v>
      </c>
    </row>
    <row r="241" spans="1:34">
      <c r="A241" s="47" t="s">
        <v>576</v>
      </c>
      <c r="B241" s="195">
        <v>432</v>
      </c>
      <c r="C241" s="178">
        <v>4.6421951986557879</v>
      </c>
      <c r="D241" s="130">
        <v>0.18557427397822929</v>
      </c>
      <c r="E241" s="197">
        <v>0.26077557263439849</v>
      </c>
      <c r="F241" s="95">
        <v>4.2167960096386826E-2</v>
      </c>
      <c r="G241" s="197">
        <v>0.13179662291655725</v>
      </c>
      <c r="H241" s="95">
        <v>3.2749039267956109E-2</v>
      </c>
      <c r="I241" s="197">
        <v>0.58514480210970599</v>
      </c>
      <c r="J241" s="95">
        <v>4.7204685406791409E-2</v>
      </c>
      <c r="K241" s="197">
        <v>2.2283002339337596E-2</v>
      </c>
      <c r="L241" s="95">
        <v>1.5431014310028943E-2</v>
      </c>
      <c r="M241" s="195">
        <v>433</v>
      </c>
      <c r="N241" s="178">
        <v>5.0924812756651177</v>
      </c>
      <c r="O241" s="130">
        <v>0.17112408585202099</v>
      </c>
      <c r="P241" s="197">
        <v>0.1870824242964681</v>
      </c>
      <c r="Q241" s="95">
        <v>3.7528561249967757E-2</v>
      </c>
      <c r="R241" s="197">
        <v>0.11857313781060906</v>
      </c>
      <c r="S241" s="95">
        <v>3.131952798142261E-2</v>
      </c>
      <c r="T241" s="197">
        <v>0.68527088437515105</v>
      </c>
      <c r="U241" s="95">
        <v>4.4495669118663442E-2</v>
      </c>
      <c r="V241" s="197">
        <v>9.0735535177713048E-3</v>
      </c>
      <c r="W241" s="95">
        <v>1.1067958007828126E-2</v>
      </c>
      <c r="X241" s="195">
        <v>433</v>
      </c>
      <c r="Y241" s="178">
        <v>4.0722500536374167</v>
      </c>
      <c r="Z241" s="130">
        <v>0.17477427663408468</v>
      </c>
      <c r="AA241" s="197">
        <v>0.37164617661404414</v>
      </c>
      <c r="AB241" s="95">
        <v>4.626315258636074E-2</v>
      </c>
      <c r="AC241" s="197">
        <v>0.19983663211588895</v>
      </c>
      <c r="AD241" s="95">
        <v>3.8453371096911965E-2</v>
      </c>
      <c r="AE241" s="197">
        <v>0.40944059156314416</v>
      </c>
      <c r="AF241" s="95">
        <v>4.7059866374013846E-2</v>
      </c>
      <c r="AG241" s="197">
        <v>1.9076599706922277E-2</v>
      </c>
      <c r="AH241" s="95">
        <v>1.4486606395404012E-2</v>
      </c>
    </row>
    <row r="242" spans="1:34">
      <c r="A242" s="55" t="s">
        <v>577</v>
      </c>
      <c r="B242" s="194">
        <v>331</v>
      </c>
      <c r="C242" s="82">
        <v>4.6427424613844286</v>
      </c>
      <c r="D242" s="83">
        <v>0.20003019303494471</v>
      </c>
      <c r="E242" s="196">
        <v>0.28794000072759879</v>
      </c>
      <c r="F242" s="92">
        <v>4.9607178408754088E-2</v>
      </c>
      <c r="G242" s="196">
        <v>0.14847511899128482</v>
      </c>
      <c r="H242" s="92">
        <v>3.9301902246296774E-2</v>
      </c>
      <c r="I242" s="196">
        <v>0.54197619330472979</v>
      </c>
      <c r="J242" s="92">
        <v>5.4447545686177747E-2</v>
      </c>
      <c r="K242" s="196">
        <v>2.1608686976386311E-2</v>
      </c>
      <c r="L242" s="92">
        <v>1.7813090855978635E-2</v>
      </c>
      <c r="M242" s="194">
        <v>331</v>
      </c>
      <c r="N242" s="82">
        <v>5.2444897441136087</v>
      </c>
      <c r="O242" s="83">
        <v>0.18180146559055371</v>
      </c>
      <c r="P242" s="196">
        <v>0.15955468011890064</v>
      </c>
      <c r="Q242" s="92">
        <v>4.0422882984098192E-2</v>
      </c>
      <c r="R242" s="196">
        <v>8.8135735607346638E-2</v>
      </c>
      <c r="S242" s="92">
        <v>3.1744231711246851E-2</v>
      </c>
      <c r="T242" s="196">
        <v>0.75230958427375272</v>
      </c>
      <c r="U242" s="92">
        <v>4.7360294401503418E-2</v>
      </c>
      <c r="V242" s="196">
        <v>0</v>
      </c>
      <c r="W242" s="92">
        <v>8.4178251323982732E-3</v>
      </c>
      <c r="X242" s="194">
        <v>332</v>
      </c>
      <c r="Y242" s="82">
        <v>4.0673233190303586</v>
      </c>
      <c r="Z242" s="83">
        <v>0.19950285818301988</v>
      </c>
      <c r="AA242" s="196">
        <v>0.37578760159272739</v>
      </c>
      <c r="AB242" s="92">
        <v>5.2885370641896828E-2</v>
      </c>
      <c r="AC242" s="196">
        <v>0.17901970781117293</v>
      </c>
      <c r="AD242" s="92">
        <v>4.2174539036528819E-2</v>
      </c>
      <c r="AE242" s="196">
        <v>0.42999343000698781</v>
      </c>
      <c r="AF242" s="92">
        <v>5.4029872045215373E-2</v>
      </c>
      <c r="AG242" s="196">
        <v>1.519926058911137E-2</v>
      </c>
      <c r="AH242" s="92">
        <v>1.5633803344795104E-2</v>
      </c>
    </row>
    <row r="243" spans="1:34">
      <c r="A243" s="47" t="s">
        <v>578</v>
      </c>
      <c r="B243" s="195">
        <v>131</v>
      </c>
      <c r="C243" s="178">
        <v>4.6514819966545984</v>
      </c>
      <c r="D243" s="130">
        <v>0.31948254571087042</v>
      </c>
      <c r="E243" s="197">
        <v>0.28315464447657757</v>
      </c>
      <c r="F243" s="95">
        <v>7.8073715214814737E-2</v>
      </c>
      <c r="G243" s="197">
        <v>0.13622292400773731</v>
      </c>
      <c r="H243" s="95">
        <v>6.095342772191388E-2</v>
      </c>
      <c r="I243" s="197">
        <v>0.57645953387759807</v>
      </c>
      <c r="J243" s="95">
        <v>8.5113473806425061E-2</v>
      </c>
      <c r="K243" s="197">
        <v>4.1628976380867246E-3</v>
      </c>
      <c r="L243" s="95">
        <v>2.3411855287435564E-2</v>
      </c>
      <c r="M243" s="195">
        <v>128</v>
      </c>
      <c r="N243" s="178">
        <v>5.4228715661676308</v>
      </c>
      <c r="O243" s="130">
        <v>0.29206803502213807</v>
      </c>
      <c r="P243" s="197">
        <v>0.16427154742424965</v>
      </c>
      <c r="Q243" s="95">
        <v>6.6061044109009717E-2</v>
      </c>
      <c r="R243" s="197">
        <v>4.7173509815675113E-2</v>
      </c>
      <c r="S243" s="95">
        <v>4.1628683200387706E-2</v>
      </c>
      <c r="T243" s="197">
        <v>0.78855494276007509</v>
      </c>
      <c r="U243" s="95">
        <v>7.2133270223969453E-2</v>
      </c>
      <c r="V243" s="197">
        <v>0</v>
      </c>
      <c r="W243" s="95">
        <v>2.1264529250522336E-2</v>
      </c>
      <c r="X243" s="195">
        <v>132</v>
      </c>
      <c r="Y243" s="178">
        <v>3.5888479785445213</v>
      </c>
      <c r="Z243" s="130">
        <v>0.31684323256523733</v>
      </c>
      <c r="AA243" s="197">
        <v>0.5170156344624155</v>
      </c>
      <c r="AB243" s="95">
        <v>8.5702503396598684E-2</v>
      </c>
      <c r="AC243" s="197">
        <v>0.13863963893449907</v>
      </c>
      <c r="AD243" s="95">
        <v>6.1113920480558678E-2</v>
      </c>
      <c r="AE243" s="197">
        <v>0.34434472660308529</v>
      </c>
      <c r="AF243" s="95">
        <v>8.1741286017548459E-2</v>
      </c>
      <c r="AG243" s="197">
        <v>0</v>
      </c>
      <c r="AH243" s="95">
        <v>2.0643770871594677E-2</v>
      </c>
    </row>
    <row r="244" spans="1:34">
      <c r="A244" s="55" t="s">
        <v>579</v>
      </c>
      <c r="B244" s="194">
        <v>119</v>
      </c>
      <c r="C244" s="82">
        <v>4.7240018352644171</v>
      </c>
      <c r="D244" s="83">
        <v>0.35695149342554888</v>
      </c>
      <c r="E244" s="196">
        <v>0.24174721023669674</v>
      </c>
      <c r="F244" s="92">
        <v>7.8102042122939766E-2</v>
      </c>
      <c r="G244" s="196">
        <v>0.13481679365396951</v>
      </c>
      <c r="H244" s="92">
        <v>6.3802013569754346E-2</v>
      </c>
      <c r="I244" s="196">
        <v>0.62343599610933442</v>
      </c>
      <c r="J244" s="92">
        <v>8.7557354867449699E-2</v>
      </c>
      <c r="K244" s="196">
        <v>0</v>
      </c>
      <c r="L244" s="92">
        <v>2.2807622255924295E-2</v>
      </c>
      <c r="M244" s="194">
        <v>119</v>
      </c>
      <c r="N244" s="82">
        <v>5.2095433582443063</v>
      </c>
      <c r="O244" s="83">
        <v>0.3675749879508286</v>
      </c>
      <c r="P244" s="196">
        <v>0.22441082021801648</v>
      </c>
      <c r="Q244" s="92">
        <v>7.6277218024992322E-2</v>
      </c>
      <c r="R244" s="196">
        <v>5.1698902574276166E-2</v>
      </c>
      <c r="S244" s="92">
        <v>4.4861141956281041E-2</v>
      </c>
      <c r="T244" s="196">
        <v>0.72389027720770771</v>
      </c>
      <c r="U244" s="92">
        <v>8.1266482128950726E-2</v>
      </c>
      <c r="V244" s="196">
        <v>0</v>
      </c>
      <c r="W244" s="92">
        <v>2.2807622255924295E-2</v>
      </c>
      <c r="X244" s="194">
        <v>119</v>
      </c>
      <c r="Y244" s="82">
        <v>4.0757978226889051</v>
      </c>
      <c r="Z244" s="83">
        <v>0.35278587477180551</v>
      </c>
      <c r="AA244" s="196">
        <v>0.44342436351959003</v>
      </c>
      <c r="AB244" s="92">
        <v>8.9625053582958011E-2</v>
      </c>
      <c r="AC244" s="196">
        <v>0.1538412020050042</v>
      </c>
      <c r="AD244" s="92">
        <v>6.6952456724266141E-2</v>
      </c>
      <c r="AE244" s="196">
        <v>0.40273443447540641</v>
      </c>
      <c r="AF244" s="92">
        <v>8.8555660224878138E-2</v>
      </c>
      <c r="AG244" s="196">
        <v>0</v>
      </c>
      <c r="AH244" s="92">
        <v>2.2807622255924295E-2</v>
      </c>
    </row>
    <row r="245" spans="1:34">
      <c r="A245" s="47" t="s">
        <v>580</v>
      </c>
      <c r="B245" s="195">
        <v>118</v>
      </c>
      <c r="C245" s="178">
        <v>4.4040864306698513</v>
      </c>
      <c r="D245" s="130">
        <v>0.37288672872304673</v>
      </c>
      <c r="E245" s="197">
        <v>0.37458746919086805</v>
      </c>
      <c r="F245" s="95">
        <v>8.7831088568053758E-2</v>
      </c>
      <c r="G245" s="197">
        <v>7.7104927809076448E-2</v>
      </c>
      <c r="H245" s="95">
        <v>5.2070172466207529E-2</v>
      </c>
      <c r="I245" s="197">
        <v>0.54118061904648274</v>
      </c>
      <c r="J245" s="95">
        <v>9.0248025538078716E-2</v>
      </c>
      <c r="K245" s="197">
        <v>7.1269839535718317E-3</v>
      </c>
      <c r="L245" s="95">
        <v>2.7307887537909782E-2</v>
      </c>
      <c r="M245" s="195">
        <v>119</v>
      </c>
      <c r="N245" s="178">
        <v>4.8194710455662841</v>
      </c>
      <c r="O245" s="130">
        <v>0.36033228896536051</v>
      </c>
      <c r="P245" s="197">
        <v>0.30421339525063595</v>
      </c>
      <c r="Q245" s="95">
        <v>8.3446147383060484E-2</v>
      </c>
      <c r="R245" s="197">
        <v>8.4993376080088986E-2</v>
      </c>
      <c r="S245" s="95">
        <v>5.3735074200904454E-2</v>
      </c>
      <c r="T245" s="197">
        <v>0.60369513742501757</v>
      </c>
      <c r="U245" s="95">
        <v>8.833331335683714E-2</v>
      </c>
      <c r="V245" s="197">
        <v>7.0980912442565984E-3</v>
      </c>
      <c r="W245" s="95">
        <v>2.7105661353248007E-2</v>
      </c>
      <c r="X245" s="195">
        <v>118</v>
      </c>
      <c r="Y245" s="178">
        <v>3.6809182697562139</v>
      </c>
      <c r="Z245" s="130">
        <v>0.35895864910974717</v>
      </c>
      <c r="AA245" s="197">
        <v>0.51134415426448199</v>
      </c>
      <c r="AB245" s="95">
        <v>9.0513944311615982E-2</v>
      </c>
      <c r="AC245" s="197">
        <v>0.13263217374941874</v>
      </c>
      <c r="AD245" s="95">
        <v>6.3696406015292056E-2</v>
      </c>
      <c r="AE245" s="197">
        <v>0.31434363507302643</v>
      </c>
      <c r="AF245" s="95">
        <v>8.4495586636972195E-2</v>
      </c>
      <c r="AG245" s="197">
        <v>4.1680036913071844E-2</v>
      </c>
      <c r="AH245" s="95">
        <v>4.1878530852942339E-2</v>
      </c>
    </row>
    <row r="246" spans="1:34">
      <c r="A246" s="55" t="s">
        <v>581</v>
      </c>
      <c r="B246" s="194">
        <v>51</v>
      </c>
      <c r="C246" s="82">
        <v>4.718005358906523</v>
      </c>
      <c r="D246" s="83">
        <v>0.49672259192967377</v>
      </c>
      <c r="E246" s="196">
        <v>0.24861166460199347</v>
      </c>
      <c r="F246" s="92">
        <v>0.11928935143690683</v>
      </c>
      <c r="G246" s="196">
        <v>0.16491991298023126</v>
      </c>
      <c r="H246" s="92">
        <v>0.10564396701794083</v>
      </c>
      <c r="I246" s="196">
        <v>0.55223004677939225</v>
      </c>
      <c r="J246" s="92">
        <v>0.13420591776925558</v>
      </c>
      <c r="K246" s="196">
        <v>3.4238375638383174E-2</v>
      </c>
      <c r="L246" s="92">
        <v>6.7942601879895301E-2</v>
      </c>
      <c r="M246" s="194">
        <v>51</v>
      </c>
      <c r="N246" s="82">
        <v>5.3470059752525119</v>
      </c>
      <c r="O246" s="83">
        <v>0.47244022504836786</v>
      </c>
      <c r="P246" s="196">
        <v>0.19374347955576612</v>
      </c>
      <c r="Q246" s="92">
        <v>0.1109802519874433</v>
      </c>
      <c r="R246" s="196">
        <v>0.10277054200813884</v>
      </c>
      <c r="S246" s="92">
        <v>9.1184373789722273E-2</v>
      </c>
      <c r="T246" s="196">
        <v>0.70348597843609506</v>
      </c>
      <c r="U246" s="92">
        <v>0.12487003184125106</v>
      </c>
      <c r="V246" s="196">
        <v>0</v>
      </c>
      <c r="W246" s="92">
        <v>5.0482272182006148E-2</v>
      </c>
      <c r="X246" s="194">
        <v>51</v>
      </c>
      <c r="Y246" s="82">
        <v>4.3352310502209805</v>
      </c>
      <c r="Z246" s="83">
        <v>0.54159608625423561</v>
      </c>
      <c r="AA246" s="196">
        <v>0.33802963903045508</v>
      </c>
      <c r="AB246" s="92">
        <v>0.12861295117255409</v>
      </c>
      <c r="AC246" s="196">
        <v>0.11760834508355891</v>
      </c>
      <c r="AD246" s="92">
        <v>9.5068229771550855E-2</v>
      </c>
      <c r="AE246" s="196">
        <v>0.54436201588598621</v>
      </c>
      <c r="AF246" s="92">
        <v>0.1343828601672008</v>
      </c>
      <c r="AG246" s="196">
        <v>0</v>
      </c>
      <c r="AH246" s="92">
        <v>5.0482272182006148E-2</v>
      </c>
    </row>
    <row r="247" spans="1:34">
      <c r="A247" s="47" t="s">
        <v>584</v>
      </c>
      <c r="B247" s="195">
        <v>109</v>
      </c>
      <c r="C247" s="178">
        <v>5.1357359312037367</v>
      </c>
      <c r="D247" s="130">
        <v>0.31501986684299049</v>
      </c>
      <c r="E247" s="197">
        <v>0.20974395547554969</v>
      </c>
      <c r="F247" s="95">
        <v>7.7940381768361502E-2</v>
      </c>
      <c r="G247" s="197">
        <v>9.3344747040683324E-2</v>
      </c>
      <c r="H247" s="95">
        <v>5.8334342056143441E-2</v>
      </c>
      <c r="I247" s="197">
        <v>0.68541680153314044</v>
      </c>
      <c r="J247" s="95">
        <v>8.784771019647486E-2</v>
      </c>
      <c r="K247" s="197">
        <v>1.1494495950626477E-2</v>
      </c>
      <c r="L247" s="95">
        <v>3.1458949556389448E-2</v>
      </c>
      <c r="M247" s="195">
        <v>112</v>
      </c>
      <c r="N247" s="178">
        <v>5.2255209686695556</v>
      </c>
      <c r="O247" s="130">
        <v>0.31012835757652291</v>
      </c>
      <c r="P247" s="197">
        <v>0.16063457179554555</v>
      </c>
      <c r="Q247" s="95">
        <v>7.0132103346894209E-2</v>
      </c>
      <c r="R247" s="197">
        <v>8.5362413418406349E-2</v>
      </c>
      <c r="S247" s="95">
        <v>5.5624384866903603E-2</v>
      </c>
      <c r="T247" s="197">
        <v>0.7427733108550324</v>
      </c>
      <c r="U247" s="95">
        <v>8.2012570106814911E-2</v>
      </c>
      <c r="V247" s="197">
        <v>1.1229703931015817E-2</v>
      </c>
      <c r="W247" s="95">
        <v>3.0679179351161625E-2</v>
      </c>
      <c r="X247" s="195">
        <v>112</v>
      </c>
      <c r="Y247" s="178">
        <v>3.4290093689386234</v>
      </c>
      <c r="Z247" s="130">
        <v>0.3645444446616336</v>
      </c>
      <c r="AA247" s="197">
        <v>0.57159631230136998</v>
      </c>
      <c r="AB247" s="95">
        <v>9.1956022537354742E-2</v>
      </c>
      <c r="AC247" s="197">
        <v>0.135467515384847</v>
      </c>
      <c r="AD247" s="95">
        <v>6.5947332625796856E-2</v>
      </c>
      <c r="AE247" s="197">
        <v>0.27435481423065289</v>
      </c>
      <c r="AF247" s="95">
        <v>8.3570152081697435E-2</v>
      </c>
      <c r="AG247" s="197">
        <v>1.8581358083129999E-2</v>
      </c>
      <c r="AH247" s="95">
        <v>3.421243357367959E-2</v>
      </c>
    </row>
    <row r="248" spans="1:34">
      <c r="A248" s="55" t="s">
        <v>585</v>
      </c>
      <c r="B248" s="194">
        <v>1094</v>
      </c>
      <c r="C248" s="82">
        <v>4.4666979559014779</v>
      </c>
      <c r="D248" s="83">
        <v>0.11493411683940884</v>
      </c>
      <c r="E248" s="196">
        <v>0.30033298340389214</v>
      </c>
      <c r="F248" s="92">
        <v>2.7686971464069749E-2</v>
      </c>
      <c r="G248" s="196">
        <v>0.14941470366281093</v>
      </c>
      <c r="H248" s="92">
        <v>2.1592672161444709E-2</v>
      </c>
      <c r="I248" s="196">
        <v>0.53263459616589293</v>
      </c>
      <c r="J248" s="92">
        <v>3.0114700504319501E-2</v>
      </c>
      <c r="K248" s="196">
        <v>1.7617716767407185E-2</v>
      </c>
      <c r="L248" s="92">
        <v>8.3195815528173105E-3</v>
      </c>
      <c r="M248" s="194">
        <v>1091</v>
      </c>
      <c r="N248" s="82">
        <v>5.1810861804853792</v>
      </c>
      <c r="O248" s="83">
        <v>0.10833903016478118</v>
      </c>
      <c r="P248" s="196">
        <v>0.1949197387414712</v>
      </c>
      <c r="Q248" s="92">
        <v>2.3994275164958629E-2</v>
      </c>
      <c r="R248" s="196">
        <v>9.3425218740203708E-2</v>
      </c>
      <c r="S248" s="92">
        <v>1.7714368436962731E-2</v>
      </c>
      <c r="T248" s="196">
        <v>0.71037678313623176</v>
      </c>
      <c r="U248" s="92">
        <v>2.743622692618675E-2</v>
      </c>
      <c r="V248" s="196">
        <v>1.278259382095112E-3</v>
      </c>
      <c r="W248" s="92">
        <v>3.3599649384663311E-3</v>
      </c>
      <c r="X248" s="194">
        <v>1095</v>
      </c>
      <c r="Y248" s="82">
        <v>4.1286838659573837</v>
      </c>
      <c r="Z248" s="83">
        <v>0.1117465585345582</v>
      </c>
      <c r="AA248" s="196">
        <v>0.36098416669671829</v>
      </c>
      <c r="AB248" s="92">
        <v>2.8984324359771021E-2</v>
      </c>
      <c r="AC248" s="196">
        <v>0.18714173700646239</v>
      </c>
      <c r="AD248" s="92">
        <v>2.3585047548119211E-2</v>
      </c>
      <c r="AE248" s="196">
        <v>0.43919136219499466</v>
      </c>
      <c r="AF248" s="92">
        <v>2.9942570286641282E-2</v>
      </c>
      <c r="AG248" s="196">
        <v>1.2682734101826847E-2</v>
      </c>
      <c r="AH248" s="92">
        <v>7.2011073732714329E-3</v>
      </c>
    </row>
    <row r="249" spans="1:34">
      <c r="A249" s="47" t="s">
        <v>620</v>
      </c>
      <c r="B249" s="195">
        <v>42</v>
      </c>
      <c r="C249" s="178">
        <v>5.4253637401870423</v>
      </c>
      <c r="D249" s="130">
        <v>0.49900931664948006</v>
      </c>
      <c r="E249" s="197">
        <v>0.13817111825104555</v>
      </c>
      <c r="F249" s="95">
        <v>0.11067328962907631</v>
      </c>
      <c r="G249" s="197">
        <v>5.258492279318755E-2</v>
      </c>
      <c r="H249" s="95">
        <v>8.5016650616962619E-2</v>
      </c>
      <c r="I249" s="197">
        <v>0.80924395895576717</v>
      </c>
      <c r="J249" s="95">
        <v>0.12168265275645306</v>
      </c>
      <c r="K249" s="197">
        <v>0</v>
      </c>
      <c r="L249" s="95">
        <v>6.0136006505054317E-2</v>
      </c>
      <c r="M249" s="195">
        <v>43</v>
      </c>
      <c r="N249" s="178">
        <v>5.9416478932519876</v>
      </c>
      <c r="O249" s="130">
        <v>0.48971598042322667</v>
      </c>
      <c r="P249" s="197">
        <v>8.3313413927748423E-2</v>
      </c>
      <c r="Q249" s="95">
        <v>9.4381903996279465E-2</v>
      </c>
      <c r="R249" s="197">
        <v>9.1062979493013646E-2</v>
      </c>
      <c r="S249" s="95">
        <v>9.6766376897238063E-2</v>
      </c>
      <c r="T249" s="197">
        <v>0.82562360657923806</v>
      </c>
      <c r="U249" s="95">
        <v>0.11714659315506695</v>
      </c>
      <c r="V249" s="197">
        <v>0</v>
      </c>
      <c r="W249" s="95">
        <v>5.8884970725247981E-2</v>
      </c>
      <c r="X249" s="195">
        <v>44</v>
      </c>
      <c r="Y249" s="178">
        <v>4.8083207825529497</v>
      </c>
      <c r="Z249" s="130">
        <v>0.49173211072883133</v>
      </c>
      <c r="AA249" s="197">
        <v>0.28639893629635199</v>
      </c>
      <c r="AB249" s="95">
        <v>0.13281000783227156</v>
      </c>
      <c r="AC249" s="197">
        <v>8.6336420810583389E-2</v>
      </c>
      <c r="AD249" s="95">
        <v>9.4080515020024597E-2</v>
      </c>
      <c r="AE249" s="197">
        <v>0.61532120039545435</v>
      </c>
      <c r="AF249" s="95">
        <v>0.14107479200178108</v>
      </c>
      <c r="AG249" s="197">
        <v>1.1943442497610181E-2</v>
      </c>
      <c r="AH249" s="95">
        <v>6.44505642365545E-2</v>
      </c>
    </row>
    <row r="250" spans="1:34">
      <c r="A250" s="55" t="s">
        <v>621</v>
      </c>
      <c r="B250" s="194">
        <v>62</v>
      </c>
      <c r="C250" s="82">
        <v>4.3924819030836355</v>
      </c>
      <c r="D250" s="83">
        <v>0.49566048781341449</v>
      </c>
      <c r="E250" s="196">
        <v>0.26547820230437585</v>
      </c>
      <c r="F250" s="92">
        <v>0.11049865720727588</v>
      </c>
      <c r="G250" s="196">
        <v>0.15310657763511293</v>
      </c>
      <c r="H250" s="92">
        <v>9.3357902962837344E-2</v>
      </c>
      <c r="I250" s="196">
        <v>0.49100452155883773</v>
      </c>
      <c r="J250" s="92">
        <v>0.12307391040393262</v>
      </c>
      <c r="K250" s="196">
        <v>9.041069850167327E-2</v>
      </c>
      <c r="L250" s="92">
        <v>7.8607328811131888E-2</v>
      </c>
      <c r="M250" s="194">
        <v>61</v>
      </c>
      <c r="N250" s="82">
        <v>5.1716678546766968</v>
      </c>
      <c r="O250" s="83">
        <v>0.43777828737734525</v>
      </c>
      <c r="P250" s="196">
        <v>0.2427621358144951</v>
      </c>
      <c r="Q250" s="92">
        <v>0.10861994544988965</v>
      </c>
      <c r="R250" s="196">
        <v>3.4850117291936697E-2</v>
      </c>
      <c r="S250" s="92">
        <v>6.0483022251788865E-2</v>
      </c>
      <c r="T250" s="196">
        <v>0.72238774689356788</v>
      </c>
      <c r="U250" s="92">
        <v>0.11271293156887849</v>
      </c>
      <c r="V250" s="196">
        <v>0</v>
      </c>
      <c r="W250" s="92">
        <v>4.2839582851592964E-2</v>
      </c>
      <c r="X250" s="194">
        <v>62</v>
      </c>
      <c r="Y250" s="82">
        <v>3.8062431613713561</v>
      </c>
      <c r="Z250" s="83">
        <v>0.42860810116678882</v>
      </c>
      <c r="AA250" s="196">
        <v>0.4069376487774945</v>
      </c>
      <c r="AB250" s="92">
        <v>0.12119539880799739</v>
      </c>
      <c r="AC250" s="196">
        <v>0.21790298309607778</v>
      </c>
      <c r="AD250" s="92">
        <v>0.10438125895865608</v>
      </c>
      <c r="AE250" s="196">
        <v>0.37515936812642758</v>
      </c>
      <c r="AF250" s="92">
        <v>0.1196577654956166</v>
      </c>
      <c r="AG250" s="196">
        <v>0</v>
      </c>
      <c r="AH250" s="92">
        <v>4.2200643868047963E-2</v>
      </c>
    </row>
    <row r="251" spans="1:34">
      <c r="A251" s="47" t="s">
        <v>622</v>
      </c>
      <c r="B251" s="195">
        <v>478</v>
      </c>
      <c r="C251" s="178">
        <v>4.386126581907857</v>
      </c>
      <c r="D251" s="130">
        <v>0.17135093207331015</v>
      </c>
      <c r="E251" s="197">
        <v>0.3037121527593673</v>
      </c>
      <c r="F251" s="95">
        <v>4.1955114495602415E-2</v>
      </c>
      <c r="G251" s="197">
        <v>0.17237790205833251</v>
      </c>
      <c r="H251" s="95">
        <v>3.4621591985115607E-2</v>
      </c>
      <c r="I251" s="197">
        <v>0.50598224009709769</v>
      </c>
      <c r="J251" s="95">
        <v>4.5545545515723804E-2</v>
      </c>
      <c r="K251" s="197">
        <v>1.7927705085203784E-2</v>
      </c>
      <c r="L251" s="95">
        <v>1.3341183385131818E-2</v>
      </c>
      <c r="M251" s="195">
        <v>475</v>
      </c>
      <c r="N251" s="178">
        <v>5.1769796849720935</v>
      </c>
      <c r="O251" s="130">
        <v>0.16241053427672159</v>
      </c>
      <c r="P251" s="197">
        <v>0.1874161960910648</v>
      </c>
      <c r="Q251" s="95">
        <v>3.5851285134739348E-2</v>
      </c>
      <c r="R251" s="197">
        <v>0.11371471433643292</v>
      </c>
      <c r="S251" s="95">
        <v>2.9365652917742447E-2</v>
      </c>
      <c r="T251" s="197">
        <v>0.69886908957250327</v>
      </c>
      <c r="U251" s="95">
        <v>4.1987059538804397E-2</v>
      </c>
      <c r="V251" s="197">
        <v>0</v>
      </c>
      <c r="W251" s="95">
        <v>5.8925179328004262E-3</v>
      </c>
      <c r="X251" s="195">
        <v>476</v>
      </c>
      <c r="Y251" s="178">
        <v>4.2417942568449796</v>
      </c>
      <c r="Z251" s="130">
        <v>0.16452475391546845</v>
      </c>
      <c r="AA251" s="197">
        <v>0.31672161874474208</v>
      </c>
      <c r="AB251" s="95">
        <v>4.2521225256316228E-2</v>
      </c>
      <c r="AC251" s="197">
        <v>0.22452228135775562</v>
      </c>
      <c r="AD251" s="95">
        <v>3.8228649388832338E-2</v>
      </c>
      <c r="AE251" s="197">
        <v>0.43636580593963437</v>
      </c>
      <c r="AF251" s="95">
        <v>4.5278572623174848E-2</v>
      </c>
      <c r="AG251" s="197">
        <v>2.2390293957868915E-2</v>
      </c>
      <c r="AH251" s="95">
        <v>1.462730841390779E-2</v>
      </c>
    </row>
    <row r="252" spans="1:34">
      <c r="A252" s="55" t="s">
        <v>623</v>
      </c>
      <c r="B252" s="194">
        <v>130</v>
      </c>
      <c r="C252" s="82">
        <v>4.7886902716419897</v>
      </c>
      <c r="D252" s="83">
        <v>0.32522231030713161</v>
      </c>
      <c r="E252" s="196">
        <v>0.27764522171940526</v>
      </c>
      <c r="F252" s="92">
        <v>7.7933388491167599E-2</v>
      </c>
      <c r="G252" s="196">
        <v>0.13556853602232677</v>
      </c>
      <c r="H252" s="92">
        <v>6.1084804725699111E-2</v>
      </c>
      <c r="I252" s="196">
        <v>0.58678624225826792</v>
      </c>
      <c r="J252" s="92">
        <v>8.51532594737099E-2</v>
      </c>
      <c r="K252" s="196">
        <v>0</v>
      </c>
      <c r="L252" s="92">
        <v>2.0949553032762303E-2</v>
      </c>
      <c r="M252" s="194">
        <v>129</v>
      </c>
      <c r="N252" s="82">
        <v>5.7710770656407826</v>
      </c>
      <c r="O252" s="83">
        <v>0.26489250325169561</v>
      </c>
      <c r="P252" s="196">
        <v>8.6848170603684979E-2</v>
      </c>
      <c r="Q252" s="92">
        <v>5.1858252218409111E-2</v>
      </c>
      <c r="R252" s="196">
        <v>5.028700302633142E-2</v>
      </c>
      <c r="S252" s="92">
        <v>4.2387474499578269E-2</v>
      </c>
      <c r="T252" s="196">
        <v>0.86286482636998363</v>
      </c>
      <c r="U252" s="92">
        <v>6.1590467065018285E-2</v>
      </c>
      <c r="V252" s="196">
        <v>0</v>
      </c>
      <c r="W252" s="92">
        <v>2.1105866163924628E-2</v>
      </c>
      <c r="X252" s="194">
        <v>130</v>
      </c>
      <c r="Y252" s="82">
        <v>4.2787372763175604</v>
      </c>
      <c r="Z252" s="83">
        <v>0.34080894675606199</v>
      </c>
      <c r="AA252" s="196">
        <v>0.38676204581667084</v>
      </c>
      <c r="AB252" s="92">
        <v>8.4275894124563572E-2</v>
      </c>
      <c r="AC252" s="196">
        <v>0.15151866189050411</v>
      </c>
      <c r="AD252" s="92">
        <v>6.3646094847171E-2</v>
      </c>
      <c r="AE252" s="196">
        <v>0.45569685582033265</v>
      </c>
      <c r="AF252" s="92">
        <v>8.6067079474641969E-2</v>
      </c>
      <c r="AG252" s="196">
        <v>6.0224364724923742E-3</v>
      </c>
      <c r="AH252" s="92">
        <v>2.4638717311338727E-2</v>
      </c>
    </row>
    <row r="253" spans="1:34">
      <c r="A253" s="47" t="s">
        <v>624</v>
      </c>
      <c r="B253" s="195">
        <v>134</v>
      </c>
      <c r="C253" s="178">
        <v>3.7401140371771424</v>
      </c>
      <c r="D253" s="130">
        <v>0.32800447960121248</v>
      </c>
      <c r="E253" s="197">
        <v>0.46195498754293285</v>
      </c>
      <c r="F253" s="95">
        <v>8.4892987972655695E-2</v>
      </c>
      <c r="G253" s="197">
        <v>0.17604977176784584</v>
      </c>
      <c r="H253" s="95">
        <v>6.6168816991204943E-2</v>
      </c>
      <c r="I253" s="197">
        <v>0.3574535186060146</v>
      </c>
      <c r="J253" s="95">
        <v>8.1798864492115542E-2</v>
      </c>
      <c r="K253" s="197">
        <v>4.5417220832068258E-3</v>
      </c>
      <c r="L253" s="95">
        <v>2.318514926112706E-2</v>
      </c>
      <c r="M253" s="195">
        <v>134</v>
      </c>
      <c r="N253" s="178">
        <v>4.558369467143863</v>
      </c>
      <c r="O253" s="130">
        <v>0.33580291476695079</v>
      </c>
      <c r="P253" s="197">
        <v>0.32689166017232357</v>
      </c>
      <c r="Q253" s="95">
        <v>8.017110583830378E-2</v>
      </c>
      <c r="R253" s="197">
        <v>7.9308594647929428E-2</v>
      </c>
      <c r="S253" s="95">
        <v>4.9087272785316348E-2</v>
      </c>
      <c r="T253" s="197">
        <v>0.59379974517974699</v>
      </c>
      <c r="U253" s="95">
        <v>8.3701378700014983E-2</v>
      </c>
      <c r="V253" s="197">
        <v>0</v>
      </c>
      <c r="W253" s="95">
        <v>2.034678603371113E-2</v>
      </c>
      <c r="X253" s="195">
        <v>134</v>
      </c>
      <c r="Y253" s="178">
        <v>3.8684388805154533</v>
      </c>
      <c r="Z253" s="130">
        <v>0.30552587445162971</v>
      </c>
      <c r="AA253" s="197">
        <v>0.41584334686958868</v>
      </c>
      <c r="AB253" s="95">
        <v>8.3981067224888697E-2</v>
      </c>
      <c r="AC253" s="197">
        <v>0.1953394818078</v>
      </c>
      <c r="AD253" s="95">
        <v>6.8627273517896312E-2</v>
      </c>
      <c r="AE253" s="197">
        <v>0.38881717132261145</v>
      </c>
      <c r="AF253" s="95">
        <v>8.3117623762072795E-2</v>
      </c>
      <c r="AG253" s="197">
        <v>0</v>
      </c>
      <c r="AH253" s="95">
        <v>2.034678603371113E-2</v>
      </c>
    </row>
    <row r="254" spans="1:34">
      <c r="A254" s="55" t="s">
        <v>625</v>
      </c>
      <c r="B254" s="194">
        <v>630</v>
      </c>
      <c r="C254" s="82">
        <v>4.7062693848175217</v>
      </c>
      <c r="D254" s="83">
        <v>0.15309839196278988</v>
      </c>
      <c r="E254" s="196">
        <v>0.2718980247411889</v>
      </c>
      <c r="F254" s="92">
        <v>3.5399830170163085E-2</v>
      </c>
      <c r="G254" s="196">
        <v>0.12038831449106339</v>
      </c>
      <c r="H254" s="92">
        <v>2.6068048791536395E-2</v>
      </c>
      <c r="I254" s="196">
        <v>0.58628351691336822</v>
      </c>
      <c r="J254" s="92">
        <v>3.9126809902997869E-2</v>
      </c>
      <c r="K254" s="196">
        <v>2.1430143854378993E-2</v>
      </c>
      <c r="L254" s="92">
        <v>1.2267197004839405E-2</v>
      </c>
      <c r="M254" s="194">
        <v>630</v>
      </c>
      <c r="N254" s="82">
        <v>5.2121808123160474</v>
      </c>
      <c r="O254" s="83">
        <v>0.14218022274789607</v>
      </c>
      <c r="P254" s="196">
        <v>0.18202788357066843</v>
      </c>
      <c r="Q254" s="92">
        <v>3.0780129755291478E-2</v>
      </c>
      <c r="R254" s="196">
        <v>7.8512567041897935E-2</v>
      </c>
      <c r="S254" s="92">
        <v>2.1692274809765516E-2</v>
      </c>
      <c r="T254" s="196">
        <v>0.73445601797147164</v>
      </c>
      <c r="U254" s="92">
        <v>3.5140260693261677E-2</v>
      </c>
      <c r="V254" s="196">
        <v>5.0035314159612978E-3</v>
      </c>
      <c r="W254" s="92">
        <v>7.1312600656862103E-3</v>
      </c>
      <c r="X254" s="194">
        <v>634</v>
      </c>
      <c r="Y254" s="82">
        <v>3.9477454031499186</v>
      </c>
      <c r="Z254" s="83">
        <v>0.15020020175635068</v>
      </c>
      <c r="AA254" s="196">
        <v>0.42336179549076214</v>
      </c>
      <c r="AB254" s="92">
        <v>3.9128435936783723E-2</v>
      </c>
      <c r="AC254" s="196">
        <v>0.17035312757231394</v>
      </c>
      <c r="AD254" s="92">
        <v>2.9910133362863543E-2</v>
      </c>
      <c r="AE254" s="196">
        <v>0.3903404790176625</v>
      </c>
      <c r="AF254" s="92">
        <v>3.8638676930475874E-2</v>
      </c>
      <c r="AG254" s="196">
        <v>1.5944597919260638E-2</v>
      </c>
      <c r="AH254" s="92">
        <v>1.0804390532769194E-2</v>
      </c>
    </row>
    <row r="255" spans="1:34">
      <c r="A255" s="47" t="s">
        <v>626</v>
      </c>
      <c r="B255" s="195">
        <v>572</v>
      </c>
      <c r="C255" s="178">
        <v>4.4876257539675315</v>
      </c>
      <c r="D255" s="130">
        <v>0.15642344805313924</v>
      </c>
      <c r="E255" s="197">
        <v>0.29102560178427694</v>
      </c>
      <c r="F255" s="95">
        <v>3.7908344032459969E-2</v>
      </c>
      <c r="G255" s="197">
        <v>0.17050286466330072</v>
      </c>
      <c r="H255" s="95">
        <v>3.1505543601870641E-2</v>
      </c>
      <c r="I255" s="197">
        <v>0.53517038172010511</v>
      </c>
      <c r="J255" s="95">
        <v>4.1564889408181378E-2</v>
      </c>
      <c r="K255" s="197">
        <v>3.3011518323171718E-3</v>
      </c>
      <c r="L255" s="95">
        <v>6.8236113880831501E-3</v>
      </c>
      <c r="M255" s="195">
        <v>572</v>
      </c>
      <c r="N255" s="178">
        <v>5.1486800066366678</v>
      </c>
      <c r="O255" s="130">
        <v>0.14864470676619881</v>
      </c>
      <c r="P255" s="197">
        <v>0.19667099512586803</v>
      </c>
      <c r="Q255" s="95">
        <v>3.3256679915075117E-2</v>
      </c>
      <c r="R255" s="197">
        <v>0.12275267269920107</v>
      </c>
      <c r="S255" s="95">
        <v>2.7595062415400017E-2</v>
      </c>
      <c r="T255" s="197">
        <v>0.67917750572973556</v>
      </c>
      <c r="U255" s="95">
        <v>3.8939034445572257E-2</v>
      </c>
      <c r="V255" s="197">
        <v>1.3988264451948295E-3</v>
      </c>
      <c r="W255" s="95">
        <v>5.7961325832388668E-3</v>
      </c>
      <c r="X255" s="195">
        <v>572</v>
      </c>
      <c r="Y255" s="178">
        <v>3.9408031761824591</v>
      </c>
      <c r="Z255" s="130">
        <v>0.1536793783828943</v>
      </c>
      <c r="AA255" s="197">
        <v>0.39634937558583017</v>
      </c>
      <c r="AB255" s="95">
        <v>4.0774212691030182E-2</v>
      </c>
      <c r="AC255" s="197">
        <v>0.18234485752227414</v>
      </c>
      <c r="AD255" s="95">
        <v>3.2327727145331199E-2</v>
      </c>
      <c r="AE255" s="197">
        <v>0.41096780971308172</v>
      </c>
      <c r="AF255" s="95">
        <v>4.1010075007762561E-2</v>
      </c>
      <c r="AG255" s="197">
        <v>1.0337957178814305E-2</v>
      </c>
      <c r="AH255" s="95">
        <v>9.7002451021541234E-3</v>
      </c>
    </row>
    <row r="256" spans="1:34">
      <c r="A256" s="55" t="s">
        <v>627</v>
      </c>
      <c r="B256" s="194">
        <v>178</v>
      </c>
      <c r="C256" s="82">
        <v>4.1279215053674774</v>
      </c>
      <c r="D256" s="83">
        <v>0.29200162596993373</v>
      </c>
      <c r="E256" s="196">
        <v>0.37120695240954377</v>
      </c>
      <c r="F256" s="92">
        <v>7.1734165222285845E-2</v>
      </c>
      <c r="G256" s="196">
        <v>0.18664158926072694</v>
      </c>
      <c r="H256" s="92">
        <v>5.8568129426762344E-2</v>
      </c>
      <c r="I256" s="196">
        <v>0.44215145832972924</v>
      </c>
      <c r="J256" s="92">
        <v>7.3648858998595218E-2</v>
      </c>
      <c r="K256" s="196">
        <v>0</v>
      </c>
      <c r="L256" s="92">
        <v>1.5455183437532818E-2</v>
      </c>
      <c r="M256" s="194">
        <v>176</v>
      </c>
      <c r="N256" s="82">
        <v>4.7731067451939486</v>
      </c>
      <c r="O256" s="83">
        <v>0.28061994901489806</v>
      </c>
      <c r="P256" s="196">
        <v>0.27947655477269734</v>
      </c>
      <c r="Q256" s="92">
        <v>6.7248586032197674E-2</v>
      </c>
      <c r="R256" s="196">
        <v>0.11478616396279274</v>
      </c>
      <c r="S256" s="92">
        <v>4.9019750988982626E-2</v>
      </c>
      <c r="T256" s="196">
        <v>0.60573728126450999</v>
      </c>
      <c r="U256" s="92">
        <v>7.2924772750217248E-2</v>
      </c>
      <c r="V256" s="196">
        <v>0</v>
      </c>
      <c r="W256" s="92">
        <v>1.5625943044243692E-2</v>
      </c>
      <c r="X256" s="194">
        <v>178</v>
      </c>
      <c r="Y256" s="82">
        <v>3.7208766600161658</v>
      </c>
      <c r="Z256" s="83">
        <v>0.27102218505758607</v>
      </c>
      <c r="AA256" s="196">
        <v>0.42582068440122517</v>
      </c>
      <c r="AB256" s="92">
        <v>7.3340488863751788E-2</v>
      </c>
      <c r="AC256" s="196">
        <v>0.21222271324542885</v>
      </c>
      <c r="AD256" s="92">
        <v>6.1265856243548501E-2</v>
      </c>
      <c r="AE256" s="196">
        <v>0.35316173875817319</v>
      </c>
      <c r="AF256" s="92">
        <v>7.1001604572974358E-2</v>
      </c>
      <c r="AG256" s="196">
        <v>8.7948635951724582E-3</v>
      </c>
      <c r="AH256" s="92">
        <v>2.0545735644619856E-2</v>
      </c>
    </row>
    <row r="257" spans="1:34">
      <c r="A257" s="47" t="s">
        <v>628</v>
      </c>
      <c r="B257" s="195">
        <v>394</v>
      </c>
      <c r="C257" s="178">
        <v>4.705374721029389</v>
      </c>
      <c r="D257" s="130">
        <v>0.18322020898667912</v>
      </c>
      <c r="E257" s="197">
        <v>0.24274409173306336</v>
      </c>
      <c r="F257" s="95">
        <v>4.3136219468077504E-2</v>
      </c>
      <c r="G257" s="197">
        <v>0.16078486929669678</v>
      </c>
      <c r="H257" s="95">
        <v>3.713811991230595E-2</v>
      </c>
      <c r="I257" s="197">
        <v>0.59118208580844134</v>
      </c>
      <c r="J257" s="95">
        <v>4.9301870522588852E-2</v>
      </c>
      <c r="K257" s="197">
        <v>5.2889531617996179E-3</v>
      </c>
      <c r="L257" s="95">
        <v>1.0102806680569034E-2</v>
      </c>
      <c r="M257" s="195">
        <v>396</v>
      </c>
      <c r="N257" s="178">
        <v>5.3703341992399451</v>
      </c>
      <c r="O257" s="130">
        <v>0.17262169746751932</v>
      </c>
      <c r="P257" s="197">
        <v>0.14790978575894856</v>
      </c>
      <c r="Q257" s="95">
        <v>3.584681780340903E-2</v>
      </c>
      <c r="R257" s="197">
        <v>0.12744386254292889</v>
      </c>
      <c r="S257" s="95">
        <v>3.3758555381806679E-2</v>
      </c>
      <c r="T257" s="197">
        <v>0.7224238067797607</v>
      </c>
      <c r="U257" s="95">
        <v>4.4890104693469518E-2</v>
      </c>
      <c r="V257" s="197">
        <v>2.222544918363086E-3</v>
      </c>
      <c r="W257" s="95">
        <v>8.4548653855169159E-3</v>
      </c>
      <c r="X257" s="195">
        <v>394</v>
      </c>
      <c r="Y257" s="178">
        <v>4.0733963388061412</v>
      </c>
      <c r="Z257" s="130">
        <v>0.18464936144738897</v>
      </c>
      <c r="AA257" s="197">
        <v>0.37862549161824721</v>
      </c>
      <c r="AB257" s="95">
        <v>4.8656612053135193E-2</v>
      </c>
      <c r="AC257" s="197">
        <v>0.16437647846743075</v>
      </c>
      <c r="AD257" s="95">
        <v>3.7458138493369826E-2</v>
      </c>
      <c r="AE257" s="197">
        <v>0.44573206469219756</v>
      </c>
      <c r="AF257" s="95">
        <v>4.9835295547159673E-2</v>
      </c>
      <c r="AG257" s="197">
        <v>1.1265965222125324E-2</v>
      </c>
      <c r="AH257" s="95">
        <v>1.2647577777091414E-2</v>
      </c>
    </row>
    <row r="258" spans="1:34">
      <c r="A258" s="55" t="s">
        <v>629</v>
      </c>
      <c r="B258" s="194">
        <v>71</v>
      </c>
      <c r="C258" s="82">
        <v>4.7203741624009794</v>
      </c>
      <c r="D258" s="83">
        <v>0.44912059810758503</v>
      </c>
      <c r="E258" s="196">
        <v>0.24431085419331888</v>
      </c>
      <c r="F258" s="92">
        <v>0.10103745571753991</v>
      </c>
      <c r="G258" s="196">
        <v>0.1230527537292649</v>
      </c>
      <c r="H258" s="92">
        <v>8.0882727542197358E-2</v>
      </c>
      <c r="I258" s="196">
        <v>0.63263639207741607</v>
      </c>
      <c r="J258" s="92">
        <v>0.1117697802585368</v>
      </c>
      <c r="K258" s="196">
        <v>0</v>
      </c>
      <c r="L258" s="92">
        <v>3.7206132509255738E-2</v>
      </c>
      <c r="M258" s="194">
        <v>71</v>
      </c>
      <c r="N258" s="82">
        <v>5.883402886269586</v>
      </c>
      <c r="O258" s="83">
        <v>0.31305324286846509</v>
      </c>
      <c r="P258" s="196">
        <v>4.2442382364888738E-2</v>
      </c>
      <c r="Q258" s="92">
        <v>5.7678252590469735E-2</v>
      </c>
      <c r="R258" s="196">
        <v>7.9794375114532606E-2</v>
      </c>
      <c r="S258" s="92">
        <v>6.9955951812638112E-2</v>
      </c>
      <c r="T258" s="196">
        <v>0.87776324252057847</v>
      </c>
      <c r="U258" s="92">
        <v>8.0700562516054675E-2</v>
      </c>
      <c r="V258" s="196">
        <v>0</v>
      </c>
      <c r="W258" s="92">
        <v>3.7206132509255738E-2</v>
      </c>
      <c r="X258" s="194">
        <v>71</v>
      </c>
      <c r="Y258" s="82">
        <v>4.6032184938002407</v>
      </c>
      <c r="Z258" s="83">
        <v>0.44725361959135279</v>
      </c>
      <c r="AA258" s="196">
        <v>0.26859248325497853</v>
      </c>
      <c r="AB258" s="92">
        <v>0.10379728523861743</v>
      </c>
      <c r="AC258" s="196">
        <v>0.12924607487711706</v>
      </c>
      <c r="AD258" s="92">
        <v>8.223957559406983E-2</v>
      </c>
      <c r="AE258" s="196">
        <v>0.5832796001982391</v>
      </c>
      <c r="AF258" s="92">
        <v>0.11402562667813569</v>
      </c>
      <c r="AG258" s="196">
        <v>1.8881841669665219E-2</v>
      </c>
      <c r="AH258" s="92">
        <v>4.7641737234945983E-2</v>
      </c>
    </row>
    <row r="259" spans="1:34">
      <c r="A259" s="47" t="s">
        <v>630</v>
      </c>
      <c r="B259" s="195">
        <v>136</v>
      </c>
      <c r="C259" s="178">
        <v>4.6451757985898867</v>
      </c>
      <c r="D259" s="130">
        <v>0.29885986626344102</v>
      </c>
      <c r="E259" s="197">
        <v>0.25341454625853699</v>
      </c>
      <c r="F259" s="95">
        <v>7.4185195695315509E-2</v>
      </c>
      <c r="G259" s="197">
        <v>0.22019455332912155</v>
      </c>
      <c r="H259" s="95">
        <v>7.0936345183039873E-2</v>
      </c>
      <c r="I259" s="197">
        <v>0.52158207043013638</v>
      </c>
      <c r="J259" s="95">
        <v>8.4441095332282404E-2</v>
      </c>
      <c r="K259" s="197">
        <v>4.8088299822049811E-3</v>
      </c>
      <c r="L259" s="95">
        <v>2.3051356094351855E-2</v>
      </c>
      <c r="M259" s="195">
        <v>135</v>
      </c>
      <c r="N259" s="178">
        <v>5.5066770677469972</v>
      </c>
      <c r="O259" s="130">
        <v>0.29273355659984218</v>
      </c>
      <c r="P259" s="197">
        <v>0.13767534828527112</v>
      </c>
      <c r="Q259" s="95">
        <v>6.0255515239982828E-2</v>
      </c>
      <c r="R259" s="197">
        <v>8.591703642062605E-2</v>
      </c>
      <c r="S259" s="95">
        <v>5.0397493044576629E-2</v>
      </c>
      <c r="T259" s="197">
        <v>0.77640761529410285</v>
      </c>
      <c r="U259" s="95">
        <v>7.1556739256041765E-2</v>
      </c>
      <c r="V259" s="197">
        <v>0</v>
      </c>
      <c r="W259" s="95">
        <v>2.0201474828221939E-2</v>
      </c>
      <c r="X259" s="195">
        <v>137</v>
      </c>
      <c r="Y259" s="178">
        <v>4.2285531076362801</v>
      </c>
      <c r="Z259" s="130">
        <v>0.31088865302769464</v>
      </c>
      <c r="AA259" s="197">
        <v>0.32499623298056357</v>
      </c>
      <c r="AB259" s="95">
        <v>7.9195726168752617E-2</v>
      </c>
      <c r="AC259" s="197">
        <v>0.18819818116571668</v>
      </c>
      <c r="AD259" s="95">
        <v>6.6995804575942786E-2</v>
      </c>
      <c r="AE259" s="197">
        <v>0.46364894689357855</v>
      </c>
      <c r="AF259" s="95">
        <v>8.4004814196343744E-2</v>
      </c>
      <c r="AG259" s="197">
        <v>2.3156638960141387E-2</v>
      </c>
      <c r="AH259" s="95">
        <v>3.1662397437259383E-2</v>
      </c>
    </row>
    <row r="260" spans="1:34">
      <c r="A260" s="55" t="s">
        <v>631</v>
      </c>
      <c r="B260" s="194">
        <v>24</v>
      </c>
      <c r="C260" s="353" t="s">
        <v>656</v>
      </c>
      <c r="D260" s="354"/>
      <c r="E260" s="354"/>
      <c r="F260" s="354"/>
      <c r="G260" s="354"/>
      <c r="H260" s="354"/>
      <c r="I260" s="354"/>
      <c r="J260" s="354"/>
      <c r="K260" s="354"/>
      <c r="L260" s="354"/>
      <c r="M260" s="354"/>
      <c r="N260" s="354"/>
      <c r="O260" s="354"/>
      <c r="P260" s="354"/>
      <c r="Q260" s="354"/>
      <c r="R260" s="354"/>
      <c r="S260" s="354"/>
      <c r="T260" s="354"/>
      <c r="U260" s="354"/>
      <c r="V260" s="354"/>
      <c r="W260" s="354"/>
      <c r="X260" s="354"/>
      <c r="Y260" s="354"/>
      <c r="Z260" s="354"/>
      <c r="AA260" s="354"/>
      <c r="AB260" s="354"/>
      <c r="AC260" s="354"/>
      <c r="AD260" s="354"/>
      <c r="AE260" s="354"/>
      <c r="AF260" s="354"/>
      <c r="AG260" s="354"/>
      <c r="AH260" s="355"/>
    </row>
    <row r="261" spans="1:34">
      <c r="A261" s="47" t="s">
        <v>632</v>
      </c>
      <c r="B261" s="195">
        <v>112</v>
      </c>
      <c r="C261" s="178">
        <v>4.6525275305714811</v>
      </c>
      <c r="D261" s="130">
        <v>0.33305339906764581</v>
      </c>
      <c r="E261" s="197">
        <v>0.26361504058275487</v>
      </c>
      <c r="F261" s="95">
        <v>8.2610292748447098E-2</v>
      </c>
      <c r="G261" s="197">
        <v>0.2055586125919614</v>
      </c>
      <c r="H261" s="95">
        <v>7.6379316302177869E-2</v>
      </c>
      <c r="I261" s="197">
        <v>0.52432769951560043</v>
      </c>
      <c r="J261" s="95">
        <v>9.2745159860429888E-2</v>
      </c>
      <c r="K261" s="197">
        <v>6.4986473096833482E-3</v>
      </c>
      <c r="L261" s="95">
        <v>2.8139392022742907E-2</v>
      </c>
      <c r="M261" s="195">
        <v>112</v>
      </c>
      <c r="N261" s="178">
        <v>5.4692034076710128</v>
      </c>
      <c r="O261" s="130">
        <v>0.32965413215497058</v>
      </c>
      <c r="P261" s="197">
        <v>0.15513385710440722</v>
      </c>
      <c r="Q261" s="95">
        <v>6.9264156406119382E-2</v>
      </c>
      <c r="R261" s="197">
        <v>7.0962603095039448E-2</v>
      </c>
      <c r="S261" s="95">
        <v>5.1995601177699011E-2</v>
      </c>
      <c r="T261" s="197">
        <v>0.77390353980055304</v>
      </c>
      <c r="U261" s="95">
        <v>7.8797351192720716E-2</v>
      </c>
      <c r="V261" s="197">
        <v>0</v>
      </c>
      <c r="W261" s="95">
        <v>2.4171880321350918E-2</v>
      </c>
      <c r="X261" s="195">
        <v>113</v>
      </c>
      <c r="Y261" s="178">
        <v>4.2133195871702416</v>
      </c>
      <c r="Z261" s="130">
        <v>0.34957135286661517</v>
      </c>
      <c r="AA261" s="197">
        <v>0.32419182737545399</v>
      </c>
      <c r="AB261" s="95">
        <v>8.6955880852580492E-2</v>
      </c>
      <c r="AC261" s="197">
        <v>0.18062053926732699</v>
      </c>
      <c r="AD261" s="95">
        <v>7.2760493876392413E-2</v>
      </c>
      <c r="AE261" s="197">
        <v>0.47648405143069839</v>
      </c>
      <c r="AF261" s="95">
        <v>9.2354605669420831E-2</v>
      </c>
      <c r="AG261" s="197">
        <v>1.8703581926520659E-2</v>
      </c>
      <c r="AH261" s="95">
        <v>3.4054789482025775E-2</v>
      </c>
    </row>
    <row r="262" spans="1:34">
      <c r="A262" s="55" t="s">
        <v>633</v>
      </c>
      <c r="B262" s="194">
        <v>303</v>
      </c>
      <c r="C262" s="82">
        <v>4.5211022502852041</v>
      </c>
      <c r="D262" s="83">
        <v>0.22423935754571508</v>
      </c>
      <c r="E262" s="196">
        <v>0.31176852742250882</v>
      </c>
      <c r="F262" s="92">
        <v>5.2987145328543019E-2</v>
      </c>
      <c r="G262" s="196">
        <v>0.11791069516233579</v>
      </c>
      <c r="H262" s="92">
        <v>3.7475262112244237E-2</v>
      </c>
      <c r="I262" s="196">
        <v>0.52984716745128291</v>
      </c>
      <c r="J262" s="92">
        <v>5.6973873637757438E-2</v>
      </c>
      <c r="K262" s="196">
        <v>4.0473609963871303E-2</v>
      </c>
      <c r="L262" s="92">
        <v>2.4025585435860544E-2</v>
      </c>
      <c r="M262" s="194">
        <v>301</v>
      </c>
      <c r="N262" s="82">
        <v>5.2814113547324739</v>
      </c>
      <c r="O262" s="83">
        <v>0.20630525340057201</v>
      </c>
      <c r="P262" s="196">
        <v>0.19551703143001148</v>
      </c>
      <c r="Q262" s="92">
        <v>4.5765748601368707E-2</v>
      </c>
      <c r="R262" s="196">
        <v>8.1801546697764904E-2</v>
      </c>
      <c r="S262" s="92">
        <v>3.2323619832596698E-2</v>
      </c>
      <c r="T262" s="196">
        <v>0.72268142187222328</v>
      </c>
      <c r="U262" s="92">
        <v>5.143260413644677E-2</v>
      </c>
      <c r="V262" s="196">
        <v>0</v>
      </c>
      <c r="W262" s="92">
        <v>9.2430765266536957E-3</v>
      </c>
      <c r="X262" s="194">
        <v>301</v>
      </c>
      <c r="Y262" s="82">
        <v>4.1597954661037271</v>
      </c>
      <c r="Z262" s="83">
        <v>0.20869978044627088</v>
      </c>
      <c r="AA262" s="196">
        <v>0.36546631064047119</v>
      </c>
      <c r="AB262" s="92">
        <v>5.520421812078604E-2</v>
      </c>
      <c r="AC262" s="196">
        <v>0.23068293890639707</v>
      </c>
      <c r="AD262" s="92">
        <v>4.8499899025509295E-2</v>
      </c>
      <c r="AE262" s="196">
        <v>0.38151488602942957</v>
      </c>
      <c r="AF262" s="92">
        <v>5.5672001019119337E-2</v>
      </c>
      <c r="AG262" s="196">
        <v>2.2335864423700925E-2</v>
      </c>
      <c r="AH262" s="92">
        <v>1.9088176496984972E-2</v>
      </c>
    </row>
    <row r="263" spans="1:34">
      <c r="A263" s="47" t="s">
        <v>634</v>
      </c>
      <c r="B263" s="195">
        <v>316</v>
      </c>
      <c r="C263" s="178">
        <v>4.2680984199150016</v>
      </c>
      <c r="D263" s="130">
        <v>0.21535238234261564</v>
      </c>
      <c r="E263" s="197">
        <v>0.32726658539502951</v>
      </c>
      <c r="F263" s="95">
        <v>5.2548123930219105E-2</v>
      </c>
      <c r="G263" s="197">
        <v>0.19007146513115472</v>
      </c>
      <c r="H263" s="95">
        <v>4.4205583214904288E-2</v>
      </c>
      <c r="I263" s="197">
        <v>0.48102669003699466</v>
      </c>
      <c r="J263" s="95">
        <v>5.586243784102967E-2</v>
      </c>
      <c r="K263" s="197">
        <v>1.6352594368212578E-3</v>
      </c>
      <c r="L263" s="95">
        <v>9.8760843207047946E-3</v>
      </c>
      <c r="M263" s="195">
        <v>315</v>
      </c>
      <c r="N263" s="178">
        <v>4.9485930142520962</v>
      </c>
      <c r="O263" s="130">
        <v>0.19638320642315357</v>
      </c>
      <c r="P263" s="197">
        <v>0.22739949304046192</v>
      </c>
      <c r="Q263" s="95">
        <v>4.7182813838067793E-2</v>
      </c>
      <c r="R263" s="197">
        <v>0.13669640498145733</v>
      </c>
      <c r="S263" s="95">
        <v>3.9000012304936826E-2</v>
      </c>
      <c r="T263" s="197">
        <v>0.63590410197808123</v>
      </c>
      <c r="U263" s="95">
        <v>5.3934869189152176E-2</v>
      </c>
      <c r="V263" s="197">
        <v>0</v>
      </c>
      <c r="W263" s="95">
        <v>8.8387042034358317E-3</v>
      </c>
      <c r="X263" s="195">
        <v>316</v>
      </c>
      <c r="Y263" s="178">
        <v>4.0716387399823617</v>
      </c>
      <c r="Z263" s="130">
        <v>0.20254684278079974</v>
      </c>
      <c r="AA263" s="197">
        <v>0.37342847575399934</v>
      </c>
      <c r="AB263" s="95">
        <v>5.4126894290060214E-2</v>
      </c>
      <c r="AC263" s="197">
        <v>0.17389453780265893</v>
      </c>
      <c r="AD263" s="95">
        <v>4.2763481860436846E-2</v>
      </c>
      <c r="AE263" s="197">
        <v>0.44433993485979301</v>
      </c>
      <c r="AF263" s="95">
        <v>5.556290625843352E-2</v>
      </c>
      <c r="AG263" s="197">
        <v>8.3370515835489191E-3</v>
      </c>
      <c r="AH263" s="95">
        <v>1.3357154370182806E-2</v>
      </c>
    </row>
    <row r="264" spans="1:34">
      <c r="A264" s="55" t="s">
        <v>635</v>
      </c>
      <c r="B264" s="194">
        <v>122</v>
      </c>
      <c r="C264" s="82">
        <v>3.9971262537190184</v>
      </c>
      <c r="D264" s="83">
        <v>0.35777346884102645</v>
      </c>
      <c r="E264" s="196">
        <v>0.38376743892514403</v>
      </c>
      <c r="F264" s="92">
        <v>8.6801023057247531E-2</v>
      </c>
      <c r="G264" s="196">
        <v>0.21053092985967922</v>
      </c>
      <c r="H264" s="92">
        <v>7.3774293144216949E-2</v>
      </c>
      <c r="I264" s="196">
        <v>0.40570163121517683</v>
      </c>
      <c r="J264" s="92">
        <v>8.7589127218298188E-2</v>
      </c>
      <c r="K264" s="196">
        <v>0</v>
      </c>
      <c r="L264" s="92">
        <v>2.226896426705402E-2</v>
      </c>
      <c r="M264" s="194">
        <v>121</v>
      </c>
      <c r="N264" s="82">
        <v>4.6910369047277944</v>
      </c>
      <c r="O264" s="83">
        <v>0.33443474251233857</v>
      </c>
      <c r="P264" s="196">
        <v>0.31094664078084916</v>
      </c>
      <c r="Q264" s="92">
        <v>8.3236465750175709E-2</v>
      </c>
      <c r="R264" s="196">
        <v>0.12689139127643412</v>
      </c>
      <c r="S264" s="92">
        <v>6.1853208729437559E-2</v>
      </c>
      <c r="T264" s="196">
        <v>0.56216196794271656</v>
      </c>
      <c r="U264" s="92">
        <v>8.8792654822187386E-2</v>
      </c>
      <c r="V264" s="196">
        <v>0</v>
      </c>
      <c r="W264" s="92">
        <v>2.2445667733440235E-2</v>
      </c>
      <c r="X264" s="194">
        <v>122</v>
      </c>
      <c r="Y264" s="82">
        <v>3.7070480394460121</v>
      </c>
      <c r="Z264" s="83">
        <v>0.32431097435467604</v>
      </c>
      <c r="AA264" s="196">
        <v>0.43188264129919923</v>
      </c>
      <c r="AB264" s="92">
        <v>8.8308613034699418E-2</v>
      </c>
      <c r="AC264" s="196">
        <v>0.19731573954733711</v>
      </c>
      <c r="AD264" s="92">
        <v>7.2178549744426099E-2</v>
      </c>
      <c r="AE264" s="196">
        <v>0.36544164347028629</v>
      </c>
      <c r="AF264" s="92">
        <v>8.6009483701875333E-2</v>
      </c>
      <c r="AG264" s="196">
        <v>5.3599756831774117E-3</v>
      </c>
      <c r="AH264" s="92">
        <v>2.5584711852930226E-2</v>
      </c>
    </row>
    <row r="265" spans="1:34">
      <c r="A265" s="47" t="s">
        <v>636</v>
      </c>
      <c r="B265" s="195">
        <v>194</v>
      </c>
      <c r="C265" s="178">
        <v>4.4977291216131308</v>
      </c>
      <c r="D265" s="130">
        <v>0.26628192857799537</v>
      </c>
      <c r="E265" s="197">
        <v>0.27953035772776191</v>
      </c>
      <c r="F265" s="95">
        <v>6.4092296608887503E-2</v>
      </c>
      <c r="G265" s="197">
        <v>0.17278574986827397</v>
      </c>
      <c r="H265" s="95">
        <v>5.4534423223510944E-2</v>
      </c>
      <c r="I265" s="197">
        <v>0.54466704115225939</v>
      </c>
      <c r="J265" s="95">
        <v>7.0794146461598234E-2</v>
      </c>
      <c r="K265" s="197">
        <v>3.0168512517049339E-3</v>
      </c>
      <c r="L265" s="95">
        <v>1.6134805741129746E-2</v>
      </c>
      <c r="M265" s="195">
        <v>194</v>
      </c>
      <c r="N265" s="178">
        <v>5.1638807427024958</v>
      </c>
      <c r="O265" s="130">
        <v>0.23726307787097925</v>
      </c>
      <c r="P265" s="197">
        <v>0.15756354277409623</v>
      </c>
      <c r="Q265" s="95">
        <v>5.2690693268562606E-2</v>
      </c>
      <c r="R265" s="197">
        <v>0.14489228560676348</v>
      </c>
      <c r="S265" s="95">
        <v>5.1038123220742276E-2</v>
      </c>
      <c r="T265" s="197">
        <v>0.69754417161914051</v>
      </c>
      <c r="U265" s="95">
        <v>6.552616702775374E-2</v>
      </c>
      <c r="V265" s="197">
        <v>0</v>
      </c>
      <c r="W265" s="95">
        <v>1.4212655973362595E-2</v>
      </c>
      <c r="X265" s="195">
        <v>194</v>
      </c>
      <c r="Y265" s="178">
        <v>4.3802117077867972</v>
      </c>
      <c r="Z265" s="130">
        <v>0.25382028725043898</v>
      </c>
      <c r="AA265" s="197">
        <v>0.32422824604137285</v>
      </c>
      <c r="AB265" s="95">
        <v>6.6718160839569413E-2</v>
      </c>
      <c r="AC265" s="197">
        <v>0.1541811692987001</v>
      </c>
      <c r="AD265" s="95">
        <v>5.226051192962218E-2</v>
      </c>
      <c r="AE265" s="197">
        <v>0.51074776095895869</v>
      </c>
      <c r="AF265" s="95">
        <v>7.105114187945788E-2</v>
      </c>
      <c r="AG265" s="197">
        <v>1.0842823700968715E-2</v>
      </c>
      <c r="AH265" s="95">
        <v>2.0248591455286548E-2</v>
      </c>
    </row>
    <row r="267" spans="1:34" ht="18.75">
      <c r="A267" s="291" t="s">
        <v>237</v>
      </c>
      <c r="B267" s="291"/>
      <c r="C267" s="291"/>
      <c r="D267" s="291"/>
      <c r="E267" s="291"/>
      <c r="F267" s="291"/>
      <c r="G267" s="291"/>
      <c r="H267" s="291"/>
      <c r="I267" s="291"/>
      <c r="J267" s="291"/>
      <c r="K267" s="291"/>
      <c r="L267" s="291"/>
      <c r="M267" s="230"/>
      <c r="N267" s="230"/>
      <c r="O267" s="230"/>
      <c r="P267" s="248"/>
      <c r="Q267" s="248"/>
      <c r="R267" s="248"/>
      <c r="S267" s="248"/>
      <c r="T267" s="248"/>
      <c r="U267" s="248"/>
      <c r="V267" s="248"/>
      <c r="W267" s="248"/>
      <c r="X267" s="248"/>
      <c r="Y267" s="248"/>
      <c r="Z267" s="248"/>
      <c r="AA267" s="248"/>
      <c r="AB267" s="248"/>
    </row>
    <row r="268" spans="1:34" ht="41.25" customHeight="1">
      <c r="A268" s="417" t="s">
        <v>613</v>
      </c>
      <c r="B268" s="417"/>
      <c r="C268" s="417"/>
      <c r="D268" s="417"/>
      <c r="E268" s="417"/>
      <c r="F268" s="417"/>
      <c r="G268" s="417"/>
      <c r="H268" s="417"/>
      <c r="I268" s="417"/>
      <c r="J268" s="417"/>
      <c r="K268" s="417"/>
      <c r="L268" s="417"/>
      <c r="M268" s="293"/>
      <c r="N268" s="236"/>
      <c r="O268" s="236"/>
      <c r="P268" s="248"/>
      <c r="Q268" s="248"/>
      <c r="R268" s="248"/>
      <c r="S268" s="248"/>
      <c r="T268" s="248"/>
      <c r="U268" s="248"/>
      <c r="V268" s="248"/>
      <c r="W268" s="248"/>
      <c r="X268" s="248"/>
      <c r="Y268" s="248"/>
      <c r="Z268" s="248"/>
      <c r="AA268" s="248"/>
      <c r="AB268" s="248"/>
    </row>
    <row r="269" spans="1:34" ht="36" customHeight="1">
      <c r="A269" s="62"/>
      <c r="B269" s="395" t="s">
        <v>238</v>
      </c>
      <c r="C269" s="396"/>
      <c r="D269" s="396"/>
      <c r="E269" s="396"/>
      <c r="F269" s="396"/>
      <c r="G269" s="396"/>
      <c r="H269" s="396"/>
      <c r="I269" s="396"/>
      <c r="J269" s="396"/>
      <c r="K269" s="396"/>
      <c r="L269" s="397"/>
      <c r="M269" s="248"/>
      <c r="N269" s="248"/>
      <c r="O269" s="248"/>
      <c r="P269" s="248"/>
      <c r="Q269" s="248"/>
      <c r="R269" s="248"/>
      <c r="S269" s="248"/>
      <c r="T269" s="248"/>
      <c r="U269" s="248"/>
      <c r="V269" s="248"/>
      <c r="W269" s="248"/>
      <c r="X269" s="248"/>
      <c r="Y269" s="248"/>
      <c r="Z269" s="248"/>
      <c r="AA269" s="248"/>
      <c r="AB269" s="248"/>
      <c r="AC269" s="248"/>
      <c r="AD269" s="248"/>
      <c r="AE269" s="248"/>
      <c r="AF269" s="248"/>
    </row>
    <row r="270" spans="1:34" ht="39.75" customHeight="1">
      <c r="A270" s="35" t="s">
        <v>70</v>
      </c>
      <c r="B270" s="36" t="s">
        <v>71</v>
      </c>
      <c r="C270" s="37" t="s">
        <v>551</v>
      </c>
      <c r="D270" s="38" t="s">
        <v>72</v>
      </c>
      <c r="E270" s="36" t="s">
        <v>311</v>
      </c>
      <c r="F270" s="87" t="s">
        <v>142</v>
      </c>
      <c r="G270" s="36" t="s">
        <v>312</v>
      </c>
      <c r="H270" s="87" t="s">
        <v>143</v>
      </c>
      <c r="I270" s="36" t="s">
        <v>313</v>
      </c>
      <c r="J270" s="87" t="s">
        <v>116</v>
      </c>
      <c r="K270" s="36" t="s">
        <v>300</v>
      </c>
      <c r="L270" s="87" t="s">
        <v>314</v>
      </c>
      <c r="M270" s="248"/>
      <c r="N270" s="248"/>
      <c r="O270" s="248"/>
      <c r="P270" s="248"/>
      <c r="Q270" s="248"/>
      <c r="R270" s="248"/>
      <c r="S270" s="248"/>
      <c r="T270" s="248"/>
      <c r="U270" s="248"/>
      <c r="V270" s="248"/>
      <c r="W270" s="248"/>
      <c r="X270" s="248"/>
      <c r="Y270" s="248"/>
      <c r="Z270" s="248"/>
      <c r="AA270" s="248"/>
      <c r="AB270" s="248"/>
      <c r="AC270" s="248"/>
      <c r="AD270" s="248"/>
      <c r="AE270" s="248"/>
      <c r="AF270" s="248"/>
    </row>
    <row r="271" spans="1:34" ht="72">
      <c r="A271" s="39"/>
      <c r="B271" s="40" t="s">
        <v>73</v>
      </c>
      <c r="C271" s="126" t="s">
        <v>303</v>
      </c>
      <c r="D271" s="42" t="s">
        <v>75</v>
      </c>
      <c r="E271" s="40" t="s">
        <v>158</v>
      </c>
      <c r="F271" s="89" t="s">
        <v>87</v>
      </c>
      <c r="G271" s="40" t="s">
        <v>159</v>
      </c>
      <c r="H271" s="89" t="s">
        <v>87</v>
      </c>
      <c r="I271" s="40" t="s">
        <v>160</v>
      </c>
      <c r="J271" s="89" t="s">
        <v>87</v>
      </c>
      <c r="K271" s="40" t="s">
        <v>300</v>
      </c>
      <c r="L271" s="89" t="s">
        <v>87</v>
      </c>
    </row>
    <row r="272" spans="1:34">
      <c r="A272" s="43" t="s">
        <v>348</v>
      </c>
      <c r="B272" s="198">
        <v>13838</v>
      </c>
      <c r="C272" s="82">
        <v>4.7531192671633828</v>
      </c>
      <c r="D272" s="83">
        <v>2.7919035805388397E-2</v>
      </c>
      <c r="E272" s="196">
        <v>0.19002045105263729</v>
      </c>
      <c r="F272" s="92">
        <v>6.6703112055608339E-3</v>
      </c>
      <c r="G272" s="196">
        <v>0.1840468065802596</v>
      </c>
      <c r="H272" s="92">
        <v>6.5888669336456353E-3</v>
      </c>
      <c r="I272" s="196">
        <v>0.57979952345395602</v>
      </c>
      <c r="J272" s="92">
        <v>8.3907551919310368E-3</v>
      </c>
      <c r="K272" s="196">
        <v>4.6133218913162459E-2</v>
      </c>
      <c r="L272" s="92">
        <v>3.5708197407605087E-3</v>
      </c>
    </row>
    <row r="273" spans="1:12">
      <c r="A273" s="47" t="s">
        <v>349</v>
      </c>
      <c r="B273" s="47">
        <v>10167</v>
      </c>
      <c r="C273" s="178">
        <v>4.5506508062160735</v>
      </c>
      <c r="D273" s="130">
        <v>3.3212653597497817E-2</v>
      </c>
      <c r="E273" s="197">
        <v>0.23948467955034444</v>
      </c>
      <c r="F273" s="95">
        <v>8.4645649693695091E-3</v>
      </c>
      <c r="G273" s="197">
        <v>0.17748811872500828</v>
      </c>
      <c r="H273" s="95">
        <v>7.5792378329316047E-3</v>
      </c>
      <c r="I273" s="197">
        <v>0.54233865221360755</v>
      </c>
      <c r="J273" s="95">
        <v>9.8799966681224032E-3</v>
      </c>
      <c r="K273" s="197">
        <v>4.0688549511036121E-2</v>
      </c>
      <c r="L273" s="95">
        <v>3.9263144682149921E-3</v>
      </c>
    </row>
    <row r="274" spans="1:12">
      <c r="A274" s="43" t="s">
        <v>350</v>
      </c>
      <c r="B274" s="51">
        <v>3671</v>
      </c>
      <c r="C274" s="82">
        <v>4.9204671233886801</v>
      </c>
      <c r="D274" s="83">
        <v>4.9751738154754886E-2</v>
      </c>
      <c r="E274" s="196">
        <v>0.14955824544207372</v>
      </c>
      <c r="F274" s="92">
        <v>1.1778350780796388E-2</v>
      </c>
      <c r="G274" s="196">
        <v>0.18941187512765661</v>
      </c>
      <c r="H274" s="92">
        <v>1.293604968490268E-2</v>
      </c>
      <c r="I274" s="196">
        <v>0.61044286957522487</v>
      </c>
      <c r="J274" s="92">
        <v>1.6089170254407308E-2</v>
      </c>
      <c r="K274" s="196">
        <v>5.0587009855044267E-2</v>
      </c>
      <c r="L274" s="92">
        <v>7.2631690039010729E-3</v>
      </c>
    </row>
    <row r="275" spans="1:12">
      <c r="A275" s="47" t="s">
        <v>568</v>
      </c>
      <c r="B275" s="47">
        <v>11474</v>
      </c>
      <c r="C275" s="178">
        <v>4.7559120537572825</v>
      </c>
      <c r="D275" s="130">
        <v>3.0429567937283235E-2</v>
      </c>
      <c r="E275" s="197">
        <v>0.18929196877011212</v>
      </c>
      <c r="F275" s="95">
        <v>7.3145967827326552E-3</v>
      </c>
      <c r="G275" s="197">
        <v>0.1840794157292408</v>
      </c>
      <c r="H275" s="95">
        <v>7.2364235115736529E-3</v>
      </c>
      <c r="I275" s="197">
        <v>0.58024696772514339</v>
      </c>
      <c r="J275" s="95">
        <v>9.2130673745413547E-3</v>
      </c>
      <c r="K275" s="197">
        <v>4.6381647775522054E-2</v>
      </c>
      <c r="L275" s="95">
        <v>3.9324220067443565E-3</v>
      </c>
    </row>
    <row r="276" spans="1:12">
      <c r="A276" s="43" t="s">
        <v>569</v>
      </c>
      <c r="B276" s="51">
        <v>2364</v>
      </c>
      <c r="C276" s="82">
        <v>4.4122536652242417</v>
      </c>
      <c r="D276" s="83">
        <v>6.8997532731416608E-2</v>
      </c>
      <c r="E276" s="196">
        <v>0.28187711826076667</v>
      </c>
      <c r="F276" s="92">
        <v>1.8498676350214825E-2</v>
      </c>
      <c r="G276" s="196">
        <v>0.17993501440942819</v>
      </c>
      <c r="H276" s="92">
        <v>1.5806270093429987E-2</v>
      </c>
      <c r="I276" s="196">
        <v>0.52337984036987995</v>
      </c>
      <c r="J276" s="92">
        <v>2.0527471218690259E-2</v>
      </c>
      <c r="K276" s="196">
        <v>1.4808026959922225E-2</v>
      </c>
      <c r="L276" s="92">
        <v>5.0975924802068966E-3</v>
      </c>
    </row>
    <row r="277" spans="1:12">
      <c r="A277" s="47" t="s">
        <v>570</v>
      </c>
      <c r="B277" s="47">
        <v>605</v>
      </c>
      <c r="C277" s="178">
        <v>4.2454736255425223</v>
      </c>
      <c r="D277" s="130">
        <v>0.12995012703760841</v>
      </c>
      <c r="E277" s="197">
        <v>0.30692467148628672</v>
      </c>
      <c r="F277" s="95">
        <v>3.7421840166309762E-2</v>
      </c>
      <c r="G277" s="197">
        <v>0.17231609637305778</v>
      </c>
      <c r="H277" s="95">
        <v>3.0757183353379302E-2</v>
      </c>
      <c r="I277" s="197">
        <v>0.50765486814949079</v>
      </c>
      <c r="J277" s="95">
        <v>4.0517357890129502E-2</v>
      </c>
      <c r="K277" s="197">
        <v>1.3104363991164391E-2</v>
      </c>
      <c r="L277" s="95">
        <v>1.0263074174842162E-2</v>
      </c>
    </row>
    <row r="278" spans="1:12">
      <c r="A278" s="43" t="s">
        <v>571</v>
      </c>
      <c r="B278" s="51">
        <v>1268</v>
      </c>
      <c r="C278" s="82">
        <v>4.2836280765811718</v>
      </c>
      <c r="D278" s="83">
        <v>9.4297944874431341E-2</v>
      </c>
      <c r="E278" s="196">
        <v>0.29346849502082933</v>
      </c>
      <c r="F278" s="92">
        <v>2.5551316458046466E-2</v>
      </c>
      <c r="G278" s="196">
        <v>0.19529860146990977</v>
      </c>
      <c r="H278" s="92">
        <v>2.2271908689336078E-2</v>
      </c>
      <c r="I278" s="196">
        <v>0.49840077834368079</v>
      </c>
      <c r="J278" s="92">
        <v>2.8038465186788073E-2</v>
      </c>
      <c r="K278" s="196">
        <v>1.2832125165581939E-2</v>
      </c>
      <c r="L278" s="92">
        <v>6.6724280742226239E-3</v>
      </c>
    </row>
    <row r="279" spans="1:12">
      <c r="A279" s="47" t="s">
        <v>582</v>
      </c>
      <c r="B279" s="47">
        <v>865</v>
      </c>
      <c r="C279" s="178">
        <v>4.4446939185691523</v>
      </c>
      <c r="D279" s="130">
        <v>0.11660394072997216</v>
      </c>
      <c r="E279" s="197">
        <v>0.28287231173997879</v>
      </c>
      <c r="F279" s="95">
        <v>3.0589797181955376E-2</v>
      </c>
      <c r="G279" s="197">
        <v>0.18610245302981834</v>
      </c>
      <c r="H279" s="95">
        <v>2.6483451056887354E-2</v>
      </c>
      <c r="I279" s="197">
        <v>0.50719794290767084</v>
      </c>
      <c r="J279" s="95">
        <v>3.3919193590579995E-2</v>
      </c>
      <c r="K279" s="197">
        <v>2.3827292322534121E-2</v>
      </c>
      <c r="L279" s="95">
        <v>1.0800442666439947E-2</v>
      </c>
    </row>
    <row r="280" spans="1:12">
      <c r="A280" s="43" t="s">
        <v>583</v>
      </c>
      <c r="B280" s="51">
        <v>1499</v>
      </c>
      <c r="C280" s="82">
        <v>4.3993682867930612</v>
      </c>
      <c r="D280" s="83">
        <v>8.5455532526454228E-2</v>
      </c>
      <c r="E280" s="196">
        <v>0.28147670225718874</v>
      </c>
      <c r="F280" s="92">
        <v>2.3214777305494812E-2</v>
      </c>
      <c r="G280" s="196">
        <v>0.17745354605550573</v>
      </c>
      <c r="H280" s="92">
        <v>1.9746685918741069E-2</v>
      </c>
      <c r="I280" s="196">
        <v>0.52989062530516307</v>
      </c>
      <c r="J280" s="92">
        <v>2.5748220474452389E-2</v>
      </c>
      <c r="K280" s="196">
        <v>1.1179126382142121E-2</v>
      </c>
      <c r="L280" s="92">
        <v>5.7270576294397536E-3</v>
      </c>
    </row>
    <row r="281" spans="1:12">
      <c r="A281" s="47" t="s">
        <v>572</v>
      </c>
      <c r="B281" s="47">
        <v>291</v>
      </c>
      <c r="C281" s="178">
        <v>4.6884983353459644</v>
      </c>
      <c r="D281" s="130">
        <v>0.21000789971804096</v>
      </c>
      <c r="E281" s="197">
        <v>0.26251729903490612</v>
      </c>
      <c r="F281" s="95">
        <v>5.1436455562295848E-2</v>
      </c>
      <c r="G281" s="197">
        <v>0.16942878706204062</v>
      </c>
      <c r="H281" s="95">
        <v>4.4136311950126364E-2</v>
      </c>
      <c r="I281" s="197">
        <v>0.55125925100820539</v>
      </c>
      <c r="J281" s="95">
        <v>5.7923767626671473E-2</v>
      </c>
      <c r="K281" s="197">
        <v>1.6794662894847719E-2</v>
      </c>
      <c r="L281" s="95">
        <v>1.758332644452754E-2</v>
      </c>
    </row>
    <row r="282" spans="1:12">
      <c r="A282" s="43" t="s">
        <v>573</v>
      </c>
      <c r="B282" s="198">
        <v>447</v>
      </c>
      <c r="C282" s="82">
        <v>4.2220759778921382</v>
      </c>
      <c r="D282" s="83">
        <v>0.15492491434663128</v>
      </c>
      <c r="E282" s="196">
        <v>0.30596972293653824</v>
      </c>
      <c r="F282" s="92">
        <v>4.346592818174546E-2</v>
      </c>
      <c r="G282" s="196">
        <v>0.19640431674804504</v>
      </c>
      <c r="H282" s="92">
        <v>3.7606594854324722E-2</v>
      </c>
      <c r="I282" s="196">
        <v>0.48490829528703039</v>
      </c>
      <c r="J282" s="92">
        <v>4.7067085454246045E-2</v>
      </c>
      <c r="K282" s="196">
        <v>1.2717665028387471E-2</v>
      </c>
      <c r="L282" s="92">
        <v>1.2188146759380854E-2</v>
      </c>
    </row>
    <row r="283" spans="1:12">
      <c r="A283" s="47" t="s">
        <v>574</v>
      </c>
      <c r="B283" s="199">
        <v>675</v>
      </c>
      <c r="C283" s="178">
        <v>4.0902908049339768</v>
      </c>
      <c r="D283" s="130">
        <v>0.12788836001427642</v>
      </c>
      <c r="E283" s="197">
        <v>0.35167321821051312</v>
      </c>
      <c r="F283" s="95">
        <v>3.6669733003761959E-2</v>
      </c>
      <c r="G283" s="197">
        <v>0.17872962595609823</v>
      </c>
      <c r="H283" s="95">
        <v>2.9527236440133629E-2</v>
      </c>
      <c r="I283" s="197">
        <v>0.45659640975191018</v>
      </c>
      <c r="J283" s="95">
        <v>3.8233316656763529E-2</v>
      </c>
      <c r="K283" s="197">
        <v>1.3000746081476866E-2</v>
      </c>
      <c r="L283" s="95">
        <v>9.591914936902984E-3</v>
      </c>
    </row>
    <row r="284" spans="1:12">
      <c r="A284" s="43" t="s">
        <v>575</v>
      </c>
      <c r="B284" s="52">
        <v>926</v>
      </c>
      <c r="C284" s="82">
        <v>4.608145639312367</v>
      </c>
      <c r="D284" s="83">
        <v>0.10710361696109821</v>
      </c>
      <c r="E284" s="196">
        <v>0.22470717631730008</v>
      </c>
      <c r="F284" s="92">
        <v>2.7424530500804373E-2</v>
      </c>
      <c r="G284" s="196">
        <v>0.17369874119013218</v>
      </c>
      <c r="H284" s="92">
        <v>2.4924955013145299E-2</v>
      </c>
      <c r="I284" s="196">
        <v>0.58484349777830791</v>
      </c>
      <c r="J284" s="92">
        <v>3.2319864367080786E-2</v>
      </c>
      <c r="K284" s="196">
        <v>1.6750584714256053E-2</v>
      </c>
      <c r="L284" s="92">
        <v>8.914056240701386E-3</v>
      </c>
    </row>
    <row r="285" spans="1:12">
      <c r="A285" s="47" t="s">
        <v>576</v>
      </c>
      <c r="B285" s="199">
        <v>755</v>
      </c>
      <c r="C285" s="178">
        <v>4.3745816811057479</v>
      </c>
      <c r="D285" s="130">
        <v>0.12315661691462688</v>
      </c>
      <c r="E285" s="197">
        <v>0.29173447629449212</v>
      </c>
      <c r="F285" s="95">
        <v>3.3035409795015992E-2</v>
      </c>
      <c r="G285" s="197">
        <v>0.19393176576045706</v>
      </c>
      <c r="H285" s="95">
        <v>2.8792750433185878E-2</v>
      </c>
      <c r="I285" s="197">
        <v>0.49996161855631088</v>
      </c>
      <c r="J285" s="95">
        <v>3.6297700326212774E-2</v>
      </c>
      <c r="K285" s="197">
        <v>1.4372139388739729E-2</v>
      </c>
      <c r="L285" s="95">
        <v>9.3658672307849553E-3</v>
      </c>
    </row>
    <row r="286" spans="1:12">
      <c r="A286" s="55" t="s">
        <v>577</v>
      </c>
      <c r="B286" s="198">
        <v>762</v>
      </c>
      <c r="C286" s="82">
        <v>4.2563561399602738</v>
      </c>
      <c r="D286" s="83">
        <v>0.11892533824384587</v>
      </c>
      <c r="E286" s="196">
        <v>0.31446367266915254</v>
      </c>
      <c r="F286" s="92">
        <v>3.357971298720186E-2</v>
      </c>
      <c r="G286" s="196">
        <v>0.20013178614387758</v>
      </c>
      <c r="H286" s="92">
        <v>2.8996778829909212E-2</v>
      </c>
      <c r="I286" s="196">
        <v>0.46465129225113416</v>
      </c>
      <c r="J286" s="92">
        <v>3.6042003688409437E-2</v>
      </c>
      <c r="K286" s="196">
        <v>2.0753248935832032E-2</v>
      </c>
      <c r="L286" s="92">
        <v>1.0891107999146016E-2</v>
      </c>
    </row>
    <row r="287" spans="1:12">
      <c r="A287" s="47" t="s">
        <v>578</v>
      </c>
      <c r="B287" s="199">
        <v>255</v>
      </c>
      <c r="C287" s="178">
        <v>4.4314751907932459</v>
      </c>
      <c r="D287" s="130">
        <v>0.2130418014067437</v>
      </c>
      <c r="E287" s="197">
        <v>0.28316001000475055</v>
      </c>
      <c r="F287" s="95">
        <v>5.6187983713651198E-2</v>
      </c>
      <c r="G287" s="197">
        <v>0.14566561694222036</v>
      </c>
      <c r="H287" s="95">
        <v>4.4512855091659621E-2</v>
      </c>
      <c r="I287" s="197">
        <v>0.56222893275184349</v>
      </c>
      <c r="J287" s="95">
        <v>6.1668718668944168E-2</v>
      </c>
      <c r="K287" s="197">
        <v>8.9454403011859258E-3</v>
      </c>
      <c r="L287" s="95">
        <v>1.5844844686463206E-2</v>
      </c>
    </row>
    <row r="288" spans="1:12">
      <c r="A288" s="55" t="s">
        <v>579</v>
      </c>
      <c r="B288" s="198">
        <v>221</v>
      </c>
      <c r="C288" s="82">
        <v>4.6178697843338705</v>
      </c>
      <c r="D288" s="83">
        <v>0.23172203510492062</v>
      </c>
      <c r="E288" s="196">
        <v>0.2322032351666839</v>
      </c>
      <c r="F288" s="92">
        <v>5.6696007730839153E-2</v>
      </c>
      <c r="G288" s="196">
        <v>0.15146587752074769</v>
      </c>
      <c r="H288" s="92">
        <v>4.8589842731240035E-2</v>
      </c>
      <c r="I288" s="196">
        <v>0.60061661659519805</v>
      </c>
      <c r="J288" s="92">
        <v>6.5351432972900997E-2</v>
      </c>
      <c r="K288" s="196">
        <v>1.571427071737096E-2</v>
      </c>
      <c r="L288" s="92">
        <v>2.0540322533592295E-2</v>
      </c>
    </row>
    <row r="289" spans="1:12">
      <c r="A289" s="47" t="s">
        <v>580</v>
      </c>
      <c r="B289" s="199">
        <v>222</v>
      </c>
      <c r="C289" s="178">
        <v>4.7841050865798938</v>
      </c>
      <c r="D289" s="130">
        <v>0.21355865787213607</v>
      </c>
      <c r="E289" s="197">
        <v>0.19079650849786009</v>
      </c>
      <c r="F289" s="95">
        <v>5.2839306008319535E-2</v>
      </c>
      <c r="G289" s="197">
        <v>0.16759199797235433</v>
      </c>
      <c r="H289" s="95">
        <v>5.0375868099805293E-2</v>
      </c>
      <c r="I289" s="197">
        <v>0.63223447253348042</v>
      </c>
      <c r="J289" s="95">
        <v>6.4235123759790666E-2</v>
      </c>
      <c r="K289" s="197">
        <v>9.377020996305321E-3</v>
      </c>
      <c r="L289" s="95">
        <v>1.7716762615744806E-2</v>
      </c>
    </row>
    <row r="290" spans="1:12">
      <c r="A290" s="55" t="s">
        <v>581</v>
      </c>
      <c r="B290" s="198">
        <v>122</v>
      </c>
      <c r="C290" s="82">
        <v>4.9687427204207104</v>
      </c>
      <c r="D290" s="83">
        <v>0.28496356409557699</v>
      </c>
      <c r="E290" s="196">
        <v>0.12606210601468984</v>
      </c>
      <c r="F290" s="92">
        <v>6.1439761781657318E-2</v>
      </c>
      <c r="G290" s="196">
        <v>0.14426946885272962</v>
      </c>
      <c r="H290" s="92">
        <v>6.4577456798666083E-2</v>
      </c>
      <c r="I290" s="196">
        <v>0.72281833630279846</v>
      </c>
      <c r="J290" s="92">
        <v>8.0367056325240258E-2</v>
      </c>
      <c r="K290" s="196">
        <v>6.85008882978283E-3</v>
      </c>
      <c r="L290" s="92">
        <v>2.6426980959568205E-2</v>
      </c>
    </row>
    <row r="291" spans="1:12">
      <c r="A291" s="47" t="s">
        <v>584</v>
      </c>
      <c r="B291" s="199">
        <v>115</v>
      </c>
      <c r="C291" s="178">
        <v>5.0359326859802405</v>
      </c>
      <c r="D291" s="130">
        <v>0.32535349798127061</v>
      </c>
      <c r="E291" s="197">
        <v>0.19501820634915248</v>
      </c>
      <c r="F291" s="95">
        <v>7.4050640732638132E-2</v>
      </c>
      <c r="G291" s="197">
        <v>0.17583005408621485</v>
      </c>
      <c r="H291" s="95">
        <v>7.1445984419652775E-2</v>
      </c>
      <c r="I291" s="197">
        <v>0.60692192753242513</v>
      </c>
      <c r="J291" s="95">
        <v>8.9691036877664859E-2</v>
      </c>
      <c r="K291" s="197">
        <v>2.2229812032207676E-2</v>
      </c>
      <c r="L291" s="95">
        <v>3.5181757386458436E-2</v>
      </c>
    </row>
    <row r="292" spans="1:12">
      <c r="A292" s="55" t="s">
        <v>585</v>
      </c>
      <c r="B292" s="198">
        <v>2249</v>
      </c>
      <c r="C292" s="82">
        <v>4.3031804628935308</v>
      </c>
      <c r="D292" s="83">
        <v>7.0333454955381958E-2</v>
      </c>
      <c r="E292" s="196">
        <v>0.29720324057105035</v>
      </c>
      <c r="F292" s="92">
        <v>1.9263831683404741E-2</v>
      </c>
      <c r="G292" s="196">
        <v>0.1806593283872093</v>
      </c>
      <c r="H292" s="92">
        <v>1.6230875395503958E-2</v>
      </c>
      <c r="I292" s="196">
        <v>0.50863896671937381</v>
      </c>
      <c r="J292" s="92">
        <v>2.1064676807542655E-2</v>
      </c>
      <c r="K292" s="196">
        <v>1.3498464322363169E-2</v>
      </c>
      <c r="L292" s="92">
        <v>5.0132414767237593E-3</v>
      </c>
    </row>
    <row r="293" spans="1:12">
      <c r="A293" s="47" t="s">
        <v>620</v>
      </c>
      <c r="B293" s="199">
        <v>154</v>
      </c>
      <c r="C293" s="178">
        <v>4.4346043488457951</v>
      </c>
      <c r="D293" s="130">
        <v>0.2630669475119497</v>
      </c>
      <c r="E293" s="197">
        <v>0.2507829910715435</v>
      </c>
      <c r="F293" s="95">
        <v>6.9536592816027046E-2</v>
      </c>
      <c r="G293" s="197">
        <v>0.21922194048322172</v>
      </c>
      <c r="H293" s="95">
        <v>6.6581037637544596E-2</v>
      </c>
      <c r="I293" s="197">
        <v>0.51751539403445357</v>
      </c>
      <c r="J293" s="95">
        <v>7.9509341536252776E-2</v>
      </c>
      <c r="K293" s="197">
        <v>1.2479674410781743E-2</v>
      </c>
      <c r="L293" s="95">
        <v>2.4754915829413825E-2</v>
      </c>
    </row>
    <row r="294" spans="1:12">
      <c r="A294" s="55" t="s">
        <v>621</v>
      </c>
      <c r="B294" s="198">
        <v>161</v>
      </c>
      <c r="C294" s="82">
        <v>4.0914521425094517</v>
      </c>
      <c r="D294" s="83">
        <v>0.27009468407352982</v>
      </c>
      <c r="E294" s="196">
        <v>0.31962784150695162</v>
      </c>
      <c r="F294" s="92">
        <v>7.2867530444186521E-2</v>
      </c>
      <c r="G294" s="196">
        <v>0.19865618148161285</v>
      </c>
      <c r="H294" s="92">
        <v>6.2965378151256024E-2</v>
      </c>
      <c r="I294" s="196">
        <v>0.47581636227878626</v>
      </c>
      <c r="J294" s="92">
        <v>7.776314687435959E-2</v>
      </c>
      <c r="K294" s="196">
        <v>5.8996147326503415E-3</v>
      </c>
      <c r="L294" s="92">
        <v>2.0631361797726299E-2</v>
      </c>
    </row>
    <row r="295" spans="1:12">
      <c r="A295" s="47" t="s">
        <v>622</v>
      </c>
      <c r="B295" s="199">
        <v>988</v>
      </c>
      <c r="C295" s="178">
        <v>4.3054730449789069</v>
      </c>
      <c r="D295" s="130">
        <v>0.1049513776929317</v>
      </c>
      <c r="E295" s="197">
        <v>0.30746921775860664</v>
      </c>
      <c r="F295" s="95">
        <v>2.9322334841812476E-2</v>
      </c>
      <c r="G295" s="197">
        <v>0.16718321878155631</v>
      </c>
      <c r="H295" s="95">
        <v>2.3770107914357113E-2</v>
      </c>
      <c r="I295" s="197">
        <v>0.51624964980440158</v>
      </c>
      <c r="J295" s="95">
        <v>3.1733395075760437E-2</v>
      </c>
      <c r="K295" s="197">
        <v>9.0979136554363918E-3</v>
      </c>
      <c r="L295" s="95">
        <v>6.6462000122955566E-3</v>
      </c>
    </row>
    <row r="296" spans="1:12">
      <c r="A296" s="55" t="s">
        <v>623</v>
      </c>
      <c r="B296" s="198">
        <v>300</v>
      </c>
      <c r="C296" s="82">
        <v>4.2952192870573125</v>
      </c>
      <c r="D296" s="83">
        <v>0.18548234775430006</v>
      </c>
      <c r="E296" s="196">
        <v>0.26006840604614778</v>
      </c>
      <c r="F296" s="92">
        <v>5.051547302402961E-2</v>
      </c>
      <c r="G296" s="196">
        <v>0.22714441262472729</v>
      </c>
      <c r="H296" s="92">
        <v>4.8326759764097851E-2</v>
      </c>
      <c r="I296" s="196">
        <v>0.50159661015434087</v>
      </c>
      <c r="J296" s="92">
        <v>5.7353648702123443E-2</v>
      </c>
      <c r="K296" s="196">
        <v>1.1190571174784083E-2</v>
      </c>
      <c r="L296" s="92">
        <v>1.5092578185707283E-2</v>
      </c>
    </row>
    <row r="297" spans="1:12">
      <c r="A297" s="47" t="s">
        <v>624</v>
      </c>
      <c r="B297" s="199">
        <v>320</v>
      </c>
      <c r="C297" s="178">
        <v>4.2585250358047793</v>
      </c>
      <c r="D297" s="130">
        <v>0.18615186342844145</v>
      </c>
      <c r="E297" s="197">
        <v>0.32924120600517381</v>
      </c>
      <c r="F297" s="95">
        <v>5.2299818784171948E-2</v>
      </c>
      <c r="G297" s="197">
        <v>0.16664377086213691</v>
      </c>
      <c r="H297" s="95">
        <v>4.1810942540219151E-2</v>
      </c>
      <c r="I297" s="197">
        <v>0.50228579151518982</v>
      </c>
      <c r="J297" s="95">
        <v>5.5554989260365568E-2</v>
      </c>
      <c r="K297" s="197">
        <v>1.8292316175007566E-3</v>
      </c>
      <c r="L297" s="95">
        <v>9.8856522719949474E-3</v>
      </c>
    </row>
    <row r="298" spans="1:12">
      <c r="A298" s="55" t="s">
        <v>625</v>
      </c>
      <c r="B298" s="198">
        <v>1187</v>
      </c>
      <c r="C298" s="82">
        <v>4.44368888859481</v>
      </c>
      <c r="D298" s="83">
        <v>9.8501599339616663E-2</v>
      </c>
      <c r="E298" s="196">
        <v>0.27543866652417887</v>
      </c>
      <c r="F298" s="92">
        <v>2.5911453200629608E-2</v>
      </c>
      <c r="G298" s="196">
        <v>0.17721688464008817</v>
      </c>
      <c r="H298" s="92">
        <v>2.2182339323978843E-2</v>
      </c>
      <c r="I298" s="196">
        <v>0.53024377056375871</v>
      </c>
      <c r="J298" s="92">
        <v>2.892367837041537E-2</v>
      </c>
      <c r="K298" s="196">
        <v>1.7100678271974402E-2</v>
      </c>
      <c r="L298" s="92">
        <v>7.8551055969992654E-3</v>
      </c>
    </row>
    <row r="299" spans="1:12">
      <c r="A299" s="47" t="s">
        <v>626</v>
      </c>
      <c r="B299" s="199">
        <v>1176</v>
      </c>
      <c r="C299" s="178">
        <v>4.3469943995868388</v>
      </c>
      <c r="D299" s="130">
        <v>9.6604918564451303E-2</v>
      </c>
      <c r="E299" s="197">
        <v>0.29612618283512621</v>
      </c>
      <c r="F299" s="95">
        <v>2.6599145042006854E-2</v>
      </c>
      <c r="G299" s="197">
        <v>0.18625273779659024</v>
      </c>
      <c r="H299" s="95">
        <v>2.271629715503418E-2</v>
      </c>
      <c r="I299" s="197">
        <v>0.5073157779730435</v>
      </c>
      <c r="J299" s="95">
        <v>2.9108030322431627E-2</v>
      </c>
      <c r="K299" s="197">
        <v>1.0305301395240534E-2</v>
      </c>
      <c r="L299" s="95">
        <v>6.3304792484610382E-3</v>
      </c>
    </row>
    <row r="300" spans="1:12">
      <c r="A300" s="55" t="s">
        <v>627</v>
      </c>
      <c r="B300" s="198">
        <v>346</v>
      </c>
      <c r="C300" s="82">
        <v>4.2931040489267964</v>
      </c>
      <c r="D300" s="83">
        <v>0.18585455213258711</v>
      </c>
      <c r="E300" s="196">
        <v>0.30772049463626439</v>
      </c>
      <c r="F300" s="92">
        <v>4.9439004111204596E-2</v>
      </c>
      <c r="G300" s="196">
        <v>0.18077969847711542</v>
      </c>
      <c r="H300" s="92">
        <v>4.1461068685562076E-2</v>
      </c>
      <c r="I300" s="196">
        <v>0.50738179528758109</v>
      </c>
      <c r="J300" s="92">
        <v>5.3446555146236863E-2</v>
      </c>
      <c r="K300" s="196">
        <v>4.1180115990361588E-3</v>
      </c>
      <c r="L300" s="92">
        <v>1.0523162758057907E-2</v>
      </c>
    </row>
    <row r="301" spans="1:12">
      <c r="A301" s="47" t="s">
        <v>628</v>
      </c>
      <c r="B301" s="199">
        <v>830</v>
      </c>
      <c r="C301" s="178">
        <v>4.3799035934004182</v>
      </c>
      <c r="D301" s="130">
        <v>0.11284217157474329</v>
      </c>
      <c r="E301" s="197">
        <v>0.28911647407131802</v>
      </c>
      <c r="F301" s="95">
        <v>3.142908763593142E-2</v>
      </c>
      <c r="G301" s="197">
        <v>0.1895616372242056</v>
      </c>
      <c r="H301" s="95">
        <v>2.7225872647883023E-2</v>
      </c>
      <c r="I301" s="197">
        <v>0.50727586511264844</v>
      </c>
      <c r="J301" s="95">
        <v>3.4623536745070842E-2</v>
      </c>
      <c r="K301" s="197">
        <v>1.4046023591827406E-2</v>
      </c>
      <c r="L301" s="95">
        <v>8.7897205483852235E-3</v>
      </c>
    </row>
    <row r="302" spans="1:12">
      <c r="A302" s="55" t="s">
        <v>629</v>
      </c>
      <c r="B302" s="198">
        <v>217</v>
      </c>
      <c r="C302" s="82">
        <v>4.2018557787741351</v>
      </c>
      <c r="D302" s="83">
        <v>0.22035078444039766</v>
      </c>
      <c r="E302" s="196">
        <v>0.32817574463128307</v>
      </c>
      <c r="F302" s="92">
        <v>6.3322128436060263E-2</v>
      </c>
      <c r="G302" s="196">
        <v>0.13447007844361536</v>
      </c>
      <c r="H302" s="92">
        <v>4.6832858466209132E-2</v>
      </c>
      <c r="I302" s="196">
        <v>0.52221364483658084</v>
      </c>
      <c r="J302" s="92">
        <v>6.7203244727816761E-2</v>
      </c>
      <c r="K302" s="196">
        <v>1.5140532088520876E-2</v>
      </c>
      <c r="L302" s="92">
        <v>2.0555313803996961E-2</v>
      </c>
    </row>
    <row r="303" spans="1:12">
      <c r="A303" s="47" t="s">
        <v>630</v>
      </c>
      <c r="B303" s="199">
        <v>388</v>
      </c>
      <c r="C303" s="178">
        <v>4.299710531755859</v>
      </c>
      <c r="D303" s="130">
        <v>0.16053658040885574</v>
      </c>
      <c r="E303" s="197">
        <v>0.28037699951628997</v>
      </c>
      <c r="F303" s="95">
        <v>4.5484364666095664E-2</v>
      </c>
      <c r="G303" s="197">
        <v>0.21959482260519814</v>
      </c>
      <c r="H303" s="95">
        <v>4.20118282095025E-2</v>
      </c>
      <c r="I303" s="197">
        <v>0.48946747473476016</v>
      </c>
      <c r="J303" s="95">
        <v>5.0496647526800893E-2</v>
      </c>
      <c r="K303" s="197">
        <v>1.056070314375346E-2</v>
      </c>
      <c r="L303" s="95">
        <v>1.2500213968756958E-2</v>
      </c>
    </row>
    <row r="304" spans="1:12">
      <c r="A304" s="55" t="s">
        <v>631</v>
      </c>
      <c r="B304" s="198">
        <v>56</v>
      </c>
      <c r="C304" s="82">
        <v>4.3746491203841718</v>
      </c>
      <c r="D304" s="83">
        <v>0.49585142569487112</v>
      </c>
      <c r="E304" s="196">
        <v>0.24358429520728198</v>
      </c>
      <c r="F304" s="92">
        <v>0.11335057819361184</v>
      </c>
      <c r="G304" s="196">
        <v>0.24587324884017961</v>
      </c>
      <c r="H304" s="92">
        <v>0.11364954643517859</v>
      </c>
      <c r="I304" s="196">
        <v>0.51054245595253878</v>
      </c>
      <c r="J304" s="92">
        <v>0.12907444409304361</v>
      </c>
      <c r="K304" s="196">
        <v>0</v>
      </c>
      <c r="L304" s="92">
        <v>4.6348119143587135E-2</v>
      </c>
    </row>
    <row r="305" spans="1:45">
      <c r="A305" s="47" t="s">
        <v>632</v>
      </c>
      <c r="B305" s="199">
        <v>332</v>
      </c>
      <c r="C305" s="178">
        <v>4.2778659813416153</v>
      </c>
      <c r="D305" s="130">
        <v>0.16814746018625709</v>
      </c>
      <c r="E305" s="197">
        <v>0.29095621763726015</v>
      </c>
      <c r="F305" s="95">
        <v>4.9681720725597726E-2</v>
      </c>
      <c r="G305" s="197">
        <v>0.21203883539966828</v>
      </c>
      <c r="H305" s="95">
        <v>4.4859694011148102E-2</v>
      </c>
      <c r="I305" s="197">
        <v>0.48340766403626723</v>
      </c>
      <c r="J305" s="95">
        <v>5.4525137307481153E-2</v>
      </c>
      <c r="K305" s="197">
        <v>1.3597282926806594E-2</v>
      </c>
      <c r="L305" s="95">
        <v>1.504434121014255E-2</v>
      </c>
    </row>
    <row r="306" spans="1:45">
      <c r="A306" s="55" t="s">
        <v>633</v>
      </c>
      <c r="B306" s="198">
        <v>658</v>
      </c>
      <c r="C306" s="82">
        <v>4.3186918607592117</v>
      </c>
      <c r="D306" s="83">
        <v>0.13133019274895022</v>
      </c>
      <c r="E306" s="196">
        <v>0.2742112895055917</v>
      </c>
      <c r="F306" s="92">
        <v>3.4731049169979787E-2</v>
      </c>
      <c r="G306" s="196">
        <v>0.20241792293894234</v>
      </c>
      <c r="H306" s="92">
        <v>3.1335994814238932E-2</v>
      </c>
      <c r="I306" s="196">
        <v>0.5079367489592983</v>
      </c>
      <c r="J306" s="92">
        <v>3.8861265903272046E-2</v>
      </c>
      <c r="K306" s="196">
        <v>1.5434038596165709E-2</v>
      </c>
      <c r="L306" s="92">
        <v>1.0436042918663777E-2</v>
      </c>
    </row>
    <row r="307" spans="1:45">
      <c r="A307" s="47" t="s">
        <v>634</v>
      </c>
      <c r="B307" s="199">
        <v>610</v>
      </c>
      <c r="C307" s="178">
        <v>4.2244706224159492</v>
      </c>
      <c r="D307" s="130">
        <v>0.13541054925030147</v>
      </c>
      <c r="E307" s="197">
        <v>0.32618981607852332</v>
      </c>
      <c r="F307" s="95">
        <v>3.7873641552741089E-2</v>
      </c>
      <c r="G307" s="197">
        <v>0.18320164361603802</v>
      </c>
      <c r="H307" s="95">
        <v>3.1358199500522606E-2</v>
      </c>
      <c r="I307" s="197">
        <v>0.48219751583689718</v>
      </c>
      <c r="J307" s="95">
        <v>4.033145953786433E-2</v>
      </c>
      <c r="K307" s="197">
        <v>8.4110244685417172E-3</v>
      </c>
      <c r="L307" s="95">
        <v>8.6475255897896959E-3</v>
      </c>
    </row>
    <row r="308" spans="1:45">
      <c r="A308" s="55" t="s">
        <v>635</v>
      </c>
      <c r="B308" s="198">
        <v>228</v>
      </c>
      <c r="C308" s="82">
        <v>4.2167874165974784</v>
      </c>
      <c r="D308" s="83">
        <v>0.22752409879102675</v>
      </c>
      <c r="E308" s="196">
        <v>0.34131362475294635</v>
      </c>
      <c r="F308" s="92">
        <v>6.2378084088364233E-2</v>
      </c>
      <c r="G308" s="196">
        <v>0.1520508958659354</v>
      </c>
      <c r="H308" s="92">
        <v>4.789899755092647E-2</v>
      </c>
      <c r="I308" s="196">
        <v>0.50018677733836214</v>
      </c>
      <c r="J308" s="92">
        <v>6.5653212005728975E-2</v>
      </c>
      <c r="K308" s="196">
        <v>6.4487020427556885E-3</v>
      </c>
      <c r="L308" s="92">
        <v>1.5938707610995782E-2</v>
      </c>
    </row>
    <row r="309" spans="1:45">
      <c r="A309" s="47" t="s">
        <v>636</v>
      </c>
      <c r="B309" s="199">
        <v>382</v>
      </c>
      <c r="C309" s="178">
        <v>4.2310815344477524</v>
      </c>
      <c r="D309" s="130">
        <v>0.16841230614373714</v>
      </c>
      <c r="E309" s="197">
        <v>0.31322447157740413</v>
      </c>
      <c r="F309" s="95">
        <v>4.7292953505063469E-2</v>
      </c>
      <c r="G309" s="197">
        <v>0.20990656859506113</v>
      </c>
      <c r="H309" s="95">
        <v>4.1672407664804643E-2</v>
      </c>
      <c r="I309" s="197">
        <v>0.46677567483717186</v>
      </c>
      <c r="J309" s="95">
        <v>5.0788487896300881E-2</v>
      </c>
      <c r="K309" s="197">
        <v>1.009328499036493E-2</v>
      </c>
      <c r="L309" s="95">
        <v>1.2442576264426715E-2</v>
      </c>
    </row>
    <row r="310" spans="1:45">
      <c r="P310" s="248"/>
      <c r="Q310" s="248"/>
      <c r="R310" s="248"/>
      <c r="S310" s="248"/>
      <c r="T310" s="248"/>
      <c r="U310" s="248"/>
      <c r="V310" s="248"/>
      <c r="W310" s="248"/>
      <c r="X310" s="248"/>
      <c r="Y310" s="248"/>
      <c r="Z310" s="248"/>
      <c r="AA310" s="248"/>
      <c r="AB310" s="248"/>
      <c r="AC310" s="248"/>
      <c r="AD310" s="248"/>
      <c r="AE310" s="248"/>
      <c r="AF310" s="248"/>
      <c r="AG310" s="248"/>
      <c r="AH310" s="248"/>
      <c r="AI310" s="248"/>
      <c r="AJ310" s="248"/>
      <c r="AK310" s="248"/>
      <c r="AL310" s="248"/>
      <c r="AM310" s="248"/>
      <c r="AN310" s="248"/>
      <c r="AO310" s="248"/>
      <c r="AP310" s="248"/>
      <c r="AQ310" s="248"/>
      <c r="AR310" s="248"/>
      <c r="AS310" s="248"/>
    </row>
    <row r="311" spans="1:45" ht="18.75">
      <c r="A311" s="425" t="s">
        <v>422</v>
      </c>
      <c r="B311" s="425"/>
      <c r="C311" s="425"/>
      <c r="D311" s="425"/>
      <c r="P311" s="248"/>
      <c r="Q311" s="248"/>
      <c r="R311" s="248"/>
      <c r="S311" s="248"/>
      <c r="T311" s="248"/>
      <c r="U311" s="248"/>
      <c r="V311" s="248"/>
      <c r="W311" s="248"/>
      <c r="X311" s="248"/>
      <c r="Y311" s="248"/>
      <c r="Z311" s="248"/>
      <c r="AA311" s="248"/>
      <c r="AB311" s="248"/>
      <c r="AC311" s="248"/>
      <c r="AD311" s="248"/>
      <c r="AE311" s="248"/>
      <c r="AF311" s="248"/>
      <c r="AG311" s="248"/>
      <c r="AH311" s="248"/>
      <c r="AI311" s="248"/>
      <c r="AJ311" s="248"/>
      <c r="AK311" s="248"/>
      <c r="AL311" s="248"/>
      <c r="AM311" s="248"/>
      <c r="AN311" s="248"/>
      <c r="AO311" s="248"/>
      <c r="AP311" s="248"/>
      <c r="AQ311" s="248"/>
      <c r="AR311" s="248"/>
      <c r="AS311" s="248"/>
    </row>
    <row r="312" spans="1:45" ht="90.75" customHeight="1">
      <c r="A312" s="426" t="s">
        <v>423</v>
      </c>
      <c r="B312" s="426"/>
      <c r="C312" s="426"/>
      <c r="D312" s="426"/>
      <c r="P312" s="248"/>
      <c r="Q312" s="248"/>
      <c r="R312" s="248"/>
      <c r="S312" s="248"/>
      <c r="T312" s="248"/>
      <c r="U312" s="248"/>
      <c r="V312" s="248"/>
      <c r="W312" s="248"/>
      <c r="X312" s="248"/>
      <c r="Y312" s="248"/>
      <c r="Z312" s="248"/>
      <c r="AA312" s="248"/>
      <c r="AB312" s="248"/>
      <c r="AC312" s="248"/>
      <c r="AD312" s="248"/>
      <c r="AE312" s="248"/>
      <c r="AF312" s="248"/>
      <c r="AG312" s="248"/>
      <c r="AH312" s="248"/>
      <c r="AI312" s="248"/>
      <c r="AJ312" s="248"/>
      <c r="AK312" s="248"/>
      <c r="AL312" s="248"/>
      <c r="AM312" s="248"/>
      <c r="AN312" s="248"/>
      <c r="AO312" s="248"/>
      <c r="AP312" s="248"/>
      <c r="AQ312" s="248"/>
      <c r="AR312" s="248"/>
      <c r="AS312" s="248"/>
    </row>
    <row r="313" spans="1:45" ht="51.75" customHeight="1">
      <c r="A313" s="401" t="s">
        <v>424</v>
      </c>
      <c r="B313" s="401"/>
      <c r="C313" s="401"/>
      <c r="D313" s="401"/>
      <c r="P313" s="248"/>
      <c r="Q313" s="248"/>
      <c r="R313" s="248"/>
      <c r="S313" s="248"/>
      <c r="T313" s="248"/>
      <c r="U313" s="248"/>
      <c r="V313" s="248"/>
      <c r="W313" s="248"/>
      <c r="X313" s="248"/>
      <c r="Y313" s="248"/>
      <c r="Z313" s="248"/>
      <c r="AA313" s="248"/>
      <c r="AB313" s="248"/>
      <c r="AC313" s="248"/>
      <c r="AD313" s="248"/>
      <c r="AE313" s="248"/>
      <c r="AF313" s="248"/>
      <c r="AG313" s="248"/>
      <c r="AH313" s="248"/>
      <c r="AI313" s="248"/>
      <c r="AJ313" s="248"/>
      <c r="AK313" s="248"/>
      <c r="AL313" s="248"/>
      <c r="AM313" s="248"/>
      <c r="AN313" s="248"/>
      <c r="AO313" s="248"/>
      <c r="AP313" s="248"/>
      <c r="AQ313" s="248"/>
      <c r="AR313" s="248"/>
      <c r="AS313" s="248"/>
    </row>
    <row r="314" spans="1:45" ht="72">
      <c r="A314" s="35" t="s">
        <v>70</v>
      </c>
      <c r="B314" s="36" t="s">
        <v>71</v>
      </c>
      <c r="C314" s="37" t="s">
        <v>551</v>
      </c>
      <c r="D314" s="38" t="s">
        <v>72</v>
      </c>
      <c r="P314" s="248"/>
      <c r="Q314" s="248"/>
      <c r="R314" s="248"/>
      <c r="S314" s="248"/>
      <c r="T314" s="248"/>
      <c r="U314" s="248"/>
      <c r="V314" s="248"/>
      <c r="W314" s="248"/>
      <c r="X314" s="248"/>
      <c r="Y314" s="248"/>
      <c r="Z314" s="248"/>
      <c r="AA314" s="248"/>
      <c r="AB314" s="248"/>
      <c r="AC314" s="248"/>
      <c r="AD314" s="248"/>
      <c r="AE314" s="248"/>
      <c r="AF314" s="248"/>
      <c r="AG314" s="248"/>
      <c r="AH314" s="248"/>
      <c r="AI314" s="248"/>
      <c r="AJ314" s="248"/>
      <c r="AK314" s="248"/>
      <c r="AL314" s="248"/>
      <c r="AM314" s="248"/>
      <c r="AN314" s="248"/>
      <c r="AO314" s="248"/>
      <c r="AP314" s="248"/>
      <c r="AQ314" s="248"/>
      <c r="AR314" s="248"/>
      <c r="AS314" s="248"/>
    </row>
    <row r="315" spans="1:45" ht="72">
      <c r="A315" s="39"/>
      <c r="B315" s="40" t="s">
        <v>73</v>
      </c>
      <c r="C315" s="126" t="s">
        <v>303</v>
      </c>
      <c r="D315" s="42" t="s">
        <v>75</v>
      </c>
      <c r="P315" s="248"/>
      <c r="Q315" s="248"/>
      <c r="R315" s="248"/>
      <c r="S315" s="248"/>
      <c r="T315" s="248"/>
      <c r="U315" s="248"/>
      <c r="V315" s="248"/>
      <c r="W315" s="248"/>
      <c r="X315" s="248"/>
      <c r="Y315" s="248"/>
      <c r="Z315" s="248"/>
      <c r="AA315" s="248"/>
      <c r="AB315" s="248"/>
      <c r="AC315" s="248"/>
      <c r="AD315" s="248"/>
      <c r="AE315" s="248"/>
      <c r="AF315" s="248"/>
      <c r="AG315" s="248"/>
      <c r="AH315" s="248"/>
      <c r="AI315" s="248"/>
      <c r="AJ315" s="248"/>
      <c r="AK315" s="248"/>
      <c r="AL315" s="248"/>
      <c r="AM315" s="248"/>
      <c r="AN315" s="248"/>
      <c r="AO315" s="248"/>
      <c r="AP315" s="248"/>
      <c r="AQ315" s="248"/>
      <c r="AR315" s="248"/>
      <c r="AS315" s="248"/>
    </row>
    <row r="316" spans="1:45">
      <c r="A316" s="43" t="s">
        <v>348</v>
      </c>
      <c r="B316" s="198">
        <v>12593</v>
      </c>
      <c r="C316" s="82">
        <v>5.1060011985267124</v>
      </c>
      <c r="D316" s="83">
        <v>2.7925078840023133E-2</v>
      </c>
      <c r="P316" s="248"/>
      <c r="Q316" s="248"/>
      <c r="R316" s="248"/>
      <c r="S316" s="248"/>
      <c r="T316" s="248"/>
      <c r="U316" s="248"/>
      <c r="V316" s="248"/>
      <c r="W316" s="248"/>
      <c r="X316" s="248"/>
      <c r="Y316" s="248"/>
      <c r="Z316" s="248"/>
      <c r="AA316" s="248"/>
      <c r="AB316" s="248"/>
      <c r="AC316" s="248"/>
      <c r="AD316" s="248"/>
      <c r="AE316" s="248"/>
      <c r="AF316" s="248"/>
      <c r="AG316" s="248"/>
      <c r="AH316" s="248"/>
      <c r="AI316" s="248"/>
      <c r="AJ316" s="248"/>
      <c r="AK316" s="248"/>
      <c r="AL316" s="248"/>
      <c r="AM316" s="248"/>
      <c r="AN316" s="248"/>
      <c r="AO316" s="248"/>
      <c r="AP316" s="248"/>
      <c r="AQ316" s="248"/>
      <c r="AR316" s="248"/>
      <c r="AS316" s="248"/>
    </row>
    <row r="317" spans="1:45">
      <c r="A317" s="47" t="s">
        <v>349</v>
      </c>
      <c r="B317" s="47">
        <v>9432</v>
      </c>
      <c r="C317" s="178">
        <v>4.9040010505054754</v>
      </c>
      <c r="D317" s="130">
        <v>3.3560466122883263E-2</v>
      </c>
      <c r="P317" s="248"/>
      <c r="Q317" s="248"/>
      <c r="R317" s="248"/>
      <c r="S317" s="248"/>
      <c r="T317" s="248"/>
      <c r="U317" s="248"/>
      <c r="V317" s="248"/>
      <c r="W317" s="248"/>
      <c r="X317" s="248"/>
      <c r="Y317" s="248"/>
      <c r="Z317" s="248"/>
      <c r="AA317" s="248"/>
      <c r="AB317" s="248"/>
      <c r="AC317" s="248"/>
      <c r="AD317" s="248"/>
      <c r="AE317" s="248"/>
      <c r="AF317" s="248"/>
      <c r="AG317" s="248"/>
      <c r="AH317" s="248"/>
      <c r="AI317" s="248"/>
      <c r="AJ317" s="248"/>
      <c r="AK317" s="248"/>
      <c r="AL317" s="248"/>
      <c r="AM317" s="248"/>
      <c r="AN317" s="248"/>
      <c r="AO317" s="248"/>
      <c r="AP317" s="248"/>
      <c r="AQ317" s="248"/>
      <c r="AR317" s="248"/>
      <c r="AS317" s="248"/>
    </row>
    <row r="318" spans="1:45">
      <c r="A318" s="43" t="s">
        <v>350</v>
      </c>
      <c r="B318" s="51">
        <v>3161</v>
      </c>
      <c r="C318" s="82">
        <v>5.2769408652534873</v>
      </c>
      <c r="D318" s="83">
        <v>4.6376554682555408E-2</v>
      </c>
      <c r="P318" s="248"/>
      <c r="Q318" s="248"/>
      <c r="R318" s="248"/>
      <c r="S318" s="248"/>
      <c r="T318" s="248"/>
      <c r="U318" s="248"/>
      <c r="V318" s="248"/>
      <c r="W318" s="248"/>
      <c r="X318" s="248"/>
      <c r="Y318" s="248"/>
      <c r="Z318" s="248"/>
      <c r="AA318" s="248"/>
      <c r="AB318" s="248"/>
      <c r="AC318" s="248"/>
      <c r="AD318" s="248"/>
      <c r="AE318" s="248"/>
      <c r="AF318" s="248"/>
      <c r="AG318" s="248"/>
      <c r="AH318" s="248"/>
      <c r="AI318" s="248"/>
      <c r="AJ318" s="248"/>
      <c r="AK318" s="248"/>
      <c r="AL318" s="248"/>
      <c r="AM318" s="248"/>
      <c r="AN318" s="248"/>
      <c r="AO318" s="248"/>
      <c r="AP318" s="248"/>
      <c r="AQ318" s="248"/>
      <c r="AR318" s="248"/>
      <c r="AS318" s="248"/>
    </row>
    <row r="319" spans="1:45">
      <c r="A319" s="47" t="s">
        <v>568</v>
      </c>
      <c r="B319" s="47">
        <v>10299</v>
      </c>
      <c r="C319" s="178">
        <v>5.1104088601332407</v>
      </c>
      <c r="D319" s="130">
        <v>3.0145727753200798E-2</v>
      </c>
      <c r="P319" s="248"/>
      <c r="Q319" s="248"/>
      <c r="R319" s="248"/>
      <c r="S319" s="248"/>
      <c r="T319" s="248"/>
      <c r="U319" s="248"/>
      <c r="V319" s="248"/>
      <c r="W319" s="248"/>
      <c r="X319" s="248"/>
      <c r="Y319" s="248"/>
      <c r="Z319" s="248"/>
      <c r="AA319" s="248"/>
      <c r="AB319" s="248"/>
      <c r="AC319" s="248"/>
      <c r="AD319" s="248"/>
      <c r="AE319" s="248"/>
      <c r="AF319" s="248"/>
      <c r="AG319" s="248"/>
      <c r="AH319" s="248"/>
      <c r="AI319" s="248"/>
      <c r="AJ319" s="248"/>
      <c r="AK319" s="248"/>
      <c r="AL319" s="248"/>
      <c r="AM319" s="248"/>
      <c r="AN319" s="248"/>
      <c r="AO319" s="248"/>
      <c r="AP319" s="248"/>
      <c r="AQ319" s="248"/>
      <c r="AR319" s="248"/>
      <c r="AS319" s="248"/>
    </row>
    <row r="320" spans="1:45">
      <c r="A320" s="43" t="s">
        <v>569</v>
      </c>
      <c r="B320" s="51">
        <v>2294</v>
      </c>
      <c r="C320" s="82">
        <v>4.5910940246635059</v>
      </c>
      <c r="D320" s="83">
        <v>6.9980873853493802E-2</v>
      </c>
      <c r="P320" s="248"/>
      <c r="Q320" s="248"/>
      <c r="R320" s="248"/>
      <c r="S320" s="248"/>
      <c r="T320" s="248"/>
      <c r="U320" s="248"/>
      <c r="V320" s="248"/>
      <c r="W320" s="248"/>
      <c r="X320" s="248"/>
      <c r="Y320" s="248"/>
      <c r="Z320" s="248"/>
      <c r="AA320" s="248"/>
      <c r="AB320" s="248"/>
      <c r="AC320" s="248"/>
      <c r="AD320" s="248"/>
      <c r="AE320" s="248"/>
      <c r="AF320" s="248"/>
      <c r="AG320" s="248"/>
      <c r="AH320" s="248"/>
      <c r="AI320" s="248"/>
      <c r="AJ320" s="248"/>
      <c r="AK320" s="248"/>
      <c r="AL320" s="248"/>
      <c r="AM320" s="248"/>
      <c r="AN320" s="248"/>
      <c r="AO320" s="248"/>
      <c r="AP320" s="248"/>
      <c r="AQ320" s="248"/>
      <c r="AR320" s="248"/>
      <c r="AS320" s="248"/>
    </row>
    <row r="321" spans="1:45">
      <c r="A321" s="47" t="s">
        <v>570</v>
      </c>
      <c r="B321" s="47">
        <v>590</v>
      </c>
      <c r="C321" s="178">
        <v>4.6000726368524063</v>
      </c>
      <c r="D321" s="130">
        <v>0.13165965829887594</v>
      </c>
      <c r="P321" s="248"/>
      <c r="Q321" s="248"/>
      <c r="R321" s="248"/>
      <c r="S321" s="248"/>
      <c r="T321" s="248"/>
      <c r="U321" s="248"/>
      <c r="V321" s="248"/>
      <c r="W321" s="248"/>
      <c r="X321" s="248"/>
      <c r="Y321" s="248"/>
      <c r="Z321" s="248"/>
      <c r="AA321" s="248"/>
      <c r="AB321" s="248"/>
      <c r="AC321" s="248"/>
      <c r="AD321" s="248"/>
      <c r="AE321" s="248"/>
      <c r="AF321" s="248"/>
      <c r="AG321" s="248"/>
      <c r="AH321" s="248"/>
      <c r="AI321" s="248"/>
      <c r="AJ321" s="248"/>
      <c r="AK321" s="248"/>
      <c r="AL321" s="248"/>
      <c r="AM321" s="248"/>
      <c r="AN321" s="248"/>
      <c r="AO321" s="248"/>
      <c r="AP321" s="248"/>
      <c r="AQ321" s="248"/>
      <c r="AR321" s="248"/>
      <c r="AS321" s="248"/>
    </row>
    <row r="322" spans="1:45">
      <c r="A322" s="43" t="s">
        <v>571</v>
      </c>
      <c r="B322" s="51">
        <v>1237</v>
      </c>
      <c r="C322" s="82">
        <v>4.4702443533551728</v>
      </c>
      <c r="D322" s="83">
        <v>9.6633210733550384E-2</v>
      </c>
      <c r="P322" s="248"/>
      <c r="Q322" s="248"/>
      <c r="R322" s="248"/>
      <c r="S322" s="248"/>
      <c r="T322" s="248"/>
      <c r="U322" s="248"/>
      <c r="V322" s="248"/>
      <c r="W322" s="248"/>
      <c r="X322" s="248"/>
      <c r="Y322" s="248"/>
      <c r="Z322" s="248"/>
      <c r="AA322" s="248"/>
      <c r="AB322" s="248"/>
      <c r="AC322" s="248"/>
      <c r="AD322" s="248"/>
      <c r="AE322" s="248"/>
      <c r="AF322" s="248"/>
      <c r="AG322" s="248"/>
      <c r="AH322" s="248"/>
      <c r="AI322" s="248"/>
      <c r="AJ322" s="248"/>
      <c r="AK322" s="248"/>
      <c r="AL322" s="248"/>
      <c r="AM322" s="248"/>
      <c r="AN322" s="248"/>
      <c r="AO322" s="248"/>
      <c r="AP322" s="248"/>
      <c r="AQ322" s="248"/>
      <c r="AR322" s="248"/>
      <c r="AS322" s="248"/>
    </row>
    <row r="323" spans="1:45">
      <c r="A323" s="47" t="s">
        <v>582</v>
      </c>
      <c r="B323" s="47">
        <v>825</v>
      </c>
      <c r="C323" s="178">
        <v>4.4218315183765649</v>
      </c>
      <c r="D323" s="130">
        <v>0.11742823673795628</v>
      </c>
      <c r="P323" s="248"/>
      <c r="Q323" s="248"/>
      <c r="R323" s="248"/>
      <c r="S323" s="248"/>
      <c r="T323" s="248"/>
      <c r="U323" s="248"/>
      <c r="V323" s="248"/>
      <c r="W323" s="248"/>
      <c r="X323" s="248"/>
      <c r="Y323" s="248"/>
      <c r="Z323" s="248"/>
      <c r="AA323" s="248"/>
      <c r="AB323" s="248"/>
      <c r="AC323" s="248"/>
      <c r="AD323" s="248"/>
      <c r="AE323" s="248"/>
      <c r="AF323" s="248"/>
      <c r="AG323" s="248"/>
      <c r="AH323" s="248"/>
      <c r="AI323" s="248"/>
      <c r="AJ323" s="248"/>
      <c r="AK323" s="248"/>
      <c r="AL323" s="248"/>
      <c r="AM323" s="248"/>
      <c r="AN323" s="248"/>
      <c r="AO323" s="248"/>
      <c r="AP323" s="248"/>
      <c r="AQ323" s="248"/>
      <c r="AR323" s="248"/>
      <c r="AS323" s="248"/>
    </row>
    <row r="324" spans="1:45">
      <c r="A324" s="43" t="s">
        <v>583</v>
      </c>
      <c r="B324" s="51">
        <v>1469</v>
      </c>
      <c r="C324" s="82">
        <v>4.6561594381132503</v>
      </c>
      <c r="D324" s="83">
        <v>8.6609812057574301E-2</v>
      </c>
      <c r="P324" s="248"/>
      <c r="Q324" s="248"/>
      <c r="R324" s="248"/>
      <c r="S324" s="248"/>
      <c r="T324" s="248"/>
      <c r="U324" s="248"/>
      <c r="V324" s="248"/>
      <c r="W324" s="248"/>
      <c r="X324" s="248"/>
      <c r="Y324" s="248"/>
      <c r="Z324" s="248"/>
      <c r="AA324" s="248"/>
      <c r="AB324" s="248"/>
      <c r="AC324" s="248"/>
      <c r="AD324" s="248"/>
      <c r="AE324" s="248"/>
      <c r="AF324" s="248"/>
      <c r="AG324" s="248"/>
      <c r="AH324" s="248"/>
      <c r="AI324" s="248"/>
      <c r="AJ324" s="248"/>
      <c r="AK324" s="248"/>
      <c r="AL324" s="248"/>
      <c r="AM324" s="248"/>
      <c r="AN324" s="248"/>
      <c r="AO324" s="248"/>
      <c r="AP324" s="248"/>
      <c r="AQ324" s="248"/>
      <c r="AR324" s="248"/>
      <c r="AS324" s="248"/>
    </row>
    <row r="325" spans="1:45">
      <c r="A325" s="47" t="s">
        <v>572</v>
      </c>
      <c r="B325" s="47">
        <v>282</v>
      </c>
      <c r="C325" s="178">
        <v>4.7721849853897185</v>
      </c>
      <c r="D325" s="130">
        <v>0.19037942354040602</v>
      </c>
      <c r="P325" s="248"/>
      <c r="Q325" s="248"/>
      <c r="R325" s="248"/>
      <c r="S325" s="248"/>
      <c r="T325" s="248"/>
      <c r="U325" s="248"/>
      <c r="V325" s="248"/>
      <c r="W325" s="248"/>
      <c r="X325" s="248"/>
      <c r="Y325" s="248"/>
      <c r="Z325" s="248"/>
      <c r="AA325" s="248"/>
      <c r="AB325" s="248"/>
      <c r="AC325" s="248"/>
      <c r="AD325" s="248"/>
      <c r="AE325" s="248"/>
      <c r="AF325" s="248"/>
      <c r="AG325" s="248"/>
      <c r="AH325" s="248"/>
      <c r="AI325" s="248"/>
      <c r="AJ325" s="248"/>
      <c r="AK325" s="248"/>
      <c r="AL325" s="248"/>
      <c r="AM325" s="248"/>
      <c r="AN325" s="248"/>
      <c r="AO325" s="248"/>
      <c r="AP325" s="248"/>
      <c r="AQ325" s="248"/>
      <c r="AR325" s="248"/>
      <c r="AS325" s="248"/>
    </row>
    <row r="326" spans="1:45">
      <c r="A326" s="43" t="s">
        <v>573</v>
      </c>
      <c r="B326" s="198">
        <v>433</v>
      </c>
      <c r="C326" s="82">
        <v>4.4124548346981562</v>
      </c>
      <c r="D326" s="83">
        <v>0.15927454077781233</v>
      </c>
      <c r="P326" s="248"/>
      <c r="Q326" s="248"/>
      <c r="R326" s="248"/>
      <c r="S326" s="248"/>
      <c r="T326" s="248"/>
      <c r="U326" s="248"/>
      <c r="V326" s="248"/>
      <c r="W326" s="248"/>
      <c r="X326" s="248"/>
      <c r="Y326" s="248"/>
      <c r="Z326" s="248"/>
      <c r="AA326" s="248"/>
      <c r="AB326" s="248"/>
      <c r="AC326" s="248"/>
      <c r="AD326" s="248"/>
      <c r="AE326" s="248"/>
      <c r="AF326" s="248"/>
      <c r="AG326" s="248"/>
      <c r="AH326" s="248"/>
      <c r="AI326" s="248"/>
      <c r="AJ326" s="248"/>
      <c r="AK326" s="248"/>
      <c r="AL326" s="248"/>
      <c r="AM326" s="248"/>
      <c r="AN326" s="248"/>
      <c r="AO326" s="248"/>
      <c r="AP326" s="248"/>
      <c r="AQ326" s="248"/>
      <c r="AR326" s="248"/>
      <c r="AS326" s="248"/>
    </row>
    <row r="327" spans="1:45">
      <c r="A327" s="47" t="s">
        <v>574</v>
      </c>
      <c r="B327" s="199">
        <v>661</v>
      </c>
      <c r="C327" s="178">
        <v>4.3203760636189603</v>
      </c>
      <c r="D327" s="130">
        <v>0.12830094454713351</v>
      </c>
      <c r="P327" s="248"/>
      <c r="Q327" s="248"/>
      <c r="R327" s="248"/>
      <c r="S327" s="248"/>
      <c r="T327" s="248"/>
      <c r="U327" s="248"/>
      <c r="V327" s="248"/>
      <c r="W327" s="248"/>
      <c r="X327" s="248"/>
      <c r="Y327" s="248"/>
      <c r="Z327" s="248"/>
      <c r="AA327" s="248"/>
      <c r="AB327" s="248"/>
      <c r="AC327" s="248"/>
      <c r="AD327" s="248"/>
      <c r="AE327" s="248"/>
      <c r="AF327" s="248"/>
      <c r="AG327" s="248"/>
      <c r="AH327" s="248"/>
      <c r="AI327" s="248"/>
      <c r="AJ327" s="248"/>
      <c r="AK327" s="248"/>
      <c r="AL327" s="248"/>
      <c r="AM327" s="248"/>
      <c r="AN327" s="248"/>
      <c r="AO327" s="248"/>
      <c r="AP327" s="248"/>
      <c r="AQ327" s="248"/>
      <c r="AR327" s="248"/>
      <c r="AS327" s="248"/>
    </row>
    <row r="328" spans="1:45">
      <c r="A328" s="43" t="s">
        <v>575</v>
      </c>
      <c r="B328" s="52">
        <v>896</v>
      </c>
      <c r="C328" s="82">
        <v>4.7780304383949144</v>
      </c>
      <c r="D328" s="83">
        <v>0.11321185771953532</v>
      </c>
      <c r="P328" s="248"/>
      <c r="Q328" s="248"/>
      <c r="R328" s="248"/>
      <c r="S328" s="248"/>
      <c r="T328" s="248"/>
      <c r="U328" s="248"/>
      <c r="V328" s="248"/>
      <c r="W328" s="248"/>
      <c r="X328" s="248"/>
      <c r="Y328" s="248"/>
      <c r="Z328" s="248"/>
      <c r="AA328" s="248"/>
      <c r="AB328" s="248"/>
      <c r="AC328" s="248"/>
      <c r="AD328" s="248"/>
      <c r="AE328" s="248"/>
      <c r="AF328" s="248"/>
      <c r="AG328" s="248"/>
      <c r="AH328" s="248"/>
      <c r="AI328" s="248"/>
      <c r="AJ328" s="248"/>
      <c r="AK328" s="248"/>
      <c r="AL328" s="248"/>
      <c r="AM328" s="248"/>
      <c r="AN328" s="248"/>
      <c r="AO328" s="248"/>
      <c r="AP328" s="248"/>
      <c r="AQ328" s="248"/>
      <c r="AR328" s="248"/>
      <c r="AS328" s="248"/>
    </row>
    <row r="329" spans="1:45">
      <c r="A329" s="47" t="s">
        <v>576</v>
      </c>
      <c r="B329" s="199">
        <v>736</v>
      </c>
      <c r="C329" s="178">
        <v>4.5794237711224586</v>
      </c>
      <c r="D329" s="130">
        <v>0.12628891559293043</v>
      </c>
      <c r="P329" s="248"/>
      <c r="Q329" s="248"/>
      <c r="R329" s="248"/>
      <c r="S329" s="248"/>
      <c r="T329" s="248"/>
      <c r="U329" s="248"/>
      <c r="V329" s="248"/>
      <c r="W329" s="248"/>
      <c r="X329" s="248"/>
      <c r="Y329" s="248"/>
      <c r="Z329" s="248"/>
      <c r="AA329" s="248"/>
      <c r="AB329" s="248"/>
      <c r="AC329" s="248"/>
      <c r="AD329" s="248"/>
      <c r="AE329" s="248"/>
      <c r="AF329" s="248"/>
      <c r="AG329" s="248"/>
      <c r="AH329" s="248"/>
      <c r="AI329" s="248"/>
      <c r="AJ329" s="248"/>
      <c r="AK329" s="248"/>
      <c r="AL329" s="248"/>
      <c r="AM329" s="248"/>
      <c r="AN329" s="248"/>
      <c r="AO329" s="248"/>
      <c r="AP329" s="248"/>
      <c r="AQ329" s="248"/>
      <c r="AR329" s="248"/>
      <c r="AS329" s="248"/>
    </row>
    <row r="330" spans="1:45">
      <c r="A330" s="55" t="s">
        <v>577</v>
      </c>
      <c r="B330" s="198">
        <v>731</v>
      </c>
      <c r="C330" s="82">
        <v>4.7820249259298384</v>
      </c>
      <c r="D330" s="83">
        <v>0.11524864516073163</v>
      </c>
      <c r="P330" s="248"/>
      <c r="Q330" s="248"/>
      <c r="R330" s="248"/>
      <c r="S330" s="248"/>
      <c r="T330" s="248"/>
      <c r="U330" s="248"/>
      <c r="V330" s="248"/>
      <c r="W330" s="248"/>
      <c r="X330" s="248"/>
      <c r="Y330" s="248"/>
      <c r="Z330" s="248"/>
      <c r="AA330" s="248"/>
      <c r="AB330" s="248"/>
      <c r="AC330" s="248"/>
      <c r="AD330" s="248"/>
      <c r="AE330" s="248"/>
      <c r="AF330" s="248"/>
      <c r="AG330" s="248"/>
      <c r="AH330" s="248"/>
      <c r="AI330" s="248"/>
      <c r="AJ330" s="248"/>
      <c r="AK330" s="248"/>
      <c r="AL330" s="248"/>
      <c r="AM330" s="248"/>
      <c r="AN330" s="248"/>
      <c r="AO330" s="248"/>
      <c r="AP330" s="248"/>
      <c r="AQ330" s="248"/>
      <c r="AR330" s="248"/>
      <c r="AS330" s="248"/>
    </row>
    <row r="331" spans="1:45">
      <c r="A331" s="47" t="s">
        <v>578</v>
      </c>
      <c r="B331" s="199">
        <v>252</v>
      </c>
      <c r="C331" s="178">
        <v>4.3963781234877244</v>
      </c>
      <c r="D331" s="130">
        <v>0.21337741170720334</v>
      </c>
      <c r="P331" s="248"/>
      <c r="Q331" s="248"/>
      <c r="R331" s="248"/>
      <c r="S331" s="248"/>
      <c r="T331" s="248"/>
      <c r="U331" s="248"/>
      <c r="V331" s="248"/>
      <c r="W331" s="248"/>
      <c r="X331" s="248"/>
      <c r="Y331" s="248"/>
      <c r="Z331" s="248"/>
      <c r="AA331" s="248"/>
      <c r="AB331" s="248"/>
      <c r="AC331" s="248"/>
      <c r="AD331" s="248"/>
      <c r="AE331" s="248"/>
      <c r="AF331" s="248"/>
      <c r="AG331" s="248"/>
      <c r="AH331" s="248"/>
      <c r="AI331" s="248"/>
      <c r="AJ331" s="248"/>
      <c r="AK331" s="248"/>
      <c r="AL331" s="248"/>
      <c r="AM331" s="248"/>
      <c r="AN331" s="248"/>
      <c r="AO331" s="248"/>
      <c r="AP331" s="248"/>
      <c r="AQ331" s="248"/>
      <c r="AR331" s="248"/>
      <c r="AS331" s="248"/>
    </row>
    <row r="332" spans="1:45">
      <c r="A332" s="55" t="s">
        <v>579</v>
      </c>
      <c r="B332" s="198">
        <v>216</v>
      </c>
      <c r="C332" s="82">
        <v>4.4373504607586431</v>
      </c>
      <c r="D332" s="83">
        <v>0.24497186172036198</v>
      </c>
      <c r="P332" s="248"/>
      <c r="Q332" s="248"/>
      <c r="R332" s="248"/>
      <c r="S332" s="248"/>
      <c r="T332" s="248"/>
      <c r="U332" s="248"/>
      <c r="V332" s="248"/>
      <c r="W332" s="248"/>
      <c r="X332" s="248"/>
      <c r="Y332" s="248"/>
      <c r="Z332" s="248"/>
      <c r="AA332" s="248"/>
      <c r="AB332" s="248"/>
      <c r="AC332" s="248"/>
      <c r="AD332" s="248"/>
      <c r="AE332" s="248"/>
      <c r="AF332" s="248"/>
      <c r="AG332" s="248"/>
      <c r="AH332" s="248"/>
      <c r="AI332" s="248"/>
      <c r="AJ332" s="248"/>
      <c r="AK332" s="248"/>
      <c r="AL332" s="248"/>
      <c r="AM332" s="248"/>
      <c r="AN332" s="248"/>
      <c r="AO332" s="248"/>
      <c r="AP332" s="248"/>
      <c r="AQ332" s="248"/>
      <c r="AR332" s="248"/>
      <c r="AS332" s="248"/>
    </row>
    <row r="333" spans="1:45">
      <c r="A333" s="47" t="s">
        <v>580</v>
      </c>
      <c r="B333" s="199">
        <v>217</v>
      </c>
      <c r="C333" s="178">
        <v>4.4521904888745407</v>
      </c>
      <c r="D333" s="130">
        <v>0.23661919244271504</v>
      </c>
      <c r="P333" s="248"/>
      <c r="Q333" s="248"/>
      <c r="R333" s="248"/>
      <c r="S333" s="248"/>
      <c r="T333" s="248"/>
      <c r="U333" s="248"/>
      <c r="V333" s="248"/>
      <c r="W333" s="248"/>
      <c r="X333" s="248"/>
      <c r="Y333" s="248"/>
      <c r="Z333" s="248"/>
      <c r="AA333" s="248"/>
      <c r="AB333" s="248"/>
      <c r="AC333" s="248"/>
      <c r="AD333" s="248"/>
      <c r="AE333" s="248"/>
      <c r="AF333" s="248"/>
      <c r="AG333" s="248"/>
      <c r="AH333" s="248"/>
      <c r="AI333" s="248"/>
      <c r="AJ333" s="248"/>
      <c r="AK333" s="248"/>
      <c r="AL333" s="248"/>
      <c r="AM333" s="248"/>
      <c r="AN333" s="248"/>
      <c r="AO333" s="248"/>
      <c r="AP333" s="248"/>
      <c r="AQ333" s="248"/>
      <c r="AR333" s="248"/>
      <c r="AS333" s="248"/>
    </row>
    <row r="334" spans="1:45">
      <c r="A334" s="55" t="s">
        <v>581</v>
      </c>
      <c r="B334" s="198">
        <v>116</v>
      </c>
      <c r="C334" s="82">
        <v>4.5139232589908769</v>
      </c>
      <c r="D334" s="83">
        <v>0.30469553665315002</v>
      </c>
      <c r="P334" s="248"/>
      <c r="Q334" s="248"/>
      <c r="R334" s="248"/>
      <c r="S334" s="248"/>
      <c r="T334" s="248"/>
      <c r="U334" s="248"/>
      <c r="V334" s="248"/>
      <c r="W334" s="248"/>
      <c r="X334" s="248"/>
      <c r="Y334" s="248"/>
      <c r="Z334" s="248"/>
      <c r="AA334" s="248"/>
      <c r="AB334" s="248"/>
      <c r="AC334" s="248"/>
      <c r="AD334" s="248"/>
      <c r="AE334" s="248"/>
      <c r="AF334" s="248"/>
      <c r="AG334" s="248"/>
      <c r="AH334" s="248"/>
      <c r="AI334" s="248"/>
      <c r="AJ334" s="248"/>
      <c r="AK334" s="248"/>
      <c r="AL334" s="248"/>
      <c r="AM334" s="248"/>
      <c r="AN334" s="248"/>
      <c r="AO334" s="248"/>
      <c r="AP334" s="248"/>
      <c r="AQ334" s="248"/>
      <c r="AR334" s="248"/>
      <c r="AS334" s="248"/>
    </row>
    <row r="335" spans="1:45">
      <c r="A335" s="47" t="s">
        <v>584</v>
      </c>
      <c r="B335" s="199">
        <v>106</v>
      </c>
      <c r="C335" s="178">
        <v>5.1863297693492312</v>
      </c>
      <c r="D335" s="130">
        <v>0.28059889078608863</v>
      </c>
      <c r="P335" s="248"/>
      <c r="Q335" s="248"/>
      <c r="R335" s="248"/>
      <c r="S335" s="248"/>
      <c r="T335" s="248"/>
      <c r="U335" s="248"/>
      <c r="V335" s="248"/>
      <c r="W335" s="248"/>
      <c r="X335" s="248"/>
      <c r="Y335" s="248"/>
      <c r="Z335" s="248"/>
      <c r="AA335" s="248"/>
      <c r="AB335" s="248"/>
      <c r="AC335" s="248"/>
      <c r="AD335" s="248"/>
      <c r="AE335" s="248"/>
      <c r="AF335" s="248"/>
      <c r="AG335" s="248"/>
      <c r="AH335" s="248"/>
      <c r="AI335" s="248"/>
      <c r="AJ335" s="248"/>
      <c r="AK335" s="248"/>
      <c r="AL335" s="248"/>
      <c r="AM335" s="248"/>
      <c r="AN335" s="248"/>
      <c r="AO335" s="248"/>
      <c r="AP335" s="248"/>
      <c r="AQ335" s="248"/>
      <c r="AR335" s="248"/>
      <c r="AS335" s="248"/>
    </row>
    <row r="336" spans="1:45">
      <c r="A336" s="55" t="s">
        <v>585</v>
      </c>
      <c r="B336" s="198">
        <v>2188</v>
      </c>
      <c r="C336" s="82">
        <v>4.4912645628403967</v>
      </c>
      <c r="D336" s="83">
        <v>7.1803085962145186E-2</v>
      </c>
      <c r="P336" s="248"/>
      <c r="Q336" s="248"/>
      <c r="R336" s="248"/>
      <c r="S336" s="248"/>
      <c r="T336" s="248"/>
      <c r="U336" s="248"/>
      <c r="V336" s="248"/>
      <c r="W336" s="248"/>
      <c r="X336" s="248"/>
      <c r="Y336" s="248"/>
      <c r="Z336" s="248"/>
      <c r="AA336" s="248"/>
      <c r="AB336" s="248"/>
      <c r="AC336" s="248"/>
      <c r="AD336" s="248"/>
      <c r="AE336" s="248"/>
      <c r="AF336" s="248"/>
      <c r="AG336" s="248"/>
      <c r="AH336" s="248"/>
      <c r="AI336" s="248"/>
      <c r="AJ336" s="248"/>
      <c r="AK336" s="248"/>
      <c r="AL336" s="248"/>
      <c r="AM336" s="248"/>
      <c r="AN336" s="248"/>
      <c r="AO336" s="248"/>
      <c r="AP336" s="248"/>
      <c r="AQ336" s="248"/>
      <c r="AR336" s="248"/>
      <c r="AS336" s="248"/>
    </row>
    <row r="337" spans="1:45">
      <c r="A337" s="47" t="s">
        <v>620</v>
      </c>
      <c r="B337" s="199">
        <v>149</v>
      </c>
      <c r="C337" s="178">
        <v>4.9067432142744485</v>
      </c>
      <c r="D337" s="130">
        <v>0.24224817961656384</v>
      </c>
      <c r="P337" s="248"/>
      <c r="Q337" s="248"/>
      <c r="R337" s="248"/>
      <c r="S337" s="248"/>
      <c r="T337" s="248"/>
      <c r="U337" s="248"/>
      <c r="V337" s="248"/>
      <c r="W337" s="248"/>
      <c r="X337" s="248"/>
      <c r="Y337" s="248"/>
      <c r="Z337" s="248"/>
      <c r="AA337" s="248"/>
      <c r="AB337" s="248"/>
      <c r="AC337" s="248"/>
      <c r="AD337" s="248"/>
      <c r="AE337" s="248"/>
      <c r="AF337" s="248"/>
      <c r="AG337" s="248"/>
      <c r="AH337" s="248"/>
      <c r="AI337" s="248"/>
      <c r="AJ337" s="248"/>
      <c r="AK337" s="248"/>
      <c r="AL337" s="248"/>
      <c r="AM337" s="248"/>
      <c r="AN337" s="248"/>
      <c r="AO337" s="248"/>
      <c r="AP337" s="248"/>
      <c r="AQ337" s="248"/>
      <c r="AR337" s="248"/>
      <c r="AS337" s="248"/>
    </row>
    <row r="338" spans="1:45">
      <c r="A338" s="55" t="s">
        <v>621</v>
      </c>
      <c r="B338" s="198">
        <v>157</v>
      </c>
      <c r="C338" s="82">
        <v>4.797786539020934</v>
      </c>
      <c r="D338" s="83">
        <v>0.26679576701360064</v>
      </c>
      <c r="P338" s="248"/>
      <c r="Q338" s="248"/>
      <c r="R338" s="248"/>
      <c r="S338" s="248"/>
      <c r="T338" s="248"/>
      <c r="U338" s="248"/>
      <c r="V338" s="248"/>
      <c r="W338" s="248"/>
      <c r="X338" s="248"/>
      <c r="Y338" s="248"/>
      <c r="Z338" s="248"/>
      <c r="AA338" s="248"/>
      <c r="AB338" s="248"/>
      <c r="AC338" s="248"/>
      <c r="AD338" s="248"/>
      <c r="AE338" s="248"/>
      <c r="AF338" s="248"/>
      <c r="AG338" s="248"/>
      <c r="AH338" s="248"/>
      <c r="AI338" s="248"/>
      <c r="AJ338" s="248"/>
      <c r="AK338" s="248"/>
      <c r="AL338" s="248"/>
      <c r="AM338" s="248"/>
      <c r="AN338" s="248"/>
      <c r="AO338" s="248"/>
      <c r="AP338" s="248"/>
      <c r="AQ338" s="248"/>
      <c r="AR338" s="248"/>
      <c r="AS338" s="248"/>
    </row>
    <row r="339" spans="1:45">
      <c r="A339" s="47" t="s">
        <v>622</v>
      </c>
      <c r="B339" s="199">
        <v>967</v>
      </c>
      <c r="C339" s="178">
        <v>4.4028891289700018</v>
      </c>
      <c r="D339" s="130">
        <v>0.10915617843772837</v>
      </c>
      <c r="P339" s="248"/>
      <c r="Q339" s="248"/>
      <c r="R339" s="248"/>
      <c r="S339" s="248"/>
      <c r="T339" s="248"/>
      <c r="U339" s="248"/>
      <c r="V339" s="248"/>
      <c r="W339" s="248"/>
      <c r="X339" s="248"/>
      <c r="Y339" s="248"/>
      <c r="Z339" s="248"/>
      <c r="AA339" s="248"/>
      <c r="AB339" s="248"/>
      <c r="AC339" s="248"/>
      <c r="AD339" s="248"/>
      <c r="AE339" s="248"/>
      <c r="AF339" s="248"/>
      <c r="AG339" s="248"/>
      <c r="AH339" s="248"/>
      <c r="AI339" s="248"/>
      <c r="AJ339" s="248"/>
      <c r="AK339" s="248"/>
      <c r="AL339" s="248"/>
      <c r="AM339" s="248"/>
      <c r="AN339" s="248"/>
      <c r="AO339" s="248"/>
      <c r="AP339" s="248"/>
      <c r="AQ339" s="248"/>
      <c r="AR339" s="248"/>
      <c r="AS339" s="248"/>
    </row>
    <row r="340" spans="1:45">
      <c r="A340" s="55" t="s">
        <v>623</v>
      </c>
      <c r="B340" s="198">
        <v>290</v>
      </c>
      <c r="C340" s="82">
        <v>4.6382785451952255</v>
      </c>
      <c r="D340" s="83">
        <v>0.18866964104186953</v>
      </c>
      <c r="P340" s="248"/>
      <c r="Q340" s="248"/>
      <c r="R340" s="248"/>
      <c r="S340" s="248"/>
      <c r="T340" s="248"/>
      <c r="U340" s="248"/>
      <c r="V340" s="248"/>
      <c r="W340" s="248"/>
      <c r="X340" s="248"/>
      <c r="Y340" s="248"/>
      <c r="Z340" s="248"/>
      <c r="AA340" s="248"/>
      <c r="AB340" s="248"/>
      <c r="AC340" s="248"/>
      <c r="AD340" s="248"/>
      <c r="AE340" s="248"/>
      <c r="AF340" s="248"/>
      <c r="AG340" s="248"/>
      <c r="AH340" s="248"/>
      <c r="AI340" s="248"/>
      <c r="AJ340" s="248"/>
      <c r="AK340" s="248"/>
      <c r="AL340" s="248"/>
      <c r="AM340" s="248"/>
      <c r="AN340" s="248"/>
      <c r="AO340" s="248"/>
      <c r="AP340" s="248"/>
      <c r="AQ340" s="248"/>
      <c r="AR340" s="248"/>
      <c r="AS340" s="248"/>
    </row>
    <row r="341" spans="1:45">
      <c r="A341" s="47" t="s">
        <v>624</v>
      </c>
      <c r="B341" s="199">
        <v>314</v>
      </c>
      <c r="C341" s="178">
        <v>4.1831326058295923</v>
      </c>
      <c r="D341" s="130">
        <v>0.19622558056674377</v>
      </c>
      <c r="P341" s="248"/>
      <c r="Q341" s="248"/>
      <c r="R341" s="248"/>
      <c r="S341" s="248"/>
      <c r="T341" s="248"/>
      <c r="U341" s="248"/>
      <c r="V341" s="248"/>
      <c r="W341" s="248"/>
      <c r="X341" s="248"/>
      <c r="Y341" s="248"/>
      <c r="Z341" s="248"/>
      <c r="AA341" s="248"/>
      <c r="AB341" s="248"/>
      <c r="AC341" s="248"/>
      <c r="AD341" s="248"/>
      <c r="AE341" s="248"/>
      <c r="AF341" s="248"/>
      <c r="AG341" s="248"/>
      <c r="AH341" s="248"/>
      <c r="AI341" s="248"/>
      <c r="AJ341" s="248"/>
      <c r="AK341" s="248"/>
      <c r="AL341" s="248"/>
      <c r="AM341" s="248"/>
      <c r="AN341" s="248"/>
      <c r="AO341" s="248"/>
      <c r="AP341" s="248"/>
      <c r="AQ341" s="248"/>
      <c r="AR341" s="248"/>
      <c r="AS341" s="248"/>
    </row>
    <row r="342" spans="1:45">
      <c r="A342" s="55" t="s">
        <v>625</v>
      </c>
      <c r="B342" s="198">
        <v>1144</v>
      </c>
      <c r="C342" s="82">
        <v>4.6117177513955614</v>
      </c>
      <c r="D342" s="83">
        <v>9.9670777852181244E-2</v>
      </c>
      <c r="P342" s="248"/>
      <c r="Q342" s="248"/>
      <c r="R342" s="248"/>
      <c r="S342" s="248"/>
      <c r="T342" s="248"/>
      <c r="U342" s="248"/>
      <c r="V342" s="248"/>
      <c r="W342" s="248"/>
      <c r="X342" s="248"/>
      <c r="Y342" s="248"/>
      <c r="Z342" s="248"/>
      <c r="AA342" s="248"/>
      <c r="AB342" s="248"/>
      <c r="AC342" s="248"/>
      <c r="AD342" s="248"/>
      <c r="AE342" s="248"/>
      <c r="AF342" s="248"/>
      <c r="AG342" s="248"/>
      <c r="AH342" s="248"/>
      <c r="AI342" s="248"/>
      <c r="AJ342" s="248"/>
      <c r="AK342" s="248"/>
      <c r="AL342" s="248"/>
      <c r="AM342" s="248"/>
      <c r="AN342" s="248"/>
      <c r="AO342" s="248"/>
      <c r="AP342" s="248"/>
      <c r="AQ342" s="248"/>
      <c r="AR342" s="248"/>
      <c r="AS342" s="248"/>
    </row>
    <row r="343" spans="1:45">
      <c r="A343" s="47" t="s">
        <v>626</v>
      </c>
      <c r="B343" s="199">
        <v>1149</v>
      </c>
      <c r="C343" s="178">
        <v>4.5434267828025527</v>
      </c>
      <c r="D343" s="130">
        <v>9.8345685347431266E-2</v>
      </c>
      <c r="P343" s="248"/>
      <c r="Q343" s="248"/>
      <c r="R343" s="248"/>
      <c r="S343" s="248"/>
      <c r="T343" s="248"/>
      <c r="U343" s="248"/>
      <c r="V343" s="248"/>
      <c r="W343" s="248"/>
      <c r="X343" s="248"/>
      <c r="Y343" s="248"/>
      <c r="Z343" s="248"/>
      <c r="AA343" s="248"/>
      <c r="AB343" s="248"/>
      <c r="AC343" s="248"/>
      <c r="AD343" s="248"/>
      <c r="AE343" s="248"/>
      <c r="AF343" s="248"/>
      <c r="AG343" s="248"/>
      <c r="AH343" s="248"/>
      <c r="AI343" s="248"/>
      <c r="AJ343" s="248"/>
      <c r="AK343" s="248"/>
      <c r="AL343" s="248"/>
      <c r="AM343" s="248"/>
      <c r="AN343" s="248"/>
      <c r="AO343" s="248"/>
      <c r="AP343" s="248"/>
      <c r="AQ343" s="248"/>
      <c r="AR343" s="248"/>
      <c r="AS343" s="248"/>
    </row>
    <row r="344" spans="1:45">
      <c r="A344" s="55" t="s">
        <v>627</v>
      </c>
      <c r="B344" s="198">
        <v>339</v>
      </c>
      <c r="C344" s="82">
        <v>4.2623294050717524</v>
      </c>
      <c r="D344" s="83">
        <v>0.18780320606116896</v>
      </c>
      <c r="P344" s="248"/>
      <c r="Q344" s="248"/>
      <c r="R344" s="248"/>
      <c r="S344" s="248"/>
      <c r="T344" s="248"/>
      <c r="U344" s="248"/>
      <c r="V344" s="248"/>
      <c r="W344" s="248"/>
      <c r="X344" s="248"/>
      <c r="Y344" s="248"/>
      <c r="Z344" s="248"/>
      <c r="AA344" s="248"/>
      <c r="AB344" s="248"/>
      <c r="AC344" s="248"/>
      <c r="AD344" s="248"/>
      <c r="AE344" s="248"/>
      <c r="AF344" s="248"/>
      <c r="AG344" s="248"/>
      <c r="AH344" s="248"/>
      <c r="AI344" s="248"/>
      <c r="AJ344" s="248"/>
      <c r="AK344" s="248"/>
      <c r="AL344" s="248"/>
      <c r="AM344" s="248"/>
      <c r="AN344" s="248"/>
      <c r="AO344" s="248"/>
      <c r="AP344" s="248"/>
      <c r="AQ344" s="248"/>
      <c r="AR344" s="248"/>
      <c r="AS344" s="248"/>
    </row>
    <row r="345" spans="1:45">
      <c r="A345" s="47" t="s">
        <v>628</v>
      </c>
      <c r="B345" s="199">
        <v>810</v>
      </c>
      <c r="C345" s="178">
        <v>4.713214714338406</v>
      </c>
      <c r="D345" s="130">
        <v>0.1143608408860452</v>
      </c>
      <c r="P345" s="248"/>
      <c r="Q345" s="248"/>
      <c r="R345" s="248"/>
      <c r="S345" s="248"/>
      <c r="T345" s="248"/>
      <c r="U345" s="248"/>
      <c r="V345" s="248"/>
      <c r="W345" s="248"/>
      <c r="X345" s="248"/>
      <c r="Y345" s="248"/>
      <c r="Z345" s="248"/>
      <c r="AA345" s="248"/>
      <c r="AB345" s="248"/>
      <c r="AC345" s="248"/>
      <c r="AD345" s="248"/>
      <c r="AE345" s="248"/>
      <c r="AF345" s="248"/>
      <c r="AG345" s="248"/>
      <c r="AH345" s="248"/>
      <c r="AI345" s="248"/>
      <c r="AJ345" s="248"/>
      <c r="AK345" s="248"/>
      <c r="AL345" s="248"/>
      <c r="AM345" s="248"/>
      <c r="AN345" s="248"/>
      <c r="AO345" s="248"/>
      <c r="AP345" s="248"/>
      <c r="AQ345" s="248"/>
      <c r="AR345" s="248"/>
      <c r="AS345" s="248"/>
    </row>
    <row r="346" spans="1:45">
      <c r="A346" s="55" t="s">
        <v>629</v>
      </c>
      <c r="B346" s="198">
        <v>209</v>
      </c>
      <c r="C346" s="82">
        <v>4.5059462672899002</v>
      </c>
      <c r="D346" s="83">
        <v>0.23475930062871822</v>
      </c>
      <c r="P346" s="248"/>
      <c r="Q346" s="248"/>
      <c r="R346" s="248"/>
      <c r="S346" s="248"/>
      <c r="T346" s="248"/>
      <c r="U346" s="248"/>
      <c r="V346" s="248"/>
      <c r="W346" s="248"/>
      <c r="X346" s="248"/>
      <c r="Y346" s="248"/>
      <c r="Z346" s="248"/>
      <c r="AA346" s="248"/>
      <c r="AB346" s="248"/>
      <c r="AC346" s="248"/>
      <c r="AD346" s="248"/>
      <c r="AE346" s="248"/>
      <c r="AF346" s="248"/>
      <c r="AG346" s="248"/>
      <c r="AH346" s="248"/>
      <c r="AI346" s="248"/>
      <c r="AJ346" s="248"/>
      <c r="AK346" s="248"/>
      <c r="AL346" s="248"/>
      <c r="AM346" s="248"/>
      <c r="AN346" s="248"/>
      <c r="AO346" s="248"/>
      <c r="AP346" s="248"/>
      <c r="AQ346" s="248"/>
      <c r="AR346" s="248"/>
      <c r="AS346" s="248"/>
    </row>
    <row r="347" spans="1:45">
      <c r="A347" s="47" t="s">
        <v>630</v>
      </c>
      <c r="B347" s="199">
        <v>381</v>
      </c>
      <c r="C347" s="178">
        <v>4.7165204846053372</v>
      </c>
      <c r="D347" s="130">
        <v>0.15774485300684821</v>
      </c>
      <c r="P347" s="248"/>
      <c r="Q347" s="248"/>
      <c r="R347" s="248"/>
      <c r="S347" s="248"/>
      <c r="T347" s="248"/>
      <c r="U347" s="248"/>
      <c r="V347" s="248"/>
      <c r="W347" s="248"/>
      <c r="X347" s="248"/>
      <c r="Y347" s="248"/>
      <c r="Z347" s="248"/>
      <c r="AA347" s="248"/>
      <c r="AB347" s="248"/>
      <c r="AC347" s="248"/>
      <c r="AD347" s="248"/>
      <c r="AE347" s="248"/>
      <c r="AF347" s="248"/>
      <c r="AG347" s="248"/>
      <c r="AH347" s="248"/>
      <c r="AI347" s="248"/>
      <c r="AJ347" s="248"/>
      <c r="AK347" s="248"/>
      <c r="AL347" s="248"/>
      <c r="AM347" s="248"/>
      <c r="AN347" s="248"/>
      <c r="AO347" s="248"/>
      <c r="AP347" s="248"/>
      <c r="AQ347" s="248"/>
      <c r="AR347" s="248"/>
      <c r="AS347" s="248"/>
    </row>
    <row r="348" spans="1:45">
      <c r="A348" s="55" t="s">
        <v>631</v>
      </c>
      <c r="B348" s="198">
        <v>53</v>
      </c>
      <c r="C348" s="82">
        <v>4.5912549957445732</v>
      </c>
      <c r="D348" s="83">
        <v>0.46701879896761139</v>
      </c>
      <c r="P348" s="248"/>
      <c r="Q348" s="248"/>
      <c r="R348" s="248"/>
      <c r="S348" s="248"/>
      <c r="T348" s="248"/>
      <c r="U348" s="248"/>
      <c r="V348" s="248"/>
      <c r="W348" s="248"/>
      <c r="X348" s="248"/>
      <c r="Y348" s="248"/>
      <c r="Z348" s="248"/>
      <c r="AA348" s="248"/>
      <c r="AB348" s="248"/>
      <c r="AC348" s="248"/>
      <c r="AD348" s="248"/>
      <c r="AE348" s="248"/>
      <c r="AF348" s="248"/>
      <c r="AG348" s="248"/>
      <c r="AH348" s="248"/>
      <c r="AI348" s="248"/>
      <c r="AJ348" s="248"/>
      <c r="AK348" s="248"/>
      <c r="AL348" s="248"/>
      <c r="AM348" s="248"/>
      <c r="AN348" s="248"/>
      <c r="AO348" s="248"/>
      <c r="AP348" s="248"/>
      <c r="AQ348" s="248"/>
      <c r="AR348" s="248"/>
      <c r="AS348" s="248"/>
    </row>
    <row r="349" spans="1:45">
      <c r="A349" s="47" t="s">
        <v>632</v>
      </c>
      <c r="B349" s="199">
        <v>328</v>
      </c>
      <c r="C349" s="178">
        <v>4.7509216047306602</v>
      </c>
      <c r="D349" s="130">
        <v>0.16725106151015964</v>
      </c>
      <c r="P349" s="248"/>
      <c r="Q349" s="248"/>
      <c r="R349" s="248"/>
      <c r="S349" s="248"/>
      <c r="T349" s="248"/>
      <c r="U349" s="248"/>
      <c r="V349" s="248"/>
      <c r="W349" s="248"/>
      <c r="X349" s="248"/>
      <c r="Y349" s="248"/>
      <c r="Z349" s="248"/>
      <c r="AA349" s="248"/>
      <c r="AB349" s="248"/>
      <c r="AC349" s="248"/>
      <c r="AD349" s="248"/>
      <c r="AE349" s="248"/>
      <c r="AF349" s="248"/>
      <c r="AG349" s="248"/>
      <c r="AH349" s="248"/>
      <c r="AI349" s="248"/>
      <c r="AJ349" s="248"/>
      <c r="AK349" s="248"/>
      <c r="AL349" s="248"/>
      <c r="AM349" s="248"/>
      <c r="AN349" s="248"/>
      <c r="AO349" s="248"/>
      <c r="AP349" s="248"/>
      <c r="AQ349" s="248"/>
      <c r="AR349" s="248"/>
      <c r="AS349" s="248"/>
    </row>
    <row r="350" spans="1:45">
      <c r="A350" s="55" t="s">
        <v>633</v>
      </c>
      <c r="B350" s="198">
        <v>638</v>
      </c>
      <c r="C350" s="82">
        <v>4.5298262505682416</v>
      </c>
      <c r="D350" s="83">
        <v>0.13274444658853257</v>
      </c>
      <c r="P350" s="248"/>
      <c r="Q350" s="248"/>
      <c r="R350" s="248"/>
      <c r="S350" s="248"/>
      <c r="T350" s="248"/>
      <c r="U350" s="248"/>
      <c r="V350" s="248"/>
      <c r="W350" s="248"/>
      <c r="X350" s="248"/>
      <c r="Y350" s="248"/>
      <c r="Z350" s="248"/>
      <c r="AA350" s="248"/>
      <c r="AB350" s="248"/>
      <c r="AC350" s="248"/>
      <c r="AD350" s="248"/>
      <c r="AE350" s="248"/>
      <c r="AF350" s="248"/>
      <c r="AG350" s="248"/>
      <c r="AH350" s="248"/>
      <c r="AI350" s="248"/>
      <c r="AJ350" s="248"/>
      <c r="AK350" s="248"/>
      <c r="AL350" s="248"/>
      <c r="AM350" s="248"/>
      <c r="AN350" s="248"/>
      <c r="AO350" s="248"/>
      <c r="AP350" s="248"/>
      <c r="AQ350" s="248"/>
      <c r="AR350" s="248"/>
      <c r="AS350" s="248"/>
    </row>
    <row r="351" spans="1:45">
      <c r="A351" s="47" t="s">
        <v>634</v>
      </c>
      <c r="B351" s="199">
        <v>599</v>
      </c>
      <c r="C351" s="178">
        <v>4.371077282826703</v>
      </c>
      <c r="D351" s="130">
        <v>0.14091958369059646</v>
      </c>
      <c r="P351" s="248"/>
      <c r="Q351" s="248"/>
      <c r="R351" s="248"/>
      <c r="S351" s="248"/>
      <c r="T351" s="248"/>
      <c r="U351" s="248"/>
      <c r="V351" s="248"/>
      <c r="W351" s="248"/>
      <c r="X351" s="248"/>
      <c r="Y351" s="248"/>
      <c r="Z351" s="248"/>
      <c r="AA351" s="248"/>
      <c r="AB351" s="248"/>
      <c r="AC351" s="248"/>
      <c r="AD351" s="248"/>
      <c r="AE351" s="248"/>
      <c r="AF351" s="248"/>
      <c r="AG351" s="248"/>
      <c r="AH351" s="248"/>
      <c r="AI351" s="248"/>
      <c r="AJ351" s="248"/>
      <c r="AK351" s="248"/>
      <c r="AL351" s="248"/>
      <c r="AM351" s="248"/>
      <c r="AN351" s="248"/>
      <c r="AO351" s="248"/>
      <c r="AP351" s="248"/>
      <c r="AQ351" s="248"/>
      <c r="AR351" s="248"/>
      <c r="AS351" s="248"/>
    </row>
    <row r="352" spans="1:45">
      <c r="A352" s="55" t="s">
        <v>635</v>
      </c>
      <c r="B352" s="198">
        <v>224</v>
      </c>
      <c r="C352" s="82">
        <v>4.2348533913556343</v>
      </c>
      <c r="D352" s="83">
        <v>0.22979663886886167</v>
      </c>
      <c r="P352" s="248"/>
      <c r="Q352" s="248"/>
      <c r="R352" s="248"/>
      <c r="S352" s="248"/>
      <c r="T352" s="248"/>
      <c r="U352" s="248"/>
      <c r="V352" s="248"/>
      <c r="W352" s="248"/>
      <c r="X352" s="248"/>
      <c r="Y352" s="248"/>
      <c r="Z352" s="248"/>
      <c r="AA352" s="248"/>
      <c r="AB352" s="248"/>
      <c r="AC352" s="248"/>
      <c r="AD352" s="248"/>
      <c r="AE352" s="248"/>
      <c r="AF352" s="248"/>
      <c r="AG352" s="248"/>
      <c r="AH352" s="248"/>
      <c r="AI352" s="248"/>
      <c r="AJ352" s="248"/>
      <c r="AK352" s="248"/>
      <c r="AL352" s="248"/>
      <c r="AM352" s="248"/>
      <c r="AN352" s="248"/>
      <c r="AO352" s="248"/>
      <c r="AP352" s="248"/>
      <c r="AQ352" s="248"/>
      <c r="AR352" s="248"/>
      <c r="AS352" s="248"/>
    </row>
    <row r="353" spans="1:45">
      <c r="A353" s="47" t="s">
        <v>636</v>
      </c>
      <c r="B353" s="199">
        <v>375</v>
      </c>
      <c r="C353" s="178">
        <v>4.4872062354338462</v>
      </c>
      <c r="D353" s="130">
        <v>0.17750741057229358</v>
      </c>
      <c r="P353" s="248"/>
      <c r="Q353" s="248"/>
      <c r="R353" s="248"/>
      <c r="S353" s="248"/>
      <c r="T353" s="248"/>
      <c r="U353" s="248"/>
      <c r="V353" s="248"/>
      <c r="W353" s="248"/>
      <c r="X353" s="248"/>
      <c r="Y353" s="248"/>
      <c r="Z353" s="248"/>
      <c r="AA353" s="248"/>
      <c r="AB353" s="248"/>
      <c r="AC353" s="248"/>
      <c r="AD353" s="248"/>
      <c r="AE353" s="248"/>
      <c r="AF353" s="248"/>
      <c r="AG353" s="248"/>
      <c r="AH353" s="248"/>
      <c r="AI353" s="248"/>
      <c r="AJ353" s="248"/>
      <c r="AK353" s="248"/>
      <c r="AL353" s="248"/>
      <c r="AM353" s="248"/>
      <c r="AN353" s="248"/>
      <c r="AO353" s="248"/>
      <c r="AP353" s="248"/>
      <c r="AQ353" s="248"/>
      <c r="AR353" s="248"/>
      <c r="AS353" s="248"/>
    </row>
    <row r="354" spans="1:45">
      <c r="P354" s="248"/>
      <c r="Q354" s="248"/>
      <c r="R354" s="248"/>
      <c r="S354" s="248"/>
      <c r="T354" s="248"/>
      <c r="U354" s="248"/>
      <c r="V354" s="248"/>
      <c r="W354" s="248"/>
      <c r="X354" s="248"/>
      <c r="Y354" s="248"/>
      <c r="Z354" s="248"/>
      <c r="AA354" s="248"/>
      <c r="AB354" s="248"/>
      <c r="AC354" s="248"/>
      <c r="AD354" s="248"/>
      <c r="AE354" s="248"/>
      <c r="AF354" s="248"/>
      <c r="AG354" s="248"/>
      <c r="AH354" s="248"/>
      <c r="AI354" s="248"/>
      <c r="AJ354" s="248"/>
      <c r="AK354" s="248"/>
      <c r="AL354" s="248"/>
      <c r="AM354" s="248"/>
      <c r="AN354" s="248"/>
      <c r="AO354" s="248"/>
      <c r="AP354" s="248"/>
      <c r="AQ354" s="248"/>
      <c r="AR354" s="248"/>
      <c r="AS354" s="248"/>
    </row>
    <row r="355" spans="1:45" ht="18.75">
      <c r="A355" s="425" t="s">
        <v>425</v>
      </c>
      <c r="B355" s="425"/>
      <c r="C355" s="425"/>
      <c r="D355" s="425"/>
      <c r="E355" s="425"/>
      <c r="F355" s="425"/>
      <c r="G355" s="425"/>
      <c r="H355" s="425"/>
      <c r="I355" s="425"/>
      <c r="J355" s="425"/>
      <c r="K355" s="425"/>
      <c r="L355" s="425"/>
      <c r="M355" s="425"/>
      <c r="N355" s="425"/>
      <c r="O355" s="425"/>
      <c r="P355" s="425"/>
      <c r="Q355" s="425"/>
      <c r="R355" s="425"/>
      <c r="S355" s="425"/>
      <c r="T355" s="248"/>
      <c r="U355" s="248"/>
      <c r="V355" s="248"/>
      <c r="W355" s="248"/>
      <c r="X355" s="248"/>
      <c r="Y355" s="248"/>
      <c r="Z355" s="248"/>
      <c r="AA355" s="248"/>
      <c r="AB355" s="248"/>
      <c r="AC355" s="248"/>
      <c r="AD355" s="248"/>
      <c r="AE355" s="248"/>
      <c r="AF355" s="248"/>
      <c r="AG355" s="248"/>
      <c r="AH355" s="248"/>
      <c r="AI355" s="248"/>
      <c r="AJ355" s="248"/>
      <c r="AK355" s="248"/>
      <c r="AL355" s="248"/>
      <c r="AM355" s="248"/>
      <c r="AN355" s="248"/>
      <c r="AO355" s="248"/>
      <c r="AP355" s="248"/>
      <c r="AQ355" s="248"/>
      <c r="AR355" s="248"/>
      <c r="AS355" s="248"/>
    </row>
    <row r="356" spans="1:45" ht="57.75" customHeight="1">
      <c r="A356" s="424" t="s">
        <v>556</v>
      </c>
      <c r="B356" s="424"/>
      <c r="C356" s="424"/>
      <c r="D356" s="424"/>
      <c r="E356" s="424"/>
      <c r="F356" s="424"/>
      <c r="G356" s="424"/>
      <c r="H356" s="424"/>
      <c r="I356" s="424"/>
      <c r="J356" s="424"/>
      <c r="K356" s="424"/>
      <c r="L356" s="424"/>
      <c r="M356" s="424"/>
      <c r="N356" s="424"/>
      <c r="O356" s="424"/>
      <c r="P356" s="424"/>
      <c r="Q356" s="424"/>
      <c r="R356" s="424"/>
      <c r="S356" s="424"/>
      <c r="T356" s="248"/>
      <c r="U356" s="248"/>
      <c r="V356" s="248"/>
      <c r="W356" s="248"/>
      <c r="X356" s="248"/>
      <c r="Y356" s="248"/>
      <c r="Z356" s="248"/>
      <c r="AA356" s="248"/>
      <c r="AB356" s="248"/>
      <c r="AC356" s="248"/>
      <c r="AD356" s="248"/>
      <c r="AE356" s="248"/>
      <c r="AF356" s="248"/>
      <c r="AG356" s="248"/>
      <c r="AH356" s="248"/>
      <c r="AI356" s="248"/>
      <c r="AJ356" s="248"/>
      <c r="AK356" s="248"/>
      <c r="AL356" s="248"/>
      <c r="AM356" s="248"/>
      <c r="AN356" s="248"/>
      <c r="AO356" s="248"/>
      <c r="AP356" s="248"/>
      <c r="AQ356" s="248"/>
      <c r="AR356" s="248"/>
      <c r="AS356" s="248"/>
    </row>
    <row r="357" spans="1:45" ht="39" customHeight="1">
      <c r="A357" s="62"/>
      <c r="B357" s="419" t="s">
        <v>426</v>
      </c>
      <c r="C357" s="420"/>
      <c r="D357" s="420"/>
      <c r="E357" s="420"/>
      <c r="F357" s="420"/>
      <c r="G357" s="420"/>
      <c r="H357" s="420"/>
      <c r="I357" s="420"/>
      <c r="J357" s="421"/>
      <c r="K357" s="422" t="s">
        <v>427</v>
      </c>
      <c r="L357" s="423"/>
      <c r="M357" s="423"/>
      <c r="N357" s="423"/>
      <c r="O357" s="423"/>
      <c r="P357" s="423"/>
      <c r="Q357" s="423"/>
      <c r="R357" s="423"/>
      <c r="S357" s="423"/>
      <c r="W357" s="248"/>
      <c r="X357" s="248"/>
      <c r="Y357" s="248"/>
      <c r="Z357" s="248"/>
      <c r="AA357" s="248"/>
      <c r="AB357" s="248"/>
      <c r="AC357" s="248"/>
      <c r="AD357" s="248"/>
      <c r="AE357" s="248"/>
      <c r="AF357" s="248"/>
      <c r="AG357" s="248"/>
      <c r="AH357" s="248"/>
      <c r="AI357" s="248"/>
      <c r="AJ357" s="248"/>
      <c r="AK357" s="248"/>
      <c r="AL357" s="248"/>
      <c r="AM357" s="248"/>
      <c r="AN357" s="248"/>
      <c r="AO357" s="248"/>
      <c r="AP357" s="248"/>
      <c r="AQ357" s="248"/>
      <c r="AR357" s="248"/>
      <c r="AS357" s="248"/>
    </row>
    <row r="358" spans="1:45" ht="72">
      <c r="A358" s="35" t="s">
        <v>70</v>
      </c>
      <c r="B358" s="36" t="s">
        <v>71</v>
      </c>
      <c r="C358" s="36" t="s">
        <v>428</v>
      </c>
      <c r="D358" s="87" t="s">
        <v>142</v>
      </c>
      <c r="E358" s="36" t="s">
        <v>429</v>
      </c>
      <c r="F358" s="87" t="s">
        <v>143</v>
      </c>
      <c r="G358" s="36" t="s">
        <v>430</v>
      </c>
      <c r="H358" s="87" t="s">
        <v>116</v>
      </c>
      <c r="I358" s="36" t="s">
        <v>300</v>
      </c>
      <c r="J358" s="87" t="s">
        <v>314</v>
      </c>
      <c r="K358" s="63" t="s">
        <v>71</v>
      </c>
      <c r="L358" s="63" t="s">
        <v>428</v>
      </c>
      <c r="M358" s="86" t="s">
        <v>142</v>
      </c>
      <c r="N358" s="63" t="s">
        <v>429</v>
      </c>
      <c r="O358" s="86" t="s">
        <v>143</v>
      </c>
      <c r="P358" s="63" t="s">
        <v>430</v>
      </c>
      <c r="Q358" s="86" t="s">
        <v>116</v>
      </c>
      <c r="R358" s="63" t="s">
        <v>300</v>
      </c>
      <c r="S358" s="86" t="s">
        <v>314</v>
      </c>
      <c r="W358" s="248"/>
      <c r="X358" s="248"/>
      <c r="Y358" s="248"/>
      <c r="Z358" s="248"/>
      <c r="AA358" s="248"/>
      <c r="AB358" s="248"/>
      <c r="AC358" s="248"/>
      <c r="AD358" s="248"/>
      <c r="AE358" s="248"/>
      <c r="AF358" s="248"/>
      <c r="AG358" s="248"/>
      <c r="AH358" s="248"/>
      <c r="AI358" s="248"/>
      <c r="AJ358" s="248"/>
      <c r="AK358" s="248"/>
      <c r="AL358" s="248"/>
      <c r="AM358" s="248"/>
      <c r="AN358" s="248"/>
      <c r="AO358" s="248"/>
      <c r="AP358" s="248"/>
      <c r="AQ358" s="248"/>
      <c r="AR358" s="248"/>
      <c r="AS358" s="248"/>
    </row>
    <row r="359" spans="1:45" ht="72">
      <c r="A359" s="39"/>
      <c r="B359" s="40" t="s">
        <v>73</v>
      </c>
      <c r="C359" s="40" t="s">
        <v>158</v>
      </c>
      <c r="D359" s="89" t="s">
        <v>87</v>
      </c>
      <c r="E359" s="40" t="s">
        <v>159</v>
      </c>
      <c r="F359" s="89" t="s">
        <v>87</v>
      </c>
      <c r="G359" s="40" t="s">
        <v>160</v>
      </c>
      <c r="H359" s="89" t="s">
        <v>87</v>
      </c>
      <c r="I359" s="40" t="s">
        <v>300</v>
      </c>
      <c r="J359" s="89" t="s">
        <v>87</v>
      </c>
      <c r="K359" s="66" t="s">
        <v>73</v>
      </c>
      <c r="L359" s="66" t="s">
        <v>158</v>
      </c>
      <c r="M359" s="88" t="s">
        <v>87</v>
      </c>
      <c r="N359" s="66" t="s">
        <v>159</v>
      </c>
      <c r="O359" s="88" t="s">
        <v>87</v>
      </c>
      <c r="P359" s="66" t="s">
        <v>160</v>
      </c>
      <c r="Q359" s="88" t="s">
        <v>87</v>
      </c>
      <c r="R359" s="66" t="s">
        <v>300</v>
      </c>
      <c r="S359" s="88" t="s">
        <v>87</v>
      </c>
      <c r="W359" s="248"/>
      <c r="X359" s="248"/>
      <c r="Y359" s="248"/>
      <c r="Z359" s="248"/>
      <c r="AA359" s="248"/>
      <c r="AB359" s="248"/>
      <c r="AC359" s="248"/>
      <c r="AD359" s="248"/>
      <c r="AE359" s="248"/>
      <c r="AF359" s="248"/>
      <c r="AG359" s="248"/>
      <c r="AH359" s="248"/>
      <c r="AI359" s="248"/>
      <c r="AJ359" s="248"/>
      <c r="AK359" s="248"/>
      <c r="AL359" s="248"/>
      <c r="AM359" s="248"/>
      <c r="AN359" s="248"/>
      <c r="AO359" s="248"/>
      <c r="AP359" s="248"/>
      <c r="AQ359" s="248"/>
      <c r="AR359" s="248"/>
      <c r="AS359" s="248"/>
    </row>
    <row r="360" spans="1:45">
      <c r="A360" s="43" t="s">
        <v>348</v>
      </c>
      <c r="B360" s="43">
        <v>13823</v>
      </c>
      <c r="C360" s="196">
        <v>0.1449675895687571</v>
      </c>
      <c r="D360" s="92">
        <v>5.9899123419875321E-3</v>
      </c>
      <c r="E360" s="196">
        <v>0.12516355582310087</v>
      </c>
      <c r="F360" s="92">
        <v>5.6302738899209172E-3</v>
      </c>
      <c r="G360" s="196">
        <v>0.71704334011203941</v>
      </c>
      <c r="H360" s="92">
        <v>7.6617476168737708E-3</v>
      </c>
      <c r="I360" s="196">
        <v>1.2825514496109242E-2</v>
      </c>
      <c r="J360" s="92">
        <v>1.9241658205798801E-3</v>
      </c>
      <c r="K360" s="198">
        <v>13828</v>
      </c>
      <c r="L360" s="196">
        <v>0.16609066207296061</v>
      </c>
      <c r="M360" s="92">
        <v>6.3302460996892598E-3</v>
      </c>
      <c r="N360" s="196">
        <v>0.14647282108172721</v>
      </c>
      <c r="O360" s="92">
        <v>6.0145093680234827E-3</v>
      </c>
      <c r="P360" s="196">
        <v>0.59250635510264726</v>
      </c>
      <c r="Q360" s="92">
        <v>8.3560086833474757E-3</v>
      </c>
      <c r="R360" s="196">
        <v>9.4930161742680652E-2</v>
      </c>
      <c r="S360" s="92">
        <v>4.9873556751508603E-3</v>
      </c>
      <c r="W360" s="248"/>
      <c r="X360" s="248"/>
      <c r="Y360" s="248"/>
      <c r="Z360" s="248"/>
      <c r="AA360" s="248"/>
      <c r="AB360" s="248"/>
      <c r="AC360" s="248"/>
      <c r="AD360" s="248"/>
      <c r="AE360" s="248"/>
      <c r="AF360" s="248"/>
      <c r="AG360" s="248"/>
      <c r="AH360" s="248"/>
      <c r="AI360" s="248"/>
      <c r="AJ360" s="248"/>
      <c r="AK360" s="248"/>
      <c r="AL360" s="248"/>
      <c r="AM360" s="248"/>
      <c r="AN360" s="248"/>
      <c r="AO360" s="248"/>
      <c r="AP360" s="248"/>
      <c r="AQ360" s="248"/>
      <c r="AR360" s="248"/>
      <c r="AS360" s="248"/>
    </row>
    <row r="361" spans="1:45">
      <c r="A361" s="47" t="s">
        <v>349</v>
      </c>
      <c r="B361" s="47">
        <v>10154</v>
      </c>
      <c r="C361" s="197">
        <v>0.1889512126284949</v>
      </c>
      <c r="D361" s="95">
        <v>7.7701990274397269E-3</v>
      </c>
      <c r="E361" s="197">
        <v>0.1232411290671179</v>
      </c>
      <c r="F361" s="95">
        <v>6.5263191889328234E-3</v>
      </c>
      <c r="G361" s="197">
        <v>0.67715974238595034</v>
      </c>
      <c r="H361" s="95">
        <v>9.2787579436654413E-3</v>
      </c>
      <c r="I361" s="197">
        <v>1.0647915918430936E-2</v>
      </c>
      <c r="J361" s="95">
        <v>2.0548774836072069E-3</v>
      </c>
      <c r="K361" s="47">
        <v>10155</v>
      </c>
      <c r="L361" s="197">
        <v>0.21705472707273019</v>
      </c>
      <c r="M361" s="95">
        <v>8.1815458409246512E-3</v>
      </c>
      <c r="N361" s="197">
        <v>0.15128193866659398</v>
      </c>
      <c r="O361" s="95">
        <v>7.1128170804036755E-3</v>
      </c>
      <c r="P361" s="197">
        <v>0.55479633405969486</v>
      </c>
      <c r="Q361" s="95">
        <v>9.8617218955473346E-3</v>
      </c>
      <c r="R361" s="197">
        <v>7.6867000200978072E-2</v>
      </c>
      <c r="S361" s="95">
        <v>5.2909976602783159E-3</v>
      </c>
      <c r="W361" s="248"/>
      <c r="X361" s="248"/>
      <c r="Y361" s="248"/>
      <c r="Z361" s="248"/>
      <c r="AA361" s="248"/>
      <c r="AB361" s="248"/>
      <c r="AC361" s="248"/>
      <c r="AD361" s="248"/>
      <c r="AE361" s="248"/>
      <c r="AF361" s="248"/>
      <c r="AG361" s="248"/>
      <c r="AH361" s="248"/>
      <c r="AI361" s="248"/>
      <c r="AJ361" s="248"/>
      <c r="AK361" s="248"/>
      <c r="AL361" s="248"/>
      <c r="AM361" s="248"/>
      <c r="AN361" s="248"/>
      <c r="AO361" s="248"/>
      <c r="AP361" s="248"/>
      <c r="AQ361" s="248"/>
      <c r="AR361" s="248"/>
      <c r="AS361" s="248"/>
    </row>
    <row r="362" spans="1:45">
      <c r="A362" s="43" t="s">
        <v>350</v>
      </c>
      <c r="B362" s="43">
        <v>3669</v>
      </c>
      <c r="C362" s="196">
        <v>0.1090433664636099</v>
      </c>
      <c r="D362" s="92">
        <v>1.0303620458752962E-2</v>
      </c>
      <c r="E362" s="196">
        <v>0.12673372405574568</v>
      </c>
      <c r="F362" s="92">
        <v>1.0993430980410815E-2</v>
      </c>
      <c r="G362" s="196">
        <v>0.74961881169157574</v>
      </c>
      <c r="H362" s="92">
        <v>1.4302023550752958E-2</v>
      </c>
      <c r="I362" s="196">
        <v>1.4604097789070035E-2</v>
      </c>
      <c r="J362" s="92">
        <v>4.0287165092681527E-3</v>
      </c>
      <c r="K362" s="198">
        <v>3673</v>
      </c>
      <c r="L362" s="196">
        <v>0.12445309423105477</v>
      </c>
      <c r="M362" s="92">
        <v>1.0902749760087468E-2</v>
      </c>
      <c r="N362" s="196">
        <v>0.14254377892818759</v>
      </c>
      <c r="O362" s="92">
        <v>1.1544001126064542E-2</v>
      </c>
      <c r="P362" s="196">
        <v>0.62331538808503573</v>
      </c>
      <c r="Q362" s="92">
        <v>1.5982938348325766E-2</v>
      </c>
      <c r="R362" s="196">
        <v>0.10968773875572151</v>
      </c>
      <c r="S362" s="92">
        <v>1.032449371819859E-2</v>
      </c>
      <c r="W362" s="248"/>
      <c r="X362" s="248"/>
      <c r="Y362" s="248"/>
      <c r="Z362" s="248"/>
      <c r="AA362" s="248"/>
      <c r="AB362" s="248"/>
      <c r="AC362" s="248"/>
      <c r="AD362" s="248"/>
      <c r="AE362" s="248"/>
      <c r="AF362" s="248"/>
      <c r="AG362" s="248"/>
      <c r="AH362" s="248"/>
      <c r="AI362" s="248"/>
      <c r="AJ362" s="248"/>
      <c r="AK362" s="248"/>
      <c r="AL362" s="248"/>
      <c r="AM362" s="248"/>
      <c r="AN362" s="248"/>
      <c r="AO362" s="248"/>
      <c r="AP362" s="248"/>
      <c r="AQ362" s="248"/>
      <c r="AR362" s="248"/>
      <c r="AS362" s="248"/>
    </row>
    <row r="363" spans="1:45">
      <c r="A363" s="47" t="s">
        <v>568</v>
      </c>
      <c r="B363" s="47">
        <v>11465</v>
      </c>
      <c r="C363" s="197">
        <v>0.14378755039110758</v>
      </c>
      <c r="D363" s="95">
        <v>6.5550296263731144E-3</v>
      </c>
      <c r="E363" s="197">
        <v>0.12522606747458964</v>
      </c>
      <c r="F363" s="95">
        <v>6.1838165078895706E-3</v>
      </c>
      <c r="G363" s="197">
        <v>0.71810185798300197</v>
      </c>
      <c r="H363" s="95">
        <v>8.4031464919829459E-3</v>
      </c>
      <c r="I363" s="197">
        <v>1.2884524151312263E-2</v>
      </c>
      <c r="J363" s="95">
        <v>2.1197883829230171E-3</v>
      </c>
      <c r="K363" s="47">
        <v>11469</v>
      </c>
      <c r="L363" s="197">
        <v>0.16525015826846207</v>
      </c>
      <c r="M363" s="95">
        <v>6.9368700478520959E-3</v>
      </c>
      <c r="N363" s="197">
        <v>0.14654710720519964</v>
      </c>
      <c r="O363" s="95">
        <v>6.6057337440526276E-3</v>
      </c>
      <c r="P363" s="197">
        <v>0.59265030802975527</v>
      </c>
      <c r="Q363" s="95">
        <v>9.1744457106439376E-3</v>
      </c>
      <c r="R363" s="197">
        <v>9.555242649660213E-2</v>
      </c>
      <c r="S363" s="95">
        <v>5.4927573360934664E-3</v>
      </c>
      <c r="W363" s="248"/>
      <c r="X363" s="248"/>
      <c r="Y363" s="248"/>
      <c r="Z363" s="248"/>
      <c r="AA363" s="248"/>
      <c r="AB363" s="248"/>
      <c r="AC363" s="248"/>
      <c r="AD363" s="248"/>
      <c r="AE363" s="248"/>
      <c r="AF363" s="248"/>
      <c r="AG363" s="248"/>
      <c r="AH363" s="248"/>
      <c r="AI363" s="248"/>
      <c r="AJ363" s="248"/>
      <c r="AK363" s="248"/>
      <c r="AL363" s="248"/>
      <c r="AM363" s="248"/>
      <c r="AN363" s="248"/>
      <c r="AO363" s="248"/>
      <c r="AP363" s="248"/>
      <c r="AQ363" s="248"/>
      <c r="AR363" s="248"/>
      <c r="AS363" s="248"/>
    </row>
    <row r="364" spans="1:45">
      <c r="A364" s="43" t="s">
        <v>569</v>
      </c>
      <c r="B364" s="43">
        <v>2358</v>
      </c>
      <c r="C364" s="196">
        <v>0.29437096461340478</v>
      </c>
      <c r="D364" s="92">
        <v>1.8761834104458509E-2</v>
      </c>
      <c r="E364" s="196">
        <v>0.11724902901000911</v>
      </c>
      <c r="F364" s="92">
        <v>1.3270931607809611E-2</v>
      </c>
      <c r="G364" s="196">
        <v>0.58302563505481286</v>
      </c>
      <c r="H364" s="92">
        <v>2.0291277384997298E-2</v>
      </c>
      <c r="I364" s="196">
        <v>5.3543713217714204E-3</v>
      </c>
      <c r="J364" s="92">
        <v>3.2281841088333527E-3</v>
      </c>
      <c r="K364" s="198">
        <v>2359</v>
      </c>
      <c r="L364" s="196">
        <v>0.2727399564464969</v>
      </c>
      <c r="M364" s="92">
        <v>1.8331945451493956E-2</v>
      </c>
      <c r="N364" s="196">
        <v>0.13704685226676963</v>
      </c>
      <c r="O364" s="92">
        <v>1.4175648471321578E-2</v>
      </c>
      <c r="P364" s="196">
        <v>0.57424055069268765</v>
      </c>
      <c r="Q364" s="92">
        <v>2.0344347707411829E-2</v>
      </c>
      <c r="R364" s="196">
        <v>1.5972640594043165E-2</v>
      </c>
      <c r="S364" s="92">
        <v>5.2865440008750975E-3</v>
      </c>
      <c r="W364" s="248"/>
      <c r="X364" s="248"/>
      <c r="Y364" s="248"/>
      <c r="Z364" s="248"/>
      <c r="AA364" s="248"/>
      <c r="AB364" s="248"/>
      <c r="AC364" s="248"/>
      <c r="AD364" s="248"/>
      <c r="AE364" s="248"/>
      <c r="AF364" s="248"/>
      <c r="AG364" s="248"/>
      <c r="AH364" s="248"/>
      <c r="AI364" s="248"/>
      <c r="AJ364" s="248"/>
      <c r="AK364" s="248"/>
      <c r="AL364" s="248"/>
      <c r="AM364" s="248"/>
      <c r="AN364" s="248"/>
      <c r="AO364" s="248"/>
      <c r="AP364" s="248"/>
      <c r="AQ364" s="248"/>
      <c r="AR364" s="248"/>
      <c r="AS364" s="248"/>
    </row>
    <row r="365" spans="1:45">
      <c r="A365" s="47" t="s">
        <v>570</v>
      </c>
      <c r="B365" s="47">
        <v>603</v>
      </c>
      <c r="C365" s="197">
        <v>0.27585167844103031</v>
      </c>
      <c r="D365" s="95">
        <v>3.63415540322835E-2</v>
      </c>
      <c r="E365" s="197">
        <v>7.9634898664275908E-2</v>
      </c>
      <c r="F365" s="95">
        <v>2.2322250955756542E-2</v>
      </c>
      <c r="G365" s="197">
        <v>0.64136895265025062</v>
      </c>
      <c r="H365" s="95">
        <v>3.8954825142590202E-2</v>
      </c>
      <c r="I365" s="197">
        <v>3.1444702444427381E-3</v>
      </c>
      <c r="J365" s="95">
        <v>6.4827449657851579E-3</v>
      </c>
      <c r="K365" s="47">
        <v>603</v>
      </c>
      <c r="L365" s="197">
        <v>0.26461643980596933</v>
      </c>
      <c r="M365" s="95">
        <v>3.5876632228457335E-2</v>
      </c>
      <c r="N365" s="197">
        <v>0.14954724551875145</v>
      </c>
      <c r="O365" s="95">
        <v>2.9133133106250157E-2</v>
      </c>
      <c r="P365" s="197">
        <v>0.57991639735085987</v>
      </c>
      <c r="Q365" s="95">
        <v>4.0073841657158382E-2</v>
      </c>
      <c r="R365" s="197">
        <v>5.9199173244188193E-3</v>
      </c>
      <c r="S365" s="95">
        <v>7.7402663373437241E-3</v>
      </c>
      <c r="W365" s="248"/>
      <c r="X365" s="248"/>
      <c r="Y365" s="248"/>
      <c r="Z365" s="248"/>
      <c r="AA365" s="248"/>
      <c r="AB365" s="248"/>
      <c r="AC365" s="248"/>
      <c r="AD365" s="248"/>
      <c r="AE365" s="248"/>
      <c r="AF365" s="248"/>
      <c r="AG365" s="248"/>
      <c r="AH365" s="248"/>
      <c r="AI365" s="248"/>
      <c r="AJ365" s="248"/>
      <c r="AK365" s="248"/>
      <c r="AL365" s="248"/>
      <c r="AM365" s="248"/>
      <c r="AN365" s="248"/>
      <c r="AO365" s="248"/>
      <c r="AP365" s="248"/>
      <c r="AQ365" s="248"/>
      <c r="AR365" s="248"/>
      <c r="AS365" s="248"/>
    </row>
    <row r="366" spans="1:45">
      <c r="A366" s="43" t="s">
        <v>571</v>
      </c>
      <c r="B366" s="43">
        <v>1270</v>
      </c>
      <c r="C366" s="196">
        <v>0.34474133145533342</v>
      </c>
      <c r="D366" s="92">
        <v>2.664057384019726E-2</v>
      </c>
      <c r="E366" s="196">
        <v>0.11486167687602952</v>
      </c>
      <c r="F366" s="92">
        <v>1.7947984148946966E-2</v>
      </c>
      <c r="G366" s="196">
        <v>0.53601113044031301</v>
      </c>
      <c r="H366" s="92">
        <v>2.7944289097975042E-2</v>
      </c>
      <c r="I366" s="196">
        <v>4.3858612283263522E-3</v>
      </c>
      <c r="J366" s="92">
        <v>4.3064125859705879E-3</v>
      </c>
      <c r="K366" s="198">
        <v>1267</v>
      </c>
      <c r="L366" s="196">
        <v>0.28408737313376725</v>
      </c>
      <c r="M366" s="92">
        <v>2.5317788432680809E-2</v>
      </c>
      <c r="N366" s="196">
        <v>0.13315840919260624</v>
      </c>
      <c r="O366" s="92">
        <v>1.9129189332996139E-2</v>
      </c>
      <c r="P366" s="196">
        <v>0.56353004897598535</v>
      </c>
      <c r="Q366" s="92">
        <v>2.7823728443487801E-2</v>
      </c>
      <c r="R366" s="196">
        <v>1.9224168697643002E-2</v>
      </c>
      <c r="S366" s="92">
        <v>7.9943329867843468E-3</v>
      </c>
      <c r="W366" s="248"/>
      <c r="X366" s="248"/>
      <c r="Y366" s="248"/>
      <c r="Z366" s="248"/>
      <c r="AA366" s="248"/>
      <c r="AB366" s="248"/>
      <c r="AC366" s="248"/>
      <c r="AD366" s="248"/>
      <c r="AE366" s="248"/>
      <c r="AF366" s="248"/>
      <c r="AG366" s="248"/>
      <c r="AH366" s="248"/>
      <c r="AI366" s="248"/>
      <c r="AJ366" s="248"/>
      <c r="AK366" s="248"/>
      <c r="AL366" s="248"/>
      <c r="AM366" s="248"/>
      <c r="AN366" s="248"/>
      <c r="AO366" s="248"/>
      <c r="AP366" s="248"/>
      <c r="AQ366" s="248"/>
      <c r="AR366" s="248"/>
      <c r="AS366" s="248"/>
    </row>
    <row r="367" spans="1:45">
      <c r="A367" s="47" t="s">
        <v>582</v>
      </c>
      <c r="B367" s="47">
        <v>859</v>
      </c>
      <c r="C367" s="197">
        <v>0.30786423197322293</v>
      </c>
      <c r="D367" s="95">
        <v>3.1451945422096568E-2</v>
      </c>
      <c r="E367" s="197">
        <v>0.1259744796246732</v>
      </c>
      <c r="F367" s="95">
        <v>2.2722950310709231E-2</v>
      </c>
      <c r="G367" s="197">
        <v>0.56353245987142309</v>
      </c>
      <c r="H367" s="95">
        <v>3.3767040294653779E-2</v>
      </c>
      <c r="I367" s="197">
        <v>2.6288285306825393E-3</v>
      </c>
      <c r="J367" s="95">
        <v>4.7704164054990453E-3</v>
      </c>
      <c r="K367" s="47">
        <v>860</v>
      </c>
      <c r="L367" s="197">
        <v>0.30807704229888111</v>
      </c>
      <c r="M367" s="95">
        <v>3.143967241061027E-2</v>
      </c>
      <c r="N367" s="197">
        <v>0.14670179685101506</v>
      </c>
      <c r="O367" s="95">
        <v>2.4184231314162499E-2</v>
      </c>
      <c r="P367" s="197">
        <v>0.51390729877329333</v>
      </c>
      <c r="Q367" s="95">
        <v>3.4007649858092417E-2</v>
      </c>
      <c r="R367" s="197">
        <v>3.1313862076812575E-2</v>
      </c>
      <c r="S367" s="95">
        <v>1.2240367865975115E-2</v>
      </c>
      <c r="W367" s="248"/>
      <c r="X367" s="248"/>
      <c r="Y367" s="248"/>
      <c r="Z367" s="248"/>
      <c r="AA367" s="248"/>
      <c r="AB367" s="248"/>
      <c r="AC367" s="248"/>
      <c r="AD367" s="248"/>
      <c r="AE367" s="248"/>
      <c r="AF367" s="248"/>
      <c r="AG367" s="248"/>
      <c r="AH367" s="248"/>
      <c r="AI367" s="248"/>
      <c r="AJ367" s="248"/>
      <c r="AK367" s="248"/>
      <c r="AL367" s="248"/>
      <c r="AM367" s="248"/>
      <c r="AN367" s="248"/>
      <c r="AO367" s="248"/>
      <c r="AP367" s="248"/>
      <c r="AQ367" s="248"/>
      <c r="AR367" s="248"/>
      <c r="AS367" s="248"/>
    </row>
    <row r="368" spans="1:45">
      <c r="A368" s="43" t="s">
        <v>583</v>
      </c>
      <c r="B368" s="43">
        <v>1499</v>
      </c>
      <c r="C368" s="196">
        <v>0.28903320627740564</v>
      </c>
      <c r="D368" s="92">
        <v>2.3399085772030693E-2</v>
      </c>
      <c r="E368" s="196">
        <v>0.11379735600066306</v>
      </c>
      <c r="F368" s="92">
        <v>1.64468824621864E-2</v>
      </c>
      <c r="G368" s="196">
        <v>0.59073687767349259</v>
      </c>
      <c r="H368" s="92">
        <v>2.5368112662141246E-2</v>
      </c>
      <c r="I368" s="196">
        <v>6.4325600484384134E-3</v>
      </c>
      <c r="J368" s="92">
        <v>4.5227628669896576E-3</v>
      </c>
      <c r="K368" s="198">
        <v>1499</v>
      </c>
      <c r="L368" s="196">
        <v>0.25877130955269617</v>
      </c>
      <c r="M368" s="92">
        <v>2.2611771072519622E-2</v>
      </c>
      <c r="N368" s="196">
        <v>0.13323028085395078</v>
      </c>
      <c r="O368" s="92">
        <v>1.7585077178725671E-2</v>
      </c>
      <c r="P368" s="196">
        <v>0.59809010907272719</v>
      </c>
      <c r="Q368" s="92">
        <v>2.5295563581828797E-2</v>
      </c>
      <c r="R368" s="196">
        <v>9.9083005206256191E-3</v>
      </c>
      <c r="S368" s="92">
        <v>5.4319428428929251E-3</v>
      </c>
      <c r="W368" s="248"/>
      <c r="X368" s="248"/>
      <c r="Y368" s="248"/>
      <c r="Z368" s="248"/>
      <c r="AA368" s="248"/>
      <c r="AB368" s="248"/>
      <c r="AC368" s="248"/>
      <c r="AD368" s="248"/>
      <c r="AE368" s="248"/>
      <c r="AF368" s="248"/>
      <c r="AG368" s="248"/>
      <c r="AH368" s="248"/>
      <c r="AI368" s="248"/>
      <c r="AJ368" s="248"/>
      <c r="AK368" s="248"/>
      <c r="AL368" s="248"/>
      <c r="AM368" s="248"/>
      <c r="AN368" s="248"/>
      <c r="AO368" s="248"/>
      <c r="AP368" s="248"/>
      <c r="AQ368" s="248"/>
      <c r="AR368" s="248"/>
      <c r="AS368" s="248"/>
    </row>
    <row r="369" spans="1:45">
      <c r="A369" s="47" t="s">
        <v>572</v>
      </c>
      <c r="B369" s="47">
        <v>290</v>
      </c>
      <c r="C369" s="197">
        <v>0.19941728481771803</v>
      </c>
      <c r="D369" s="95">
        <v>4.6960949093895206E-2</v>
      </c>
      <c r="E369" s="197">
        <v>0.17158109226065052</v>
      </c>
      <c r="F369" s="95">
        <v>4.4424665832973963E-2</v>
      </c>
      <c r="G369" s="197">
        <v>0.61922591486540923</v>
      </c>
      <c r="H369" s="95">
        <v>5.6684992763365277E-2</v>
      </c>
      <c r="I369" s="197">
        <v>9.7757080562219014E-3</v>
      </c>
      <c r="J369" s="95">
        <v>1.4834678193553516E-2</v>
      </c>
      <c r="K369" s="47">
        <v>291</v>
      </c>
      <c r="L369" s="197">
        <v>0.28898926564221217</v>
      </c>
      <c r="M369" s="95">
        <v>5.2937283741900411E-2</v>
      </c>
      <c r="N369" s="197">
        <v>0.13017320993208517</v>
      </c>
      <c r="O369" s="95">
        <v>3.9815177478154933E-2</v>
      </c>
      <c r="P369" s="197">
        <v>0.5660534061081407</v>
      </c>
      <c r="Q369" s="95">
        <v>5.7725764942057126E-2</v>
      </c>
      <c r="R369" s="197">
        <v>1.478411831756163E-2</v>
      </c>
      <c r="S369" s="95">
        <v>1.6836975215388038E-2</v>
      </c>
      <c r="W369" s="248"/>
      <c r="X369" s="248"/>
      <c r="Y369" s="248"/>
      <c r="Z369" s="248"/>
      <c r="AA369" s="248"/>
      <c r="AB369" s="248"/>
      <c r="AC369" s="248"/>
      <c r="AD369" s="248"/>
      <c r="AE369" s="248"/>
      <c r="AF369" s="248"/>
      <c r="AG369" s="248"/>
      <c r="AH369" s="248"/>
      <c r="AI369" s="248"/>
      <c r="AJ369" s="248"/>
      <c r="AK369" s="248"/>
      <c r="AL369" s="248"/>
      <c r="AM369" s="248"/>
      <c r="AN369" s="248"/>
      <c r="AO369" s="248"/>
      <c r="AP369" s="248"/>
      <c r="AQ369" s="248"/>
      <c r="AR369" s="248"/>
      <c r="AS369" s="248"/>
    </row>
    <row r="370" spans="1:45">
      <c r="A370" s="43" t="s">
        <v>573</v>
      </c>
      <c r="B370" s="43">
        <v>447</v>
      </c>
      <c r="C370" s="196">
        <v>0.3252478971560821</v>
      </c>
      <c r="D370" s="92">
        <v>4.417271078467816E-2</v>
      </c>
      <c r="E370" s="196">
        <v>9.2164327880743718E-2</v>
      </c>
      <c r="F370" s="92">
        <v>2.7715277237085972E-2</v>
      </c>
      <c r="G370" s="196">
        <v>0.57949077328576126</v>
      </c>
      <c r="H370" s="92">
        <v>4.6499915814755113E-2</v>
      </c>
      <c r="I370" s="196">
        <v>3.0970016774139824E-3</v>
      </c>
      <c r="J370" s="92">
        <v>8.1274830038722407E-3</v>
      </c>
      <c r="K370" s="198">
        <v>446</v>
      </c>
      <c r="L370" s="196">
        <v>0.28449450892742001</v>
      </c>
      <c r="M370" s="92">
        <v>4.2622827508928061E-2</v>
      </c>
      <c r="N370" s="196">
        <v>0.15828714096943761</v>
      </c>
      <c r="O370" s="92">
        <v>3.4679352258029643E-2</v>
      </c>
      <c r="P370" s="196">
        <v>0.53980832476478813</v>
      </c>
      <c r="Q370" s="92">
        <v>4.699346002358222E-2</v>
      </c>
      <c r="R370" s="196">
        <v>1.7410025338355561E-2</v>
      </c>
      <c r="S370" s="92">
        <v>1.373683981586106E-2</v>
      </c>
      <c r="W370" s="248"/>
      <c r="X370" s="248"/>
      <c r="Y370" s="248"/>
      <c r="Z370" s="248"/>
      <c r="AA370" s="248"/>
      <c r="AB370" s="248"/>
      <c r="AC370" s="248"/>
      <c r="AD370" s="248"/>
      <c r="AE370" s="248"/>
      <c r="AF370" s="248"/>
      <c r="AG370" s="248"/>
      <c r="AH370" s="248"/>
      <c r="AI370" s="248"/>
      <c r="AJ370" s="248"/>
      <c r="AK370" s="248"/>
      <c r="AL370" s="248"/>
      <c r="AM370" s="248"/>
      <c r="AN370" s="248"/>
      <c r="AO370" s="248"/>
      <c r="AP370" s="248"/>
      <c r="AQ370" s="248"/>
      <c r="AR370" s="248"/>
      <c r="AS370" s="248"/>
    </row>
    <row r="371" spans="1:45">
      <c r="A371" s="47" t="s">
        <v>574</v>
      </c>
      <c r="B371" s="47">
        <v>673</v>
      </c>
      <c r="C371" s="197">
        <v>0.34919386437467387</v>
      </c>
      <c r="D371" s="95">
        <v>3.666491324680074E-2</v>
      </c>
      <c r="E371" s="197">
        <v>0.12834478744017763</v>
      </c>
      <c r="F371" s="95">
        <v>2.5896032625601421E-2</v>
      </c>
      <c r="G371" s="197">
        <v>0.51895051746928378</v>
      </c>
      <c r="H371" s="95">
        <v>3.8405833277941191E-2</v>
      </c>
      <c r="I371" s="197">
        <v>3.5108307158632636E-3</v>
      </c>
      <c r="J371" s="95">
        <v>6.1506291977850595E-3</v>
      </c>
      <c r="K371" s="47">
        <v>673</v>
      </c>
      <c r="L371" s="197">
        <v>0.3024221142108966</v>
      </c>
      <c r="M371" s="95">
        <v>3.5343673359614476E-2</v>
      </c>
      <c r="N371" s="197">
        <v>0.15489257301305165</v>
      </c>
      <c r="O371" s="95">
        <v>2.7959041732722394E-2</v>
      </c>
      <c r="P371" s="197">
        <v>0.51938564502220164</v>
      </c>
      <c r="Q371" s="95">
        <v>3.8404565248559404E-2</v>
      </c>
      <c r="R371" s="197">
        <v>2.3299667753847998E-2</v>
      </c>
      <c r="S371" s="95">
        <v>1.2258697619457241E-2</v>
      </c>
      <c r="W371" s="248"/>
      <c r="X371" s="248"/>
      <c r="Y371" s="248"/>
      <c r="Z371" s="248"/>
      <c r="AA371" s="248"/>
      <c r="AB371" s="248"/>
      <c r="AC371" s="248"/>
      <c r="AD371" s="248"/>
      <c r="AE371" s="248"/>
      <c r="AF371" s="248"/>
      <c r="AG371" s="248"/>
      <c r="AH371" s="248"/>
      <c r="AI371" s="248"/>
      <c r="AJ371" s="248"/>
      <c r="AK371" s="248"/>
      <c r="AL371" s="248"/>
      <c r="AM371" s="248"/>
      <c r="AN371" s="248"/>
      <c r="AO371" s="248"/>
      <c r="AP371" s="248"/>
      <c r="AQ371" s="248"/>
      <c r="AR371" s="248"/>
      <c r="AS371" s="248"/>
    </row>
    <row r="372" spans="1:45">
      <c r="A372" s="43" t="s">
        <v>575</v>
      </c>
      <c r="B372" s="43">
        <v>924</v>
      </c>
      <c r="C372" s="196">
        <v>0.30006968827259967</v>
      </c>
      <c r="D372" s="92">
        <v>3.0112698885787357E-2</v>
      </c>
      <c r="E372" s="196">
        <v>9.1553364829170605E-2</v>
      </c>
      <c r="F372" s="92">
        <v>1.9096671576054578E-2</v>
      </c>
      <c r="G372" s="196">
        <v>0.60429422076470773</v>
      </c>
      <c r="H372" s="92">
        <v>3.2110818560364358E-2</v>
      </c>
      <c r="I372" s="196">
        <v>4.0827261335187968E-3</v>
      </c>
      <c r="J372" s="92">
        <v>5.1618663301557909E-3</v>
      </c>
      <c r="K372" s="198">
        <v>926</v>
      </c>
      <c r="L372" s="196">
        <v>0.23370564067691313</v>
      </c>
      <c r="M372" s="92">
        <v>2.7800828018894497E-2</v>
      </c>
      <c r="N372" s="196">
        <v>0.11516961270715673</v>
      </c>
      <c r="O372" s="92">
        <v>2.1065873532280101E-2</v>
      </c>
      <c r="P372" s="196">
        <v>0.64042105038607322</v>
      </c>
      <c r="Q372" s="92">
        <v>3.1483136408183794E-2</v>
      </c>
      <c r="R372" s="196">
        <v>1.0703696229853354E-2</v>
      </c>
      <c r="S372" s="92">
        <v>7.374511921749545E-3</v>
      </c>
      <c r="W372" s="248"/>
      <c r="X372" s="248"/>
      <c r="Y372" s="248"/>
      <c r="Z372" s="248"/>
      <c r="AA372" s="248"/>
      <c r="AB372" s="248"/>
      <c r="AC372" s="248"/>
      <c r="AD372" s="248"/>
      <c r="AE372" s="248"/>
      <c r="AF372" s="248"/>
      <c r="AG372" s="248"/>
      <c r="AH372" s="248"/>
      <c r="AI372" s="248"/>
      <c r="AJ372" s="248"/>
      <c r="AK372" s="248"/>
      <c r="AL372" s="248"/>
      <c r="AM372" s="248"/>
      <c r="AN372" s="248"/>
      <c r="AO372" s="248"/>
      <c r="AP372" s="248"/>
      <c r="AQ372" s="248"/>
      <c r="AR372" s="248"/>
      <c r="AS372" s="248"/>
    </row>
    <row r="373" spans="1:45">
      <c r="A373" s="47" t="s">
        <v>576</v>
      </c>
      <c r="B373" s="47">
        <v>754</v>
      </c>
      <c r="C373" s="197">
        <v>0.31396759211718367</v>
      </c>
      <c r="D373" s="95">
        <v>3.3742485610507814E-2</v>
      </c>
      <c r="E373" s="197">
        <v>9.2814081189170811E-2</v>
      </c>
      <c r="F373" s="95">
        <v>2.1296361185418659E-2</v>
      </c>
      <c r="G373" s="197">
        <v>0.5854629715077535</v>
      </c>
      <c r="H373" s="95">
        <v>3.5792790014741699E-2</v>
      </c>
      <c r="I373" s="197">
        <v>7.7553551858918299E-3</v>
      </c>
      <c r="J373" s="95">
        <v>7.3530524725108418E-3</v>
      </c>
      <c r="K373" s="47">
        <v>753</v>
      </c>
      <c r="L373" s="197">
        <v>0.26468825528667411</v>
      </c>
      <c r="M373" s="95">
        <v>3.2117025595116783E-2</v>
      </c>
      <c r="N373" s="197">
        <v>0.14890074453695554</v>
      </c>
      <c r="O373" s="95">
        <v>2.6009712597475285E-2</v>
      </c>
      <c r="P373" s="197">
        <v>0.56552118622983671</v>
      </c>
      <c r="Q373" s="95">
        <v>3.6035519181222567E-2</v>
      </c>
      <c r="R373" s="197">
        <v>2.0889813946533033E-2</v>
      </c>
      <c r="S373" s="95">
        <v>1.0993663582430912E-2</v>
      </c>
      <c r="W373" s="248"/>
      <c r="X373" s="248"/>
      <c r="Y373" s="248"/>
      <c r="Z373" s="248"/>
      <c r="AA373" s="248"/>
      <c r="AB373" s="248"/>
      <c r="AC373" s="248"/>
      <c r="AD373" s="248"/>
      <c r="AE373" s="248"/>
      <c r="AF373" s="248"/>
      <c r="AG373" s="248"/>
      <c r="AH373" s="248"/>
      <c r="AI373" s="248"/>
      <c r="AJ373" s="248"/>
      <c r="AK373" s="248"/>
      <c r="AL373" s="248"/>
      <c r="AM373" s="248"/>
      <c r="AN373" s="248"/>
      <c r="AO373" s="248"/>
      <c r="AP373" s="248"/>
      <c r="AQ373" s="248"/>
      <c r="AR373" s="248"/>
      <c r="AS373" s="248"/>
    </row>
    <row r="374" spans="1:45">
      <c r="A374" s="43" t="s">
        <v>577</v>
      </c>
      <c r="B374" s="43">
        <v>757</v>
      </c>
      <c r="C374" s="196">
        <v>0.24950469328641392</v>
      </c>
      <c r="D374" s="92">
        <v>3.1427701396356977E-2</v>
      </c>
      <c r="E374" s="196">
        <v>0.1346957900210525</v>
      </c>
      <c r="F374" s="92">
        <v>2.4899483439252086E-2</v>
      </c>
      <c r="G374" s="196">
        <v>0.6108403612183263</v>
      </c>
      <c r="H374" s="92">
        <v>3.5357623054967285E-2</v>
      </c>
      <c r="I374" s="196">
        <v>4.9591554742043934E-3</v>
      </c>
      <c r="J374" s="92">
        <v>6.280369245643758E-3</v>
      </c>
      <c r="K374" s="198">
        <v>761</v>
      </c>
      <c r="L374" s="196">
        <v>0.23375239144485799</v>
      </c>
      <c r="M374" s="92">
        <v>3.0665949103724228E-2</v>
      </c>
      <c r="N374" s="196">
        <v>0.12382727712518232</v>
      </c>
      <c r="O374" s="92">
        <v>2.3979295453667494E-2</v>
      </c>
      <c r="P374" s="196">
        <v>0.62058237762917989</v>
      </c>
      <c r="Q374" s="92">
        <v>3.5099227864492578E-2</v>
      </c>
      <c r="R374" s="196">
        <v>2.183795380077732E-2</v>
      </c>
      <c r="S374" s="92">
        <v>1.1142758035591758E-2</v>
      </c>
      <c r="W374" s="248"/>
      <c r="X374" s="248"/>
      <c r="Y374" s="248"/>
      <c r="Z374" s="248"/>
      <c r="AA374" s="248"/>
      <c r="AB374" s="248"/>
      <c r="AC374" s="248"/>
      <c r="AD374" s="248"/>
      <c r="AE374" s="248"/>
      <c r="AF374" s="248"/>
      <c r="AG374" s="248"/>
      <c r="AH374" s="248"/>
      <c r="AI374" s="248"/>
      <c r="AJ374" s="248"/>
      <c r="AK374" s="248"/>
      <c r="AL374" s="248"/>
      <c r="AM374" s="248"/>
      <c r="AN374" s="248"/>
      <c r="AO374" s="248"/>
      <c r="AP374" s="248"/>
      <c r="AQ374" s="248"/>
      <c r="AR374" s="248"/>
      <c r="AS374" s="248"/>
    </row>
    <row r="375" spans="1:45">
      <c r="A375" s="47" t="s">
        <v>578</v>
      </c>
      <c r="B375" s="47">
        <v>256</v>
      </c>
      <c r="C375" s="197">
        <v>0.35382637349263812</v>
      </c>
      <c r="D375" s="95">
        <v>5.9392521093243812E-2</v>
      </c>
      <c r="E375" s="197">
        <v>0.1058096787335603</v>
      </c>
      <c r="F375" s="95">
        <v>3.9097180863761474E-2</v>
      </c>
      <c r="G375" s="197">
        <v>0.5403639477738017</v>
      </c>
      <c r="H375" s="95">
        <v>6.1821143609301646E-2</v>
      </c>
      <c r="I375" s="197">
        <v>0</v>
      </c>
      <c r="J375" s="95">
        <v>1.0836644452735043E-2</v>
      </c>
      <c r="K375" s="47">
        <v>254</v>
      </c>
      <c r="L375" s="197">
        <v>0.30281858568077402</v>
      </c>
      <c r="M375" s="95">
        <v>5.7373486211814873E-2</v>
      </c>
      <c r="N375" s="197">
        <v>0.1363168182865484</v>
      </c>
      <c r="O375" s="95">
        <v>4.3456117960479566E-2</v>
      </c>
      <c r="P375" s="197">
        <v>0.5608645960326778</v>
      </c>
      <c r="Q375" s="95">
        <v>6.1808591596449455E-2</v>
      </c>
      <c r="R375" s="197">
        <v>0</v>
      </c>
      <c r="S375" s="95">
        <v>1.0920321318767428E-2</v>
      </c>
      <c r="W375" s="248"/>
      <c r="X375" s="248"/>
      <c r="Y375" s="248"/>
      <c r="Z375" s="248"/>
      <c r="AA375" s="248"/>
      <c r="AB375" s="248"/>
      <c r="AC375" s="248"/>
      <c r="AD375" s="248"/>
      <c r="AE375" s="248"/>
      <c r="AF375" s="248"/>
      <c r="AG375" s="248"/>
      <c r="AH375" s="248"/>
      <c r="AI375" s="248"/>
      <c r="AJ375" s="248"/>
      <c r="AK375" s="248"/>
      <c r="AL375" s="248"/>
      <c r="AM375" s="248"/>
      <c r="AN375" s="248"/>
      <c r="AO375" s="248"/>
      <c r="AP375" s="248"/>
      <c r="AQ375" s="248"/>
      <c r="AR375" s="248"/>
      <c r="AS375" s="248"/>
    </row>
    <row r="376" spans="1:45">
      <c r="A376" s="43" t="s">
        <v>579</v>
      </c>
      <c r="B376" s="43">
        <v>221</v>
      </c>
      <c r="C376" s="196">
        <v>0.30250130703864192</v>
      </c>
      <c r="D376" s="92">
        <v>6.1444653914133986E-2</v>
      </c>
      <c r="E376" s="196">
        <v>0.14761180117308872</v>
      </c>
      <c r="F376" s="92">
        <v>4.8110707347876883E-2</v>
      </c>
      <c r="G376" s="196">
        <v>0.54988689178826977</v>
      </c>
      <c r="H376" s="92">
        <v>6.6345760799847539E-2</v>
      </c>
      <c r="I376" s="196">
        <v>0</v>
      </c>
      <c r="J376" s="92">
        <v>1.2514792344855039E-2</v>
      </c>
      <c r="K376" s="198">
        <v>219</v>
      </c>
      <c r="L376" s="196">
        <v>0.35340424956706146</v>
      </c>
      <c r="M376" s="92">
        <v>6.4129035356564223E-2</v>
      </c>
      <c r="N376" s="196">
        <v>0.10483862864923588</v>
      </c>
      <c r="O376" s="92">
        <v>4.2224922661557619E-2</v>
      </c>
      <c r="P376" s="196">
        <v>0.52695800906764512</v>
      </c>
      <c r="Q376" s="92">
        <v>6.6871016077139744E-2</v>
      </c>
      <c r="R376" s="196">
        <v>1.4799112716057813E-2</v>
      </c>
      <c r="S376" s="92">
        <v>2.0289346896761352E-2</v>
      </c>
      <c r="W376" s="248"/>
      <c r="X376" s="248"/>
      <c r="Y376" s="248"/>
      <c r="Z376" s="248"/>
      <c r="AA376" s="248"/>
      <c r="AB376" s="248"/>
      <c r="AC376" s="248"/>
      <c r="AD376" s="248"/>
      <c r="AE376" s="248"/>
      <c r="AF376" s="248"/>
      <c r="AG376" s="248"/>
      <c r="AH376" s="248"/>
      <c r="AI376" s="248"/>
      <c r="AJ376" s="248"/>
      <c r="AK376" s="248"/>
      <c r="AL376" s="248"/>
      <c r="AM376" s="248"/>
      <c r="AN376" s="248"/>
      <c r="AO376" s="248"/>
      <c r="AP376" s="248"/>
      <c r="AQ376" s="248"/>
      <c r="AR376" s="248"/>
      <c r="AS376" s="248"/>
    </row>
    <row r="377" spans="1:45">
      <c r="A377" s="47" t="s">
        <v>580</v>
      </c>
      <c r="B377" s="47">
        <v>222</v>
      </c>
      <c r="C377" s="197">
        <v>0.27817412656413582</v>
      </c>
      <c r="D377" s="95">
        <v>5.9870021185024762E-2</v>
      </c>
      <c r="E377" s="197">
        <v>0.12452205539744707</v>
      </c>
      <c r="F377" s="95">
        <v>4.4911460929872291E-2</v>
      </c>
      <c r="G377" s="197">
        <v>0.58481559874698963</v>
      </c>
      <c r="H377" s="95">
        <v>6.558905375832183E-2</v>
      </c>
      <c r="I377" s="197">
        <v>1.2488219291427965E-2</v>
      </c>
      <c r="J377" s="95">
        <v>1.9127346593634249E-2</v>
      </c>
      <c r="K377" s="47">
        <v>222</v>
      </c>
      <c r="L377" s="197">
        <v>0.35910709431779431</v>
      </c>
      <c r="M377" s="95">
        <v>6.3919979601215884E-2</v>
      </c>
      <c r="N377" s="197">
        <v>0.13633852328722398</v>
      </c>
      <c r="O377" s="95">
        <v>4.6542454923870172E-2</v>
      </c>
      <c r="P377" s="197">
        <v>0.49656362623522454</v>
      </c>
      <c r="Q377" s="95">
        <v>6.6517494623662993E-2</v>
      </c>
      <c r="R377" s="197">
        <v>7.9907561597573288E-3</v>
      </c>
      <c r="S377" s="95">
        <v>1.7047581319706975E-2</v>
      </c>
      <c r="W377" s="248"/>
      <c r="X377" s="248"/>
      <c r="Y377" s="248"/>
      <c r="Z377" s="248"/>
      <c r="AA377" s="248"/>
      <c r="AB377" s="248"/>
      <c r="AC377" s="248"/>
      <c r="AD377" s="248"/>
      <c r="AE377" s="248"/>
      <c r="AF377" s="248"/>
      <c r="AG377" s="248"/>
      <c r="AH377" s="248"/>
      <c r="AI377" s="248"/>
      <c r="AJ377" s="248"/>
      <c r="AK377" s="248"/>
      <c r="AL377" s="248"/>
      <c r="AM377" s="248"/>
      <c r="AN377" s="248"/>
      <c r="AO377" s="248"/>
      <c r="AP377" s="248"/>
      <c r="AQ377" s="248"/>
      <c r="AR377" s="248"/>
      <c r="AS377" s="248"/>
    </row>
    <row r="378" spans="1:45">
      <c r="A378" s="43" t="s">
        <v>581</v>
      </c>
      <c r="B378" s="43">
        <v>122</v>
      </c>
      <c r="C378" s="196">
        <v>0.23471685641978215</v>
      </c>
      <c r="D378" s="92">
        <v>7.643280941272125E-2</v>
      </c>
      <c r="E378" s="196">
        <v>0.18704935764118055</v>
      </c>
      <c r="F378" s="92">
        <v>7.0863491562286662E-2</v>
      </c>
      <c r="G378" s="196">
        <v>0.56281621189424413</v>
      </c>
      <c r="H378" s="92">
        <v>8.8425500643408789E-2</v>
      </c>
      <c r="I378" s="196">
        <v>1.5417574044793689E-2</v>
      </c>
      <c r="J378" s="92">
        <v>3.0784675998805165E-2</v>
      </c>
      <c r="K378" s="198">
        <v>123</v>
      </c>
      <c r="L378" s="196">
        <v>0.25021999408977325</v>
      </c>
      <c r="M378" s="92">
        <v>7.7658274159552038E-2</v>
      </c>
      <c r="N378" s="196">
        <v>0.22001412829321762</v>
      </c>
      <c r="O378" s="92">
        <v>7.4552360893190769E-2</v>
      </c>
      <c r="P378" s="196">
        <v>0.49688157328674831</v>
      </c>
      <c r="Q378" s="92">
        <v>8.8734032094025958E-2</v>
      </c>
      <c r="R378" s="196">
        <v>3.2884304330261273E-2</v>
      </c>
      <c r="S378" s="92">
        <v>3.7785625084134342E-2</v>
      </c>
      <c r="W378" s="248"/>
      <c r="X378" s="248"/>
      <c r="Y378" s="248"/>
      <c r="Z378" s="248"/>
      <c r="AA378" s="248"/>
      <c r="AB378" s="248"/>
      <c r="AC378" s="248"/>
      <c r="AD378" s="248"/>
      <c r="AE378" s="248"/>
      <c r="AF378" s="248"/>
      <c r="AG378" s="248"/>
      <c r="AH378" s="248"/>
      <c r="AI378" s="248"/>
      <c r="AJ378" s="248"/>
      <c r="AK378" s="248"/>
      <c r="AL378" s="248"/>
      <c r="AM378" s="248"/>
      <c r="AN378" s="248"/>
      <c r="AO378" s="248"/>
      <c r="AP378" s="248"/>
      <c r="AQ378" s="248"/>
      <c r="AR378" s="248"/>
      <c r="AS378" s="248"/>
    </row>
    <row r="379" spans="1:45">
      <c r="A379" s="47" t="s">
        <v>584</v>
      </c>
      <c r="B379" s="47">
        <v>112</v>
      </c>
      <c r="C379" s="197">
        <v>0.1298424761740507</v>
      </c>
      <c r="D379" s="95">
        <v>6.4932300735742327E-2</v>
      </c>
      <c r="E379" s="197">
        <v>0.17790233224991236</v>
      </c>
      <c r="F379" s="95">
        <v>7.2702675141263218E-2</v>
      </c>
      <c r="G379" s="197">
        <v>0.67677892000537088</v>
      </c>
      <c r="H379" s="95">
        <v>8.7270345127317975E-2</v>
      </c>
      <c r="I379" s="197">
        <v>1.5476271570666228E-2</v>
      </c>
      <c r="J379" s="95">
        <v>3.2773084713282039E-2</v>
      </c>
      <c r="K379" s="47">
        <v>113</v>
      </c>
      <c r="L379" s="197">
        <v>0.20158972925870169</v>
      </c>
      <c r="M379" s="95">
        <v>7.5546109217015697E-2</v>
      </c>
      <c r="N379" s="197">
        <v>0.12507681449650579</v>
      </c>
      <c r="O379" s="95">
        <v>6.375158856857896E-2</v>
      </c>
      <c r="P379" s="197">
        <v>0.64298942110751189</v>
      </c>
      <c r="Q379" s="95">
        <v>8.8853695767325436E-2</v>
      </c>
      <c r="R379" s="197">
        <v>3.034403513728098E-2</v>
      </c>
      <c r="S379" s="95">
        <v>3.8893951395476981E-2</v>
      </c>
      <c r="W379" s="248"/>
      <c r="X379" s="248"/>
      <c r="Y379" s="248"/>
      <c r="Z379" s="248"/>
      <c r="AA379" s="248"/>
      <c r="AB379" s="248"/>
      <c r="AC379" s="248"/>
      <c r="AD379" s="248"/>
      <c r="AE379" s="248"/>
      <c r="AF379" s="248"/>
      <c r="AG379" s="248"/>
      <c r="AH379" s="248"/>
      <c r="AI379" s="248"/>
      <c r="AJ379" s="248"/>
      <c r="AK379" s="248"/>
      <c r="AL379" s="248"/>
      <c r="AM379" s="248"/>
      <c r="AN379" s="248"/>
      <c r="AO379" s="248"/>
      <c r="AP379" s="248"/>
      <c r="AQ379" s="248"/>
      <c r="AR379" s="248"/>
      <c r="AS379" s="248"/>
    </row>
    <row r="380" spans="1:45">
      <c r="A380" s="43" t="s">
        <v>585</v>
      </c>
      <c r="B380" s="43">
        <v>2246</v>
      </c>
      <c r="C380" s="196">
        <v>0.32258585711336762</v>
      </c>
      <c r="D380" s="92">
        <v>1.9715128372900716E-2</v>
      </c>
      <c r="E380" s="196">
        <v>0.1068476301585736</v>
      </c>
      <c r="F380" s="92">
        <v>1.3062605047647608E-2</v>
      </c>
      <c r="G380" s="196">
        <v>0.56694794005201965</v>
      </c>
      <c r="H380" s="92">
        <v>2.0892694959497773E-2</v>
      </c>
      <c r="I380" s="196">
        <v>3.6185726760360744E-3</v>
      </c>
      <c r="J380" s="92">
        <v>2.8223770246151077E-3</v>
      </c>
      <c r="K380" s="198">
        <v>2246</v>
      </c>
      <c r="L380" s="196">
        <v>0.28502952433068668</v>
      </c>
      <c r="M380" s="92">
        <v>1.904156197869571E-2</v>
      </c>
      <c r="N380" s="196">
        <v>0.13911440141690368</v>
      </c>
      <c r="O380" s="92">
        <v>1.4619575493977098E-2</v>
      </c>
      <c r="P380" s="196">
        <v>0.56236576204732791</v>
      </c>
      <c r="Q380" s="92">
        <v>2.0917800127512855E-2</v>
      </c>
      <c r="R380" s="196">
        <v>1.3490312205077858E-2</v>
      </c>
      <c r="S380" s="92">
        <v>5.0153800828682564E-3</v>
      </c>
      <c r="W380" s="248"/>
      <c r="X380" s="248"/>
      <c r="Y380" s="248"/>
      <c r="Z380" s="248"/>
      <c r="AA380" s="248"/>
      <c r="AB380" s="248"/>
      <c r="AC380" s="248"/>
      <c r="AD380" s="248"/>
      <c r="AE380" s="248"/>
      <c r="AF380" s="248"/>
      <c r="AG380" s="248"/>
      <c r="AH380" s="248"/>
      <c r="AI380" s="248"/>
      <c r="AJ380" s="248"/>
      <c r="AK380" s="248"/>
      <c r="AL380" s="248"/>
      <c r="AM380" s="248"/>
      <c r="AN380" s="248"/>
      <c r="AO380" s="248"/>
      <c r="AP380" s="248"/>
      <c r="AQ380" s="248"/>
      <c r="AR380" s="248"/>
      <c r="AS380" s="248"/>
    </row>
    <row r="381" spans="1:45">
      <c r="A381" s="47" t="s">
        <v>620</v>
      </c>
      <c r="B381" s="47">
        <v>153</v>
      </c>
      <c r="C381" s="197">
        <v>0.29584684771710729</v>
      </c>
      <c r="D381" s="95">
        <v>7.3218664224363531E-2</v>
      </c>
      <c r="E381" s="197">
        <v>0.11701148075446312</v>
      </c>
      <c r="F381" s="95">
        <v>5.3106966360621975E-2</v>
      </c>
      <c r="G381" s="197">
        <v>0.58035959811501836</v>
      </c>
      <c r="H381" s="95">
        <v>7.8823708197067549E-2</v>
      </c>
      <c r="I381" s="197">
        <v>6.782073413411709E-3</v>
      </c>
      <c r="J381" s="95">
        <v>2.198655344720906E-2</v>
      </c>
      <c r="K381" s="47">
        <v>153</v>
      </c>
      <c r="L381" s="197">
        <v>0.15436476931573898</v>
      </c>
      <c r="M381" s="95">
        <v>5.8982036504121198E-2</v>
      </c>
      <c r="N381" s="197">
        <v>0.13570147974622768</v>
      </c>
      <c r="O381" s="95">
        <v>5.6198671451703763E-2</v>
      </c>
      <c r="P381" s="197">
        <v>0.70395639556636991</v>
      </c>
      <c r="Q381" s="95">
        <v>7.3231930807317672E-2</v>
      </c>
      <c r="R381" s="197">
        <v>5.9773553716637173E-3</v>
      </c>
      <c r="S381" s="95">
        <v>2.1544976186763865E-2</v>
      </c>
      <c r="W381" s="248"/>
      <c r="X381" s="248"/>
      <c r="Y381" s="248"/>
      <c r="Z381" s="248"/>
      <c r="AA381" s="248"/>
      <c r="AB381" s="248"/>
      <c r="AC381" s="248"/>
      <c r="AD381" s="248"/>
      <c r="AE381" s="248"/>
      <c r="AF381" s="248"/>
      <c r="AG381" s="248"/>
      <c r="AH381" s="248"/>
      <c r="AI381" s="248"/>
      <c r="AJ381" s="248"/>
      <c r="AK381" s="248"/>
      <c r="AL381" s="248"/>
      <c r="AM381" s="248"/>
      <c r="AN381" s="248"/>
      <c r="AO381" s="248"/>
      <c r="AP381" s="248"/>
      <c r="AQ381" s="248"/>
      <c r="AR381" s="248"/>
      <c r="AS381" s="248"/>
    </row>
    <row r="382" spans="1:45">
      <c r="A382" s="43" t="s">
        <v>621</v>
      </c>
      <c r="B382" s="43">
        <v>160</v>
      </c>
      <c r="C382" s="196">
        <v>0.25442311654402178</v>
      </c>
      <c r="D382" s="92">
        <v>6.8538394434946831E-2</v>
      </c>
      <c r="E382" s="196">
        <v>0.13212633580354002</v>
      </c>
      <c r="F382" s="92">
        <v>5.4367757374772556E-2</v>
      </c>
      <c r="G382" s="196">
        <v>0.61345054765243878</v>
      </c>
      <c r="H382" s="92">
        <v>7.6149591455678872E-2</v>
      </c>
      <c r="I382" s="196">
        <v>0</v>
      </c>
      <c r="J382" s="92">
        <v>1.7141022646310424E-2</v>
      </c>
      <c r="K382" s="198">
        <v>162</v>
      </c>
      <c r="L382" s="196">
        <v>0.2047141609496482</v>
      </c>
      <c r="M382" s="92">
        <v>6.3427741407115129E-2</v>
      </c>
      <c r="N382" s="196">
        <v>0.17628753072075123</v>
      </c>
      <c r="O382" s="92">
        <v>6.0160328279272819E-2</v>
      </c>
      <c r="P382" s="196">
        <v>0.5784645915115848</v>
      </c>
      <c r="Q382" s="92">
        <v>7.6699451174913405E-2</v>
      </c>
      <c r="R382" s="196">
        <v>4.0533716818016458E-2</v>
      </c>
      <c r="S382" s="92">
        <v>3.4341340264361982E-2</v>
      </c>
      <c r="W382" s="248"/>
      <c r="X382" s="248"/>
      <c r="Y382" s="248"/>
      <c r="Z382" s="248"/>
      <c r="AA382" s="248"/>
      <c r="AB382" s="248"/>
      <c r="AC382" s="248"/>
      <c r="AD382" s="248"/>
      <c r="AE382" s="248"/>
      <c r="AF382" s="248"/>
      <c r="AG382" s="248"/>
      <c r="AH382" s="248"/>
      <c r="AI382" s="248"/>
      <c r="AJ382" s="248"/>
      <c r="AK382" s="248"/>
      <c r="AL382" s="248"/>
      <c r="AM382" s="248"/>
      <c r="AN382" s="248"/>
      <c r="AO382" s="248"/>
      <c r="AP382" s="248"/>
      <c r="AQ382" s="248"/>
      <c r="AR382" s="248"/>
      <c r="AS382" s="248"/>
    </row>
    <row r="383" spans="1:45">
      <c r="A383" s="47" t="s">
        <v>622</v>
      </c>
      <c r="B383" s="47">
        <v>991</v>
      </c>
      <c r="C383" s="197">
        <v>0.35394062391655068</v>
      </c>
      <c r="D383" s="95">
        <v>3.0330695812899617E-2</v>
      </c>
      <c r="E383" s="197">
        <v>9.8266063346707733E-2</v>
      </c>
      <c r="F383" s="95">
        <v>1.9011220719993879E-2</v>
      </c>
      <c r="G383" s="197">
        <v>0.5436285291861731</v>
      </c>
      <c r="H383" s="95">
        <v>3.1582185983710938E-2</v>
      </c>
      <c r="I383" s="197">
        <v>4.1647835505695232E-3</v>
      </c>
      <c r="J383" s="95">
        <v>4.9602110788248954E-3</v>
      </c>
      <c r="K383" s="47">
        <v>988</v>
      </c>
      <c r="L383" s="197">
        <v>0.29513367361565845</v>
      </c>
      <c r="M383" s="95">
        <v>2.8986062791423097E-2</v>
      </c>
      <c r="N383" s="197">
        <v>0.13234765053278494</v>
      </c>
      <c r="O383" s="95">
        <v>2.1619847768598204E-2</v>
      </c>
      <c r="P383" s="197">
        <v>0.56067736660754985</v>
      </c>
      <c r="Q383" s="95">
        <v>3.1517269254591494E-2</v>
      </c>
      <c r="R383" s="197">
        <v>1.1841309244007685E-2</v>
      </c>
      <c r="S383" s="95">
        <v>7.4104828469965071E-3</v>
      </c>
      <c r="W383" s="248"/>
      <c r="X383" s="248"/>
      <c r="Y383" s="248"/>
      <c r="Z383" s="248"/>
      <c r="AA383" s="248"/>
      <c r="AB383" s="248"/>
      <c r="AC383" s="248"/>
      <c r="AD383" s="248"/>
      <c r="AE383" s="248"/>
      <c r="AF383" s="248"/>
      <c r="AG383" s="248"/>
      <c r="AH383" s="248"/>
      <c r="AI383" s="248"/>
      <c r="AJ383" s="248"/>
      <c r="AK383" s="248"/>
      <c r="AL383" s="248"/>
      <c r="AM383" s="248"/>
      <c r="AN383" s="248"/>
      <c r="AO383" s="248"/>
      <c r="AP383" s="248"/>
      <c r="AQ383" s="248"/>
      <c r="AR383" s="248"/>
      <c r="AS383" s="248"/>
    </row>
    <row r="384" spans="1:45">
      <c r="A384" s="43" t="s">
        <v>623</v>
      </c>
      <c r="B384" s="43">
        <v>301</v>
      </c>
      <c r="C384" s="196">
        <v>0.25662354705844076</v>
      </c>
      <c r="D384" s="92">
        <v>5.022067280167021E-2</v>
      </c>
      <c r="E384" s="196">
        <v>8.8070681075264334E-2</v>
      </c>
      <c r="F384" s="92">
        <v>3.3336009170068272E-2</v>
      </c>
      <c r="G384" s="196">
        <v>0.649650842983164</v>
      </c>
      <c r="H384" s="92">
        <v>5.4704954422940155E-2</v>
      </c>
      <c r="I384" s="196">
        <v>5.6549288831302435E-3</v>
      </c>
      <c r="J384" s="92">
        <v>1.2540195525843449E-2</v>
      </c>
      <c r="K384" s="198">
        <v>299</v>
      </c>
      <c r="L384" s="196">
        <v>0.30356431691528174</v>
      </c>
      <c r="M384" s="92">
        <v>5.2955563382827205E-2</v>
      </c>
      <c r="N384" s="196">
        <v>0.10947835283105503</v>
      </c>
      <c r="O384" s="92">
        <v>3.6603820704756616E-2</v>
      </c>
      <c r="P384" s="196">
        <v>0.57449686209297279</v>
      </c>
      <c r="Q384" s="92">
        <v>5.6824177820353559E-2</v>
      </c>
      <c r="R384" s="196">
        <v>1.2460468160690318E-2</v>
      </c>
      <c r="S384" s="92">
        <v>1.5644377446620658E-2</v>
      </c>
      <c r="W384" s="248"/>
      <c r="X384" s="248"/>
      <c r="Y384" s="248"/>
      <c r="Z384" s="248"/>
      <c r="AA384" s="248"/>
      <c r="AB384" s="248"/>
      <c r="AC384" s="248"/>
      <c r="AD384" s="248"/>
      <c r="AE384" s="248"/>
      <c r="AF384" s="248"/>
      <c r="AG384" s="248"/>
      <c r="AH384" s="248"/>
      <c r="AI384" s="248"/>
      <c r="AJ384" s="248"/>
      <c r="AK384" s="248"/>
      <c r="AL384" s="248"/>
      <c r="AM384" s="248"/>
      <c r="AN384" s="248"/>
      <c r="AO384" s="248"/>
      <c r="AP384" s="248"/>
      <c r="AQ384" s="248"/>
      <c r="AR384" s="248"/>
      <c r="AS384" s="248"/>
    </row>
    <row r="385" spans="1:45">
      <c r="A385" s="47" t="s">
        <v>624</v>
      </c>
      <c r="B385" s="47">
        <v>319</v>
      </c>
      <c r="C385" s="197">
        <v>0.3941135168369243</v>
      </c>
      <c r="D385" s="95">
        <v>5.4410892701282923E-2</v>
      </c>
      <c r="E385" s="197">
        <v>9.3930686362932725E-2</v>
      </c>
      <c r="F385" s="95">
        <v>3.3229932416729335E-2</v>
      </c>
      <c r="G385" s="197">
        <v>0.50945133457345404</v>
      </c>
      <c r="H385" s="95">
        <v>5.5631791591012773E-2</v>
      </c>
      <c r="I385" s="197">
        <v>2.5044622266905468E-3</v>
      </c>
      <c r="J385" s="95">
        <v>1.031414224161498E-2</v>
      </c>
      <c r="K385" s="47">
        <v>318</v>
      </c>
      <c r="L385" s="197">
        <v>0.36172629355807856</v>
      </c>
      <c r="M385" s="95">
        <v>5.3609173826142879E-2</v>
      </c>
      <c r="N385" s="197">
        <v>0.14833269647691416</v>
      </c>
      <c r="O385" s="95">
        <v>4.009051364982269E-2</v>
      </c>
      <c r="P385" s="197">
        <v>0.4843669684487899</v>
      </c>
      <c r="Q385" s="95">
        <v>5.5701248628809256E-2</v>
      </c>
      <c r="R385" s="197">
        <v>5.5740415162186582E-3</v>
      </c>
      <c r="S385" s="95">
        <v>1.1993121593537026E-2</v>
      </c>
      <c r="W385" s="248"/>
      <c r="X385" s="248"/>
      <c r="Y385" s="248"/>
      <c r="Z385" s="248"/>
      <c r="AA385" s="248"/>
      <c r="AB385" s="248"/>
      <c r="AC385" s="248"/>
      <c r="AD385" s="248"/>
      <c r="AE385" s="248"/>
      <c r="AF385" s="248"/>
      <c r="AG385" s="248"/>
      <c r="AH385" s="248"/>
      <c r="AI385" s="248"/>
      <c r="AJ385" s="248"/>
      <c r="AK385" s="248"/>
      <c r="AL385" s="248"/>
      <c r="AM385" s="248"/>
      <c r="AN385" s="248"/>
      <c r="AO385" s="248"/>
      <c r="AP385" s="248"/>
      <c r="AQ385" s="248"/>
      <c r="AR385" s="248"/>
      <c r="AS385" s="248"/>
    </row>
    <row r="386" spans="1:45">
      <c r="A386" s="43" t="s">
        <v>625</v>
      </c>
      <c r="B386" s="43">
        <v>1185</v>
      </c>
      <c r="C386" s="196">
        <v>0.28162629304129888</v>
      </c>
      <c r="D386" s="92">
        <v>2.6109250922416966E-2</v>
      </c>
      <c r="E386" s="196">
        <v>0.11852778439193198</v>
      </c>
      <c r="F386" s="92">
        <v>1.8835431541318604E-2</v>
      </c>
      <c r="G386" s="196">
        <v>0.59390928152890499</v>
      </c>
      <c r="H386" s="92">
        <v>2.8488132714412629E-2</v>
      </c>
      <c r="I386" s="196">
        <v>5.9366410378649372E-3</v>
      </c>
      <c r="J386" s="92">
        <v>5.0367910901823769E-3</v>
      </c>
      <c r="K386" s="198">
        <v>1179</v>
      </c>
      <c r="L386" s="196">
        <v>0.27586363875308118</v>
      </c>
      <c r="M386" s="92">
        <v>2.6011379528872169E-2</v>
      </c>
      <c r="N386" s="196">
        <v>0.13196806952454454</v>
      </c>
      <c r="O386" s="92">
        <v>1.9759065163455942E-2</v>
      </c>
      <c r="P386" s="196">
        <v>0.57340417362411578</v>
      </c>
      <c r="Q386" s="92">
        <v>2.8761308366779731E-2</v>
      </c>
      <c r="R386" s="196">
        <v>1.8764118098258953E-2</v>
      </c>
      <c r="S386" s="92">
        <v>8.2183812737321692E-3</v>
      </c>
      <c r="W386" s="248"/>
      <c r="X386" s="248"/>
      <c r="Y386" s="248"/>
      <c r="Z386" s="248"/>
      <c r="AA386" s="248"/>
      <c r="AB386" s="248"/>
      <c r="AC386" s="248"/>
      <c r="AD386" s="248"/>
      <c r="AE386" s="248"/>
      <c r="AF386" s="248"/>
      <c r="AG386" s="248"/>
      <c r="AH386" s="248"/>
      <c r="AI386" s="248"/>
      <c r="AJ386" s="248"/>
      <c r="AK386" s="248"/>
      <c r="AL386" s="248"/>
      <c r="AM386" s="248"/>
      <c r="AN386" s="248"/>
      <c r="AO386" s="248"/>
      <c r="AP386" s="248"/>
      <c r="AQ386" s="248"/>
      <c r="AR386" s="248"/>
      <c r="AS386" s="248"/>
    </row>
    <row r="387" spans="1:45">
      <c r="A387" s="47" t="s">
        <v>626</v>
      </c>
      <c r="B387" s="47">
        <v>1172</v>
      </c>
      <c r="C387" s="197">
        <v>0.3213000277165029</v>
      </c>
      <c r="D387" s="95">
        <v>2.7248115854230894E-2</v>
      </c>
      <c r="E387" s="197">
        <v>0.11527819395274466</v>
      </c>
      <c r="F387" s="95">
        <v>1.8716856987104891E-2</v>
      </c>
      <c r="G387" s="197">
        <v>0.55920406431087055</v>
      </c>
      <c r="H387" s="95">
        <v>2.8956845828553502E-2</v>
      </c>
      <c r="I387" s="197">
        <v>4.2177140198825765E-3</v>
      </c>
      <c r="J387" s="95">
        <v>4.4680234026780669E-3</v>
      </c>
      <c r="K387" s="47">
        <v>1179</v>
      </c>
      <c r="L387" s="197">
        <v>0.26792613613695904</v>
      </c>
      <c r="M387" s="95">
        <v>2.5776549452001033E-2</v>
      </c>
      <c r="N387" s="197">
        <v>0.14774727177559016</v>
      </c>
      <c r="O387" s="95">
        <v>2.0702432046480562E-2</v>
      </c>
      <c r="P387" s="197">
        <v>0.57378331889255596</v>
      </c>
      <c r="Q387" s="95">
        <v>2.8758050030666449E-2</v>
      </c>
      <c r="R387" s="197">
        <v>1.0543273194895281E-2</v>
      </c>
      <c r="S387" s="95">
        <v>6.3829453426503405E-3</v>
      </c>
      <c r="W387" s="248"/>
      <c r="X387" s="248"/>
      <c r="Y387" s="248"/>
      <c r="Z387" s="248"/>
      <c r="AA387" s="248"/>
      <c r="AB387" s="248"/>
      <c r="AC387" s="248"/>
      <c r="AD387" s="248"/>
      <c r="AE387" s="248"/>
      <c r="AF387" s="248"/>
      <c r="AG387" s="248"/>
      <c r="AH387" s="248"/>
      <c r="AI387" s="248"/>
      <c r="AJ387" s="248"/>
      <c r="AK387" s="248"/>
      <c r="AL387" s="248"/>
      <c r="AM387" s="248"/>
      <c r="AN387" s="248"/>
      <c r="AO387" s="248"/>
      <c r="AP387" s="248"/>
      <c r="AQ387" s="248"/>
      <c r="AR387" s="248"/>
      <c r="AS387" s="248"/>
    </row>
    <row r="388" spans="1:45">
      <c r="A388" s="43" t="s">
        <v>627</v>
      </c>
      <c r="B388" s="43">
        <v>345</v>
      </c>
      <c r="C388" s="196">
        <v>0.39422203539129969</v>
      </c>
      <c r="D388" s="92">
        <v>5.2345122433533967E-2</v>
      </c>
      <c r="E388" s="196">
        <v>0.11165685359227312</v>
      </c>
      <c r="F388" s="92">
        <v>3.4296325718317942E-2</v>
      </c>
      <c r="G388" s="196">
        <v>0.49066572912554562</v>
      </c>
      <c r="H388" s="92">
        <v>5.3519656797456468E-2</v>
      </c>
      <c r="I388" s="196">
        <v>3.455381890878473E-3</v>
      </c>
      <c r="J388" s="92">
        <v>1.0191732344281588E-2</v>
      </c>
      <c r="K388" s="198">
        <v>346</v>
      </c>
      <c r="L388" s="196">
        <v>0.31427237565728938</v>
      </c>
      <c r="M388" s="92">
        <v>4.9717969796263514E-2</v>
      </c>
      <c r="N388" s="196">
        <v>0.16357026416472462</v>
      </c>
      <c r="O388" s="92">
        <v>3.9912380387426873E-2</v>
      </c>
      <c r="P388" s="196">
        <v>0.51184446643131087</v>
      </c>
      <c r="Q388" s="92">
        <v>5.3437589440009557E-2</v>
      </c>
      <c r="R388" s="196">
        <v>1.0312893746672236E-2</v>
      </c>
      <c r="S388" s="92">
        <v>1.3376402003827609E-2</v>
      </c>
      <c r="W388" s="248"/>
      <c r="X388" s="248"/>
      <c r="Y388" s="248"/>
      <c r="Z388" s="248"/>
      <c r="AA388" s="248"/>
      <c r="AB388" s="248"/>
      <c r="AC388" s="248"/>
      <c r="AD388" s="248"/>
      <c r="AE388" s="248"/>
      <c r="AF388" s="248"/>
      <c r="AG388" s="248"/>
      <c r="AH388" s="248"/>
      <c r="AI388" s="248"/>
      <c r="AJ388" s="248"/>
      <c r="AK388" s="248"/>
      <c r="AL388" s="248"/>
      <c r="AM388" s="248"/>
      <c r="AN388" s="248"/>
      <c r="AO388" s="248"/>
      <c r="AP388" s="248"/>
      <c r="AQ388" s="248"/>
      <c r="AR388" s="248"/>
      <c r="AS388" s="248"/>
    </row>
    <row r="389" spans="1:45">
      <c r="A389" s="47" t="s">
        <v>628</v>
      </c>
      <c r="B389" s="47">
        <v>827</v>
      </c>
      <c r="C389" s="197">
        <v>0.27722734989885012</v>
      </c>
      <c r="D389" s="95">
        <v>3.1093118149866178E-2</v>
      </c>
      <c r="E389" s="197">
        <v>0.11746686335535993</v>
      </c>
      <c r="F389" s="95">
        <v>2.2489332861969753E-2</v>
      </c>
      <c r="G389" s="197">
        <v>0.6006273336516138</v>
      </c>
      <c r="H389" s="95">
        <v>3.3986716901029522E-2</v>
      </c>
      <c r="I389" s="197">
        <v>4.6784530941751468E-3</v>
      </c>
      <c r="J389" s="95">
        <v>5.8099839347706215E-3</v>
      </c>
      <c r="K389" s="47">
        <v>833</v>
      </c>
      <c r="L389" s="197">
        <v>0.24004148710362919</v>
      </c>
      <c r="M389" s="95">
        <v>2.9578152281523339E-2</v>
      </c>
      <c r="N389" s="197">
        <v>0.13822722022460066</v>
      </c>
      <c r="O389" s="95">
        <v>2.3984105270396135E-2</v>
      </c>
      <c r="P389" s="197">
        <v>0.61104940952437992</v>
      </c>
      <c r="Q389" s="95">
        <v>3.3710101177619467E-2</v>
      </c>
      <c r="R389" s="197">
        <v>1.0681883147389324E-2</v>
      </c>
      <c r="S389" s="95">
        <v>7.8366818812074454E-3</v>
      </c>
      <c r="W389" s="248"/>
      <c r="X389" s="248"/>
      <c r="Y389" s="248"/>
      <c r="Z389" s="248"/>
      <c r="AA389" s="248"/>
      <c r="AB389" s="248"/>
      <c r="AC389" s="248"/>
      <c r="AD389" s="248"/>
      <c r="AE389" s="248"/>
      <c r="AF389" s="248"/>
      <c r="AG389" s="248"/>
      <c r="AH389" s="248"/>
      <c r="AI389" s="248"/>
      <c r="AJ389" s="248"/>
      <c r="AK389" s="248"/>
      <c r="AL389" s="248"/>
      <c r="AM389" s="248"/>
      <c r="AN389" s="248"/>
      <c r="AO389" s="248"/>
      <c r="AP389" s="248"/>
      <c r="AQ389" s="248"/>
      <c r="AR389" s="248"/>
      <c r="AS389" s="248"/>
    </row>
    <row r="390" spans="1:45">
      <c r="A390" s="43" t="s">
        <v>629</v>
      </c>
      <c r="B390" s="43">
        <v>217</v>
      </c>
      <c r="C390" s="196">
        <v>0.27452217813506602</v>
      </c>
      <c r="D390" s="92">
        <v>6.031342989651451E-2</v>
      </c>
      <c r="E390" s="196">
        <v>5.4634179007451912E-2</v>
      </c>
      <c r="F390" s="92">
        <v>3.2613026136212128E-2</v>
      </c>
      <c r="G390" s="196">
        <v>0.66634694049130161</v>
      </c>
      <c r="H390" s="92">
        <v>6.3576840120143224E-2</v>
      </c>
      <c r="I390" s="196">
        <v>4.4967023661800333E-3</v>
      </c>
      <c r="J390" s="92">
        <v>1.5505818060355198E-2</v>
      </c>
      <c r="K390" s="198">
        <v>215</v>
      </c>
      <c r="L390" s="196">
        <v>0.30490731683918193</v>
      </c>
      <c r="M390" s="92">
        <v>6.241948376245697E-2</v>
      </c>
      <c r="N390" s="196">
        <v>0.12536986891073076</v>
      </c>
      <c r="O390" s="92">
        <v>4.5777365179854757E-2</v>
      </c>
      <c r="P390" s="196">
        <v>0.55899151534164415</v>
      </c>
      <c r="Q390" s="92">
        <v>6.7118917628278929E-2</v>
      </c>
      <c r="R390" s="196">
        <v>1.0731298908443139E-2</v>
      </c>
      <c r="S390" s="92">
        <v>1.8765992064414327E-2</v>
      </c>
      <c r="W390" s="248"/>
      <c r="X390" s="248"/>
      <c r="Y390" s="248"/>
      <c r="Z390" s="248"/>
      <c r="AA390" s="248"/>
      <c r="AB390" s="248"/>
      <c r="AC390" s="248"/>
      <c r="AD390" s="248"/>
      <c r="AE390" s="248"/>
      <c r="AF390" s="248"/>
      <c r="AG390" s="248"/>
      <c r="AH390" s="248"/>
      <c r="AI390" s="248"/>
      <c r="AJ390" s="248"/>
      <c r="AK390" s="248"/>
      <c r="AL390" s="248"/>
      <c r="AM390" s="248"/>
      <c r="AN390" s="248"/>
      <c r="AO390" s="248"/>
      <c r="AP390" s="248"/>
      <c r="AQ390" s="248"/>
      <c r="AR390" s="248"/>
      <c r="AS390" s="248"/>
    </row>
    <row r="391" spans="1:45">
      <c r="A391" s="47" t="s">
        <v>630</v>
      </c>
      <c r="B391" s="47">
        <v>386</v>
      </c>
      <c r="C391" s="197">
        <v>0.27752882948059254</v>
      </c>
      <c r="D391" s="95">
        <v>4.5462480620361019E-2</v>
      </c>
      <c r="E391" s="197">
        <v>0.11117305083627319</v>
      </c>
      <c r="F391" s="95">
        <v>3.2328277551783559E-2</v>
      </c>
      <c r="G391" s="197">
        <v>0.60985947643138028</v>
      </c>
      <c r="H391" s="95">
        <v>4.9425125678950091E-2</v>
      </c>
      <c r="I391" s="197">
        <v>1.438643251755631E-3</v>
      </c>
      <c r="J391" s="95">
        <v>8.1707189157578502E-3</v>
      </c>
      <c r="K391" s="47">
        <v>388</v>
      </c>
      <c r="L391" s="197">
        <v>0.21504259977696052</v>
      </c>
      <c r="M391" s="95">
        <v>4.1704497716930397E-2</v>
      </c>
      <c r="N391" s="197">
        <v>0.17929505664977086</v>
      </c>
      <c r="O391" s="95">
        <v>3.9023363428628229E-2</v>
      </c>
      <c r="P391" s="197">
        <v>0.60566234357327009</v>
      </c>
      <c r="Q391" s="95">
        <v>4.939038101750938E-2</v>
      </c>
      <c r="R391" s="197">
        <v>0</v>
      </c>
      <c r="S391" s="95">
        <v>7.1969452106893216E-3</v>
      </c>
      <c r="W391" s="248"/>
      <c r="X391" s="248"/>
      <c r="Y391" s="248"/>
      <c r="Z391" s="248"/>
      <c r="AA391" s="248"/>
      <c r="AB391" s="248"/>
      <c r="AC391" s="248"/>
      <c r="AD391" s="248"/>
      <c r="AE391" s="248"/>
      <c r="AF391" s="248"/>
      <c r="AG391" s="248"/>
      <c r="AH391" s="248"/>
      <c r="AI391" s="248"/>
      <c r="AJ391" s="248"/>
      <c r="AK391" s="248"/>
      <c r="AL391" s="248"/>
      <c r="AM391" s="248"/>
      <c r="AN391" s="248"/>
      <c r="AO391" s="248"/>
      <c r="AP391" s="248"/>
      <c r="AQ391" s="248"/>
      <c r="AR391" s="248"/>
      <c r="AS391" s="248"/>
    </row>
    <row r="392" spans="1:45">
      <c r="A392" s="43" t="s">
        <v>631</v>
      </c>
      <c r="B392" s="43">
        <v>54</v>
      </c>
      <c r="C392" s="196">
        <v>0.3516562003962897</v>
      </c>
      <c r="D392" s="92">
        <v>0.126197640830642</v>
      </c>
      <c r="E392" s="196">
        <v>0.10902863143816871</v>
      </c>
      <c r="F392" s="92">
        <v>9.0018504872250049E-2</v>
      </c>
      <c r="G392" s="196">
        <v>0.5393151681655417</v>
      </c>
      <c r="H392" s="92">
        <v>0.13095410185422507</v>
      </c>
      <c r="I392" s="196">
        <v>0</v>
      </c>
      <c r="J392" s="92">
        <v>4.7917816122734561E-2</v>
      </c>
      <c r="K392" s="198">
        <v>55</v>
      </c>
      <c r="L392" s="196">
        <v>0.23452213641012132</v>
      </c>
      <c r="M392" s="92">
        <v>0.11312329083694769</v>
      </c>
      <c r="N392" s="196">
        <v>0.1604007054832555</v>
      </c>
      <c r="O392" s="92">
        <v>0.10076987743233462</v>
      </c>
      <c r="P392" s="196">
        <v>0.60507715810662344</v>
      </c>
      <c r="Q392" s="92">
        <v>0.12766618398161136</v>
      </c>
      <c r="R392" s="196">
        <v>0</v>
      </c>
      <c r="S392" s="92">
        <v>4.7119904748779487E-2</v>
      </c>
      <c r="W392" s="248"/>
      <c r="X392" s="248"/>
      <c r="Y392" s="248"/>
      <c r="Z392" s="248"/>
      <c r="AA392" s="248"/>
      <c r="AB392" s="248"/>
      <c r="AC392" s="248"/>
      <c r="AD392" s="248"/>
      <c r="AE392" s="248"/>
      <c r="AF392" s="248"/>
      <c r="AG392" s="248"/>
      <c r="AH392" s="248"/>
      <c r="AI392" s="248"/>
      <c r="AJ392" s="248"/>
      <c r="AK392" s="248"/>
      <c r="AL392" s="248"/>
      <c r="AM392" s="248"/>
      <c r="AN392" s="248"/>
      <c r="AO392" s="248"/>
      <c r="AP392" s="248"/>
      <c r="AQ392" s="248"/>
      <c r="AR392" s="248"/>
      <c r="AS392" s="248"/>
    </row>
    <row r="393" spans="1:45">
      <c r="A393" s="47" t="s">
        <v>632</v>
      </c>
      <c r="B393" s="47">
        <v>332</v>
      </c>
      <c r="C393" s="197">
        <v>0.25699714930570439</v>
      </c>
      <c r="D393" s="95">
        <v>4.7852353190615995E-2</v>
      </c>
      <c r="E393" s="197">
        <v>0.11176700867800986</v>
      </c>
      <c r="F393" s="95">
        <v>3.4990214661650011E-2</v>
      </c>
      <c r="G393" s="197">
        <v>0.62939872566659338</v>
      </c>
      <c r="H393" s="95">
        <v>5.2740634935042628E-2</v>
      </c>
      <c r="I393" s="197">
        <v>1.8371163496940354E-3</v>
      </c>
      <c r="J393" s="95">
        <v>9.5788027647852499E-3</v>
      </c>
      <c r="K393" s="47">
        <v>333</v>
      </c>
      <c r="L393" s="197">
        <v>0.20956057689287877</v>
      </c>
      <c r="M393" s="95">
        <v>4.4606495945904913E-2</v>
      </c>
      <c r="N393" s="197">
        <v>0.18461239388552309</v>
      </c>
      <c r="O393" s="95">
        <v>4.2597827271978535E-2</v>
      </c>
      <c r="P393" s="197">
        <v>0.60582702922159959</v>
      </c>
      <c r="Q393" s="95">
        <v>5.3268807409855068E-2</v>
      </c>
      <c r="R393" s="197">
        <v>0</v>
      </c>
      <c r="S393" s="95">
        <v>8.3680168438259005E-3</v>
      </c>
      <c r="W393" s="248"/>
      <c r="X393" s="248"/>
      <c r="Y393" s="248"/>
      <c r="Z393" s="248"/>
      <c r="AA393" s="248"/>
      <c r="AB393" s="248"/>
      <c r="AC393" s="248"/>
      <c r="AD393" s="248"/>
      <c r="AE393" s="248"/>
      <c r="AF393" s="248"/>
      <c r="AG393" s="248"/>
      <c r="AH393" s="248"/>
      <c r="AI393" s="248"/>
      <c r="AJ393" s="248"/>
      <c r="AK393" s="248"/>
      <c r="AL393" s="248"/>
      <c r="AM393" s="248"/>
      <c r="AN393" s="248"/>
      <c r="AO393" s="248"/>
      <c r="AP393" s="248"/>
      <c r="AQ393" s="248"/>
      <c r="AR393" s="248"/>
      <c r="AS393" s="248"/>
    </row>
    <row r="394" spans="1:45">
      <c r="A394" s="43" t="s">
        <v>633</v>
      </c>
      <c r="B394" s="43">
        <v>659</v>
      </c>
      <c r="C394" s="196">
        <v>0.33660910481969181</v>
      </c>
      <c r="D394" s="92">
        <v>3.6731020534450667E-2</v>
      </c>
      <c r="E394" s="196">
        <v>0.11868933202486122</v>
      </c>
      <c r="F394" s="92">
        <v>2.5330551408479413E-2</v>
      </c>
      <c r="G394" s="196">
        <v>0.54044722568243131</v>
      </c>
      <c r="H394" s="92">
        <v>3.8711034722919244E-2</v>
      </c>
      <c r="I394" s="196">
        <v>4.2543374730135506E-3</v>
      </c>
      <c r="J394" s="92">
        <v>6.5875094183561805E-3</v>
      </c>
      <c r="K394" s="198">
        <v>655</v>
      </c>
      <c r="L394" s="196">
        <v>0.26730824287010263</v>
      </c>
      <c r="M394" s="92">
        <v>3.4536590150475659E-2</v>
      </c>
      <c r="N394" s="196">
        <v>0.12607892940989532</v>
      </c>
      <c r="O394" s="92">
        <v>2.6058787813822922E-2</v>
      </c>
      <c r="P394" s="196">
        <v>0.58398787429013677</v>
      </c>
      <c r="Q394" s="92">
        <v>3.8407716837685513E-2</v>
      </c>
      <c r="R394" s="196">
        <v>2.2624953429862992E-2</v>
      </c>
      <c r="S394" s="92">
        <v>1.2286693264373047E-2</v>
      </c>
      <c r="W394" s="248"/>
      <c r="X394" s="248"/>
      <c r="Y394" s="248"/>
      <c r="Z394" s="248"/>
      <c r="AA394" s="248"/>
      <c r="AB394" s="248"/>
      <c r="AC394" s="248"/>
      <c r="AD394" s="248"/>
      <c r="AE394" s="248"/>
      <c r="AF394" s="248"/>
      <c r="AG394" s="248"/>
      <c r="AH394" s="248"/>
      <c r="AI394" s="248"/>
      <c r="AJ394" s="248"/>
      <c r="AK394" s="248"/>
      <c r="AL394" s="248"/>
      <c r="AM394" s="248"/>
      <c r="AN394" s="248"/>
      <c r="AO394" s="248"/>
      <c r="AP394" s="248"/>
      <c r="AQ394" s="248"/>
      <c r="AR394" s="248"/>
      <c r="AS394" s="248"/>
    </row>
    <row r="395" spans="1:45">
      <c r="A395" s="47" t="s">
        <v>634</v>
      </c>
      <c r="B395" s="47">
        <v>611</v>
      </c>
      <c r="C395" s="197">
        <v>0.35857035879182747</v>
      </c>
      <c r="D395" s="95">
        <v>3.8698921521611911E-2</v>
      </c>
      <c r="E395" s="197">
        <v>0.10835266648324376</v>
      </c>
      <c r="F395" s="95">
        <v>2.53240672451337E-2</v>
      </c>
      <c r="G395" s="197">
        <v>0.52846745450514665</v>
      </c>
      <c r="H395" s="95">
        <v>4.0259331008546971E-2</v>
      </c>
      <c r="I395" s="197">
        <v>4.6095202197823518E-3</v>
      </c>
      <c r="J395" s="95">
        <v>7.1090180214059585E-3</v>
      </c>
      <c r="K395" s="47">
        <v>612</v>
      </c>
      <c r="L395" s="197">
        <v>0.31243515223445772</v>
      </c>
      <c r="M395" s="95">
        <v>3.7388347637775037E-2</v>
      </c>
      <c r="N395" s="197">
        <v>0.14511895338497677</v>
      </c>
      <c r="O395" s="95">
        <v>2.8568637336129875E-2</v>
      </c>
      <c r="P395" s="197">
        <v>0.52896723768760334</v>
      </c>
      <c r="Q395" s="95">
        <v>4.0224351445078972E-2</v>
      </c>
      <c r="R395" s="197">
        <v>1.3478656692962514E-2</v>
      </c>
      <c r="S395" s="95">
        <v>1.0307312666358655E-2</v>
      </c>
      <c r="W395" s="248"/>
      <c r="X395" s="248"/>
      <c r="Y395" s="248"/>
      <c r="Z395" s="248"/>
      <c r="AA395" s="248"/>
      <c r="AB395" s="248"/>
      <c r="AC395" s="248"/>
      <c r="AD395" s="248"/>
      <c r="AE395" s="248"/>
      <c r="AF395" s="248"/>
      <c r="AG395" s="248"/>
      <c r="AH395" s="248"/>
      <c r="AI395" s="248"/>
      <c r="AJ395" s="248"/>
      <c r="AK395" s="248"/>
      <c r="AL395" s="248"/>
      <c r="AM395" s="248"/>
      <c r="AN395" s="248"/>
      <c r="AO395" s="248"/>
      <c r="AP395" s="248"/>
      <c r="AQ395" s="248"/>
      <c r="AR395" s="248"/>
      <c r="AS395" s="248"/>
    </row>
    <row r="396" spans="1:45">
      <c r="A396" s="43" t="s">
        <v>635</v>
      </c>
      <c r="B396" s="43">
        <v>229</v>
      </c>
      <c r="C396" s="196">
        <v>0.39631942914073476</v>
      </c>
      <c r="D396" s="92">
        <v>6.4137226562350463E-2</v>
      </c>
      <c r="E396" s="196">
        <v>0.10317360495857394</v>
      </c>
      <c r="F396" s="92">
        <v>4.0993904814114114E-2</v>
      </c>
      <c r="G396" s="196">
        <v>0.4951384202787803</v>
      </c>
      <c r="H396" s="92">
        <v>6.5509186798346858E-2</v>
      </c>
      <c r="I396" s="196">
        <v>5.3685456219107787E-3</v>
      </c>
      <c r="J396" s="92">
        <v>1.5318070407879494E-2</v>
      </c>
      <c r="K396" s="198">
        <v>229</v>
      </c>
      <c r="L396" s="196">
        <v>0.32247976663679695</v>
      </c>
      <c r="M396" s="92">
        <v>6.1394284090513958E-2</v>
      </c>
      <c r="N396" s="196">
        <v>0.16758730634102639</v>
      </c>
      <c r="O396" s="92">
        <v>4.9592877231792495E-2</v>
      </c>
      <c r="P396" s="196">
        <v>0.49385626250736664</v>
      </c>
      <c r="Q396" s="92">
        <v>6.5507400800449672E-2</v>
      </c>
      <c r="R396" s="196">
        <v>1.6076664514809991E-2</v>
      </c>
      <c r="S396" s="92">
        <v>2.0209106088078247E-2</v>
      </c>
      <c r="W396" s="248"/>
      <c r="X396" s="248"/>
      <c r="Y396" s="248"/>
      <c r="Z396" s="248"/>
      <c r="AA396" s="248"/>
      <c r="AB396" s="248"/>
      <c r="AC396" s="248"/>
      <c r="AD396" s="248"/>
      <c r="AE396" s="248"/>
      <c r="AF396" s="248"/>
      <c r="AG396" s="248"/>
      <c r="AH396" s="248"/>
      <c r="AI396" s="248"/>
      <c r="AJ396" s="248"/>
      <c r="AK396" s="248"/>
      <c r="AL396" s="248"/>
      <c r="AM396" s="248"/>
      <c r="AN396" s="248"/>
      <c r="AO396" s="248"/>
      <c r="AP396" s="248"/>
      <c r="AQ396" s="248"/>
      <c r="AR396" s="248"/>
      <c r="AS396" s="248"/>
    </row>
    <row r="397" spans="1:45">
      <c r="A397" s="47" t="s">
        <v>636</v>
      </c>
      <c r="B397" s="47">
        <v>382</v>
      </c>
      <c r="C397" s="197">
        <v>0.32610299413947386</v>
      </c>
      <c r="D397" s="95">
        <v>4.7788753988020724E-2</v>
      </c>
      <c r="E397" s="197">
        <v>0.11280709350685654</v>
      </c>
      <c r="F397" s="95">
        <v>3.2697810944052143E-2</v>
      </c>
      <c r="G397" s="197">
        <v>0.55713321760173584</v>
      </c>
      <c r="H397" s="95">
        <v>5.0572176587844256E-2</v>
      </c>
      <c r="I397" s="197">
        <v>3.9566947519356511E-3</v>
      </c>
      <c r="J397" s="95">
        <v>9.6650021641506954E-3</v>
      </c>
      <c r="K397" s="47">
        <v>383</v>
      </c>
      <c r="L397" s="197">
        <v>0.30381894761197681</v>
      </c>
      <c r="M397" s="95">
        <v>4.6844012970929619E-2</v>
      </c>
      <c r="N397" s="197">
        <v>0.1258457469835062</v>
      </c>
      <c r="O397" s="95">
        <v>3.4158396605603672E-2</v>
      </c>
      <c r="P397" s="197">
        <v>0.55908520285084073</v>
      </c>
      <c r="Q397" s="95">
        <v>5.0484037694183477E-2</v>
      </c>
      <c r="R397" s="197">
        <v>1.1250102553678388E-2</v>
      </c>
      <c r="S397" s="95">
        <v>1.2874280999513606E-2</v>
      </c>
      <c r="W397" s="248"/>
      <c r="X397" s="248"/>
      <c r="Y397" s="248"/>
      <c r="Z397" s="248"/>
      <c r="AA397" s="248"/>
      <c r="AB397" s="248"/>
      <c r="AC397" s="248"/>
      <c r="AD397" s="248"/>
      <c r="AE397" s="248"/>
      <c r="AF397" s="248"/>
      <c r="AG397" s="248"/>
      <c r="AH397" s="248"/>
      <c r="AI397" s="248"/>
      <c r="AJ397" s="248"/>
      <c r="AK397" s="248"/>
      <c r="AL397" s="248"/>
      <c r="AM397" s="248"/>
      <c r="AN397" s="248"/>
      <c r="AO397" s="248"/>
      <c r="AP397" s="248"/>
      <c r="AQ397" s="248"/>
      <c r="AR397" s="248"/>
      <c r="AS397" s="248"/>
    </row>
    <row r="398" spans="1:45">
      <c r="P398" s="248"/>
      <c r="Q398" s="248"/>
      <c r="R398" s="248"/>
      <c r="S398" s="248"/>
      <c r="T398" s="248"/>
      <c r="U398" s="248"/>
      <c r="V398" s="248"/>
      <c r="W398" s="248"/>
      <c r="X398" s="248"/>
      <c r="Y398" s="248"/>
      <c r="Z398" s="248"/>
      <c r="AA398" s="248"/>
      <c r="AB398" s="248"/>
      <c r="AC398" s="248"/>
      <c r="AD398" s="248"/>
      <c r="AE398" s="248"/>
      <c r="AF398" s="248"/>
      <c r="AG398" s="248"/>
      <c r="AH398" s="248"/>
      <c r="AI398" s="248"/>
      <c r="AJ398" s="248"/>
      <c r="AK398" s="248"/>
      <c r="AL398" s="248"/>
      <c r="AM398" s="248"/>
      <c r="AN398" s="248"/>
      <c r="AO398" s="248"/>
      <c r="AP398" s="248"/>
      <c r="AQ398" s="248"/>
      <c r="AR398" s="248"/>
      <c r="AS398" s="248"/>
    </row>
    <row r="399" spans="1:45" ht="18.75">
      <c r="A399" s="427" t="s">
        <v>353</v>
      </c>
      <c r="B399" s="427"/>
      <c r="C399" s="427"/>
      <c r="D399" s="427"/>
    </row>
    <row r="400" spans="1:45" ht="61.5" customHeight="1">
      <c r="A400" s="418" t="s">
        <v>614</v>
      </c>
      <c r="B400" s="418"/>
      <c r="C400" s="418"/>
      <c r="D400" s="418"/>
    </row>
    <row r="401" spans="1:4" ht="36" customHeight="1">
      <c r="A401" s="401" t="s">
        <v>240</v>
      </c>
      <c r="B401" s="401"/>
      <c r="C401" s="401"/>
      <c r="D401" s="401"/>
    </row>
    <row r="402" spans="1:4" ht="40.5" customHeight="1">
      <c r="A402" s="35" t="s">
        <v>70</v>
      </c>
      <c r="B402" s="36" t="s">
        <v>71</v>
      </c>
      <c r="C402" s="37" t="s">
        <v>551</v>
      </c>
      <c r="D402" s="38" t="s">
        <v>72</v>
      </c>
    </row>
    <row r="403" spans="1:4" ht="72">
      <c r="A403" s="39"/>
      <c r="B403" s="40" t="s">
        <v>73</v>
      </c>
      <c r="C403" s="126" t="s">
        <v>241</v>
      </c>
      <c r="D403" s="42" t="s">
        <v>75</v>
      </c>
    </row>
    <row r="404" spans="1:4">
      <c r="A404" s="43" t="s">
        <v>348</v>
      </c>
      <c r="B404" s="204">
        <v>13336</v>
      </c>
      <c r="C404" s="205">
        <v>5.0078707272273473</v>
      </c>
      <c r="D404" s="206">
        <v>3.0424742860847169E-2</v>
      </c>
    </row>
    <row r="405" spans="1:4">
      <c r="A405" s="47" t="s">
        <v>349</v>
      </c>
      <c r="B405" s="47">
        <v>9776</v>
      </c>
      <c r="C405" s="208">
        <v>4.6624899340711865</v>
      </c>
      <c r="D405" s="209">
        <v>3.6540269743475663E-2</v>
      </c>
    </row>
    <row r="406" spans="1:4">
      <c r="A406" s="43" t="s">
        <v>350</v>
      </c>
      <c r="B406" s="51">
        <v>3560</v>
      </c>
      <c r="C406" s="205">
        <v>5.2895581924058508</v>
      </c>
      <c r="D406" s="206">
        <v>4.7369388098030055E-2</v>
      </c>
    </row>
    <row r="407" spans="1:4">
      <c r="A407" s="47" t="s">
        <v>568</v>
      </c>
      <c r="B407" s="47">
        <v>11075</v>
      </c>
      <c r="C407" s="208">
        <v>5.0179039261168885</v>
      </c>
      <c r="D407" s="209">
        <v>3.1514106119911033E-2</v>
      </c>
    </row>
    <row r="408" spans="1:4">
      <c r="A408" s="43" t="s">
        <v>569</v>
      </c>
      <c r="B408" s="51">
        <v>2261</v>
      </c>
      <c r="C408" s="205">
        <v>3.7285518318486259</v>
      </c>
      <c r="D408" s="206">
        <v>7.5912724594927608E-2</v>
      </c>
    </row>
    <row r="409" spans="1:4">
      <c r="A409" s="47" t="s">
        <v>570</v>
      </c>
      <c r="B409" s="47">
        <v>579</v>
      </c>
      <c r="C409" s="208">
        <v>3.3735405221004675</v>
      </c>
      <c r="D409" s="209">
        <v>0.1426626212712431</v>
      </c>
    </row>
    <row r="410" spans="1:4">
      <c r="A410" s="43" t="s">
        <v>571</v>
      </c>
      <c r="B410" s="51">
        <v>1213</v>
      </c>
      <c r="C410" s="205">
        <v>3.4742516398098586</v>
      </c>
      <c r="D410" s="206">
        <v>0.10299029485054094</v>
      </c>
    </row>
    <row r="411" spans="1:4">
      <c r="A411" s="47" t="s">
        <v>582</v>
      </c>
      <c r="B411" s="47">
        <v>840</v>
      </c>
      <c r="C411" s="208">
        <v>3.57961706332993</v>
      </c>
      <c r="D411" s="209">
        <v>0.12362638679552847</v>
      </c>
    </row>
    <row r="412" spans="1:4">
      <c r="A412" s="43" t="s">
        <v>583</v>
      </c>
      <c r="B412" s="51">
        <v>1421</v>
      </c>
      <c r="C412" s="205">
        <v>3.7897911177150627</v>
      </c>
      <c r="D412" s="206">
        <v>9.571516796257809E-2</v>
      </c>
    </row>
    <row r="413" spans="1:4">
      <c r="A413" s="47" t="s">
        <v>572</v>
      </c>
      <c r="B413" s="47">
        <v>287</v>
      </c>
      <c r="C413" s="208">
        <v>4.5105938142488045</v>
      </c>
      <c r="D413" s="209">
        <v>0.21750288528301021</v>
      </c>
    </row>
    <row r="414" spans="1:4">
      <c r="A414" s="43" t="s">
        <v>573</v>
      </c>
      <c r="B414" s="204">
        <v>445</v>
      </c>
      <c r="C414" s="205">
        <v>3.3634966303736076</v>
      </c>
      <c r="D414" s="206">
        <v>0.15776654534864751</v>
      </c>
    </row>
    <row r="415" spans="1:4">
      <c r="A415" s="47" t="s">
        <v>574</v>
      </c>
      <c r="B415" s="207">
        <v>664</v>
      </c>
      <c r="C415" s="208">
        <v>3.4169386118574194</v>
      </c>
      <c r="D415" s="209">
        <v>0.13695289336464961</v>
      </c>
    </row>
    <row r="416" spans="1:4">
      <c r="A416" s="43" t="s">
        <v>575</v>
      </c>
      <c r="B416" s="81">
        <v>844</v>
      </c>
      <c r="C416" s="205">
        <v>3.6608199181445142</v>
      </c>
      <c r="D416" s="206">
        <v>0.12732348576402749</v>
      </c>
    </row>
    <row r="417" spans="1:4">
      <c r="A417" s="47" t="s">
        <v>576</v>
      </c>
      <c r="B417" s="207">
        <v>725</v>
      </c>
      <c r="C417" s="208">
        <v>3.5623771914703313</v>
      </c>
      <c r="D417" s="209">
        <v>0.13145765615391522</v>
      </c>
    </row>
    <row r="418" spans="1:4">
      <c r="A418" s="55" t="s">
        <v>577</v>
      </c>
      <c r="B418" s="204">
        <v>721</v>
      </c>
      <c r="C418" s="205">
        <v>3.8790093323402695</v>
      </c>
      <c r="D418" s="206">
        <v>0.13157859975071756</v>
      </c>
    </row>
    <row r="419" spans="1:4">
      <c r="A419" s="47" t="s">
        <v>578</v>
      </c>
      <c r="B419" s="207">
        <v>245</v>
      </c>
      <c r="C419" s="208">
        <v>3.5330513800552978</v>
      </c>
      <c r="D419" s="209">
        <v>0.22852685748104951</v>
      </c>
    </row>
    <row r="420" spans="1:4">
      <c r="A420" s="55" t="s">
        <v>579</v>
      </c>
      <c r="B420" s="204">
        <v>219</v>
      </c>
      <c r="C420" s="205">
        <v>4.011753163321556</v>
      </c>
      <c r="D420" s="206">
        <v>0.24786367534672538</v>
      </c>
    </row>
    <row r="421" spans="1:4">
      <c r="A421" s="47" t="s">
        <v>580</v>
      </c>
      <c r="B421" s="207">
        <v>209</v>
      </c>
      <c r="C421" s="208">
        <v>3.8093297483244259</v>
      </c>
      <c r="D421" s="209">
        <v>0.23920460855475995</v>
      </c>
    </row>
    <row r="422" spans="1:4">
      <c r="A422" s="55" t="s">
        <v>581</v>
      </c>
      <c r="B422" s="204">
        <v>116</v>
      </c>
      <c r="C422" s="205">
        <v>4.0646139012593636</v>
      </c>
      <c r="D422" s="206">
        <v>0.36108672363036604</v>
      </c>
    </row>
    <row r="423" spans="1:4">
      <c r="A423" s="47" t="s">
        <v>584</v>
      </c>
      <c r="B423" s="207">
        <v>110</v>
      </c>
      <c r="C423" s="208">
        <v>5.1726121394438866</v>
      </c>
      <c r="D423" s="209">
        <v>0.27279542990433814</v>
      </c>
    </row>
    <row r="424" spans="1:4">
      <c r="A424" s="55" t="s">
        <v>585</v>
      </c>
      <c r="B424" s="204">
        <v>2151</v>
      </c>
      <c r="C424" s="205">
        <v>3.469456893964344</v>
      </c>
      <c r="D424" s="206">
        <v>7.6674281369932124E-2</v>
      </c>
    </row>
    <row r="425" spans="1:4">
      <c r="A425" s="47" t="s">
        <v>620</v>
      </c>
      <c r="B425" s="207">
        <v>149</v>
      </c>
      <c r="C425" s="208">
        <v>4.0083536373741637</v>
      </c>
      <c r="D425" s="209">
        <v>0.29523749192062115</v>
      </c>
    </row>
    <row r="426" spans="1:4">
      <c r="A426" s="55" t="s">
        <v>621</v>
      </c>
      <c r="B426" s="204">
        <v>150</v>
      </c>
      <c r="C426" s="205">
        <v>3.3246139699922965</v>
      </c>
      <c r="D426" s="206">
        <v>0.2915813412552879</v>
      </c>
    </row>
    <row r="427" spans="1:4">
      <c r="A427" s="47" t="s">
        <v>622</v>
      </c>
      <c r="B427" s="207">
        <v>935</v>
      </c>
      <c r="C427" s="208">
        <v>3.4414698647813302</v>
      </c>
      <c r="D427" s="209">
        <v>0.11659237780778475</v>
      </c>
    </row>
    <row r="428" spans="1:4">
      <c r="A428" s="55" t="s">
        <v>623</v>
      </c>
      <c r="B428" s="204">
        <v>293</v>
      </c>
      <c r="C428" s="205">
        <v>3.42525245471231</v>
      </c>
      <c r="D428" s="206">
        <v>0.20941708602927664</v>
      </c>
    </row>
    <row r="429" spans="1:4">
      <c r="A429" s="47" t="s">
        <v>624</v>
      </c>
      <c r="B429" s="207">
        <v>309</v>
      </c>
      <c r="C429" s="208">
        <v>3.0185475433820801</v>
      </c>
      <c r="D429" s="209">
        <v>0.18494258029484306</v>
      </c>
    </row>
    <row r="430" spans="1:4">
      <c r="A430" s="55" t="s">
        <v>625</v>
      </c>
      <c r="B430" s="204">
        <v>1138</v>
      </c>
      <c r="C430" s="205">
        <v>3.9205717844387458</v>
      </c>
      <c r="D430" s="206">
        <v>0.10977793182249407</v>
      </c>
    </row>
    <row r="431" spans="1:4">
      <c r="A431" s="47" t="s">
        <v>626</v>
      </c>
      <c r="B431" s="207">
        <v>1122</v>
      </c>
      <c r="C431" s="208">
        <v>3.3289070715053097</v>
      </c>
      <c r="D431" s="209">
        <v>0.10377191274679445</v>
      </c>
    </row>
    <row r="432" spans="1:4">
      <c r="A432" s="55" t="s">
        <v>627</v>
      </c>
      <c r="B432" s="204">
        <v>325</v>
      </c>
      <c r="C432" s="205">
        <v>2.9250449115036856</v>
      </c>
      <c r="D432" s="206">
        <v>0.18351474557199807</v>
      </c>
    </row>
    <row r="433" spans="1:49">
      <c r="A433" s="47" t="s">
        <v>628</v>
      </c>
      <c r="B433" s="207">
        <v>797</v>
      </c>
      <c r="C433" s="208">
        <v>3.5674204217548549</v>
      </c>
      <c r="D433" s="209">
        <v>0.12406643162848088</v>
      </c>
    </row>
    <row r="434" spans="1:49">
      <c r="A434" s="55" t="s">
        <v>629</v>
      </c>
      <c r="B434" s="204">
        <v>208</v>
      </c>
      <c r="C434" s="205">
        <v>3.389156114128292</v>
      </c>
      <c r="D434" s="206">
        <v>0.24150399611082068</v>
      </c>
    </row>
    <row r="435" spans="1:49">
      <c r="A435" s="47" t="s">
        <v>630</v>
      </c>
      <c r="B435" s="207">
        <v>371</v>
      </c>
      <c r="C435" s="208">
        <v>3.3539695993762173</v>
      </c>
      <c r="D435" s="209">
        <v>0.17674378050161668</v>
      </c>
    </row>
    <row r="436" spans="1:49">
      <c r="A436" s="55" t="s">
        <v>631</v>
      </c>
      <c r="B436" s="204">
        <v>55</v>
      </c>
      <c r="C436" s="205">
        <v>2.890844932642997</v>
      </c>
      <c r="D436" s="206">
        <v>0.48279881402822272</v>
      </c>
    </row>
    <row r="437" spans="1:49">
      <c r="A437" s="47" t="s">
        <v>632</v>
      </c>
      <c r="B437" s="207">
        <v>316</v>
      </c>
      <c r="C437" s="208">
        <v>3.4914141006788642</v>
      </c>
      <c r="D437" s="209">
        <v>0.18853156983516517</v>
      </c>
    </row>
    <row r="438" spans="1:49">
      <c r="A438" s="55" t="s">
        <v>633</v>
      </c>
      <c r="B438" s="204">
        <v>630</v>
      </c>
      <c r="C438" s="205">
        <v>3.6450900957731758</v>
      </c>
      <c r="D438" s="206">
        <v>0.14788513472251172</v>
      </c>
    </row>
    <row r="439" spans="1:49">
      <c r="A439" s="47" t="s">
        <v>634</v>
      </c>
      <c r="B439" s="207">
        <v>583</v>
      </c>
      <c r="C439" s="208">
        <v>3.1829603598605529</v>
      </c>
      <c r="D439" s="209">
        <v>0.14202059680319129</v>
      </c>
    </row>
    <row r="440" spans="1:49">
      <c r="A440" s="55" t="s">
        <v>635</v>
      </c>
      <c r="B440" s="204">
        <v>212</v>
      </c>
      <c r="C440" s="205">
        <v>3.0324255394891502</v>
      </c>
      <c r="D440" s="206">
        <v>0.22880244178230058</v>
      </c>
    </row>
    <row r="441" spans="1:49">
      <c r="A441" s="47" t="s">
        <v>636</v>
      </c>
      <c r="B441" s="207">
        <v>371</v>
      </c>
      <c r="C441" s="208">
        <v>3.3058608023021838</v>
      </c>
      <c r="D441" s="209">
        <v>0.1804704173844095</v>
      </c>
    </row>
    <row r="442" spans="1:49" s="244" customFormat="1">
      <c r="A442" s="237"/>
      <c r="B442" s="251"/>
      <c r="C442" s="252"/>
      <c r="D442" s="253"/>
    </row>
    <row r="443" spans="1:49" ht="18.75">
      <c r="A443" s="344" t="s">
        <v>67</v>
      </c>
      <c r="B443" s="344"/>
      <c r="C443" s="344"/>
      <c r="D443" s="344"/>
      <c r="E443" s="344"/>
      <c r="F443" s="344"/>
      <c r="G443" s="344"/>
      <c r="H443" s="344"/>
      <c r="I443" s="344"/>
      <c r="J443" s="344"/>
      <c r="K443" s="344"/>
      <c r="L443" s="344"/>
      <c r="M443" s="344"/>
      <c r="N443" s="344"/>
      <c r="O443" s="344"/>
      <c r="P443" s="344"/>
      <c r="Q443" s="344"/>
      <c r="R443" s="344"/>
      <c r="S443" s="344"/>
      <c r="T443" s="230"/>
      <c r="U443" s="230"/>
      <c r="V443" s="230"/>
      <c r="W443" s="230"/>
      <c r="X443" s="230"/>
      <c r="Y443" s="230"/>
      <c r="Z443" s="230"/>
      <c r="AA443" s="230"/>
      <c r="AB443" s="230"/>
      <c r="AC443" s="230"/>
      <c r="AD443" s="230"/>
      <c r="AE443" s="230"/>
      <c r="AF443" s="230"/>
      <c r="AG443" s="230"/>
      <c r="AH443" s="230"/>
      <c r="AI443" s="230"/>
      <c r="AJ443" s="230"/>
      <c r="AK443" s="248"/>
      <c r="AL443" s="248"/>
      <c r="AM443" s="248"/>
      <c r="AN443" s="248"/>
      <c r="AO443" s="248"/>
      <c r="AP443" s="248"/>
      <c r="AQ443" s="248"/>
      <c r="AR443" s="248"/>
      <c r="AS443" s="248"/>
    </row>
    <row r="444" spans="1:49" ht="67.5" customHeight="1">
      <c r="A444" s="428" t="s">
        <v>420</v>
      </c>
      <c r="B444" s="428"/>
      <c r="C444" s="428"/>
      <c r="D444" s="428"/>
      <c r="E444" s="428"/>
      <c r="F444" s="428"/>
      <c r="G444" s="428"/>
      <c r="H444" s="428"/>
      <c r="I444" s="428"/>
      <c r="J444" s="428"/>
      <c r="K444" s="428"/>
      <c r="L444" s="428"/>
      <c r="M444" s="428"/>
      <c r="N444" s="428"/>
      <c r="O444" s="428"/>
      <c r="P444" s="428"/>
      <c r="Q444" s="428"/>
      <c r="R444" s="428"/>
      <c r="S444" s="428"/>
      <c r="T444" s="249"/>
      <c r="U444" s="249"/>
      <c r="V444" s="249"/>
      <c r="W444" s="249"/>
      <c r="X444" s="249"/>
      <c r="Y444" s="249"/>
      <c r="Z444" s="249"/>
      <c r="AA444" s="249"/>
      <c r="AB444" s="249"/>
      <c r="AC444" s="249"/>
      <c r="AD444" s="249"/>
      <c r="AE444" s="249"/>
      <c r="AF444" s="249"/>
      <c r="AG444" s="249"/>
      <c r="AH444" s="249"/>
      <c r="AI444" s="249"/>
      <c r="AJ444" s="249"/>
      <c r="AK444" s="248"/>
      <c r="AL444" s="248"/>
      <c r="AM444" s="248"/>
      <c r="AN444" s="248"/>
      <c r="AO444" s="248"/>
      <c r="AP444" s="248"/>
      <c r="AQ444" s="248"/>
      <c r="AR444" s="248"/>
      <c r="AS444" s="248"/>
    </row>
    <row r="445" spans="1:49" ht="33" customHeight="1">
      <c r="A445" s="62"/>
      <c r="B445" s="395" t="s">
        <v>239</v>
      </c>
      <c r="C445" s="396"/>
      <c r="D445" s="396"/>
      <c r="E445" s="396"/>
      <c r="F445" s="396"/>
      <c r="G445" s="396"/>
      <c r="H445" s="396"/>
      <c r="I445" s="396"/>
      <c r="J445" s="397"/>
      <c r="K445" s="395" t="s">
        <v>421</v>
      </c>
      <c r="L445" s="396"/>
      <c r="M445" s="396"/>
      <c r="N445" s="396"/>
      <c r="O445" s="396"/>
      <c r="P445" s="396"/>
      <c r="Q445" s="396"/>
      <c r="R445" s="396"/>
      <c r="S445" s="397"/>
      <c r="T445" s="248"/>
      <c r="U445" s="248"/>
      <c r="V445" s="248"/>
      <c r="W445" s="248"/>
      <c r="X445" s="248"/>
      <c r="Y445" s="248"/>
      <c r="Z445" s="248"/>
      <c r="AA445" s="248"/>
      <c r="AB445" s="248"/>
      <c r="AC445" s="248"/>
      <c r="AD445" s="248"/>
      <c r="AE445" s="248"/>
      <c r="AF445" s="248"/>
      <c r="AG445" s="248"/>
      <c r="AH445" s="248"/>
      <c r="AI445" s="248"/>
      <c r="AJ445" s="248"/>
      <c r="AK445" s="248"/>
      <c r="AL445" s="248"/>
      <c r="AM445" s="248"/>
      <c r="AN445" s="248"/>
      <c r="AO445" s="248"/>
      <c r="AP445" s="248"/>
      <c r="AQ445" s="248"/>
      <c r="AR445" s="248"/>
      <c r="AS445" s="248"/>
      <c r="AT445" s="248"/>
      <c r="AU445" s="248"/>
      <c r="AV445" s="248"/>
      <c r="AW445" s="248"/>
    </row>
    <row r="446" spans="1:49" ht="41.25" customHeight="1">
      <c r="A446" s="35" t="s">
        <v>70</v>
      </c>
      <c r="B446" s="36" t="s">
        <v>71</v>
      </c>
      <c r="C446" s="36" t="s">
        <v>311</v>
      </c>
      <c r="D446" s="87" t="s">
        <v>142</v>
      </c>
      <c r="E446" s="36" t="s">
        <v>312</v>
      </c>
      <c r="F446" s="87" t="s">
        <v>143</v>
      </c>
      <c r="G446" s="36" t="s">
        <v>313</v>
      </c>
      <c r="H446" s="87" t="s">
        <v>116</v>
      </c>
      <c r="I446" s="36" t="s">
        <v>300</v>
      </c>
      <c r="J446" s="87" t="s">
        <v>314</v>
      </c>
      <c r="K446" s="63" t="s">
        <v>71</v>
      </c>
      <c r="L446" s="63" t="s">
        <v>311</v>
      </c>
      <c r="M446" s="86" t="s">
        <v>142</v>
      </c>
      <c r="N446" s="63" t="s">
        <v>312</v>
      </c>
      <c r="O446" s="86" t="s">
        <v>143</v>
      </c>
      <c r="P446" s="63" t="s">
        <v>313</v>
      </c>
      <c r="Q446" s="250" t="s">
        <v>116</v>
      </c>
      <c r="R446" s="263" t="s">
        <v>300</v>
      </c>
      <c r="S446" s="86" t="s">
        <v>314</v>
      </c>
      <c r="T446" s="248"/>
      <c r="U446" s="248"/>
      <c r="V446" s="248"/>
      <c r="W446" s="248"/>
      <c r="X446" s="248"/>
      <c r="Y446" s="248"/>
      <c r="Z446" s="248"/>
      <c r="AA446" s="248"/>
      <c r="AB446" s="248"/>
      <c r="AC446" s="248"/>
      <c r="AD446" s="248"/>
      <c r="AE446" s="248"/>
      <c r="AF446" s="248"/>
      <c r="AG446" s="248"/>
      <c r="AH446" s="248"/>
      <c r="AI446" s="248"/>
      <c r="AJ446" s="248"/>
      <c r="AK446" s="248"/>
      <c r="AL446" s="248"/>
      <c r="AM446" s="248"/>
      <c r="AN446" s="248"/>
      <c r="AO446" s="248"/>
      <c r="AP446" s="248"/>
      <c r="AQ446" s="248"/>
      <c r="AR446" s="248"/>
      <c r="AS446" s="248"/>
      <c r="AT446" s="248"/>
      <c r="AU446" s="248"/>
      <c r="AV446" s="248"/>
      <c r="AW446" s="248"/>
    </row>
    <row r="447" spans="1:49" ht="72">
      <c r="A447" s="39"/>
      <c r="B447" s="40" t="s">
        <v>73</v>
      </c>
      <c r="C447" s="40" t="s">
        <v>158</v>
      </c>
      <c r="D447" s="89" t="s">
        <v>87</v>
      </c>
      <c r="E447" s="40" t="s">
        <v>159</v>
      </c>
      <c r="F447" s="89" t="s">
        <v>87</v>
      </c>
      <c r="G447" s="40" t="s">
        <v>160</v>
      </c>
      <c r="H447" s="89" t="s">
        <v>87</v>
      </c>
      <c r="I447" s="40" t="s">
        <v>300</v>
      </c>
      <c r="J447" s="89" t="s">
        <v>87</v>
      </c>
      <c r="K447" s="66" t="s">
        <v>73</v>
      </c>
      <c r="L447" s="66" t="s">
        <v>158</v>
      </c>
      <c r="M447" s="88" t="s">
        <v>87</v>
      </c>
      <c r="N447" s="66" t="s">
        <v>159</v>
      </c>
      <c r="O447" s="88" t="s">
        <v>87</v>
      </c>
      <c r="P447" s="66" t="s">
        <v>160</v>
      </c>
      <c r="Q447" s="260" t="s">
        <v>87</v>
      </c>
      <c r="R447" s="264" t="s">
        <v>300</v>
      </c>
      <c r="S447" s="88" t="s">
        <v>87</v>
      </c>
    </row>
    <row r="448" spans="1:49">
      <c r="A448" s="43" t="s">
        <v>348</v>
      </c>
      <c r="B448" s="200">
        <v>13878</v>
      </c>
      <c r="C448" s="202">
        <v>0.16339033606008055</v>
      </c>
      <c r="D448" s="92">
        <v>6.2774358812823922E-3</v>
      </c>
      <c r="E448" s="202">
        <v>0.11431845030675639</v>
      </c>
      <c r="F448" s="92">
        <v>5.4036185174879065E-3</v>
      </c>
      <c r="G448" s="202">
        <v>0.70621469489153232</v>
      </c>
      <c r="H448" s="92">
        <v>7.7323771471404035E-3</v>
      </c>
      <c r="I448" s="202">
        <v>1.6076518741640532E-2</v>
      </c>
      <c r="J448" s="92">
        <v>2.1440019009182566E-3</v>
      </c>
      <c r="K448" s="200">
        <v>13866</v>
      </c>
      <c r="L448" s="202">
        <v>0.24246825328875521</v>
      </c>
      <c r="M448" s="92">
        <v>7.2788846876738781E-3</v>
      </c>
      <c r="N448" s="202">
        <v>0.12754606611305092</v>
      </c>
      <c r="O448" s="92">
        <v>5.6669921283084594E-3</v>
      </c>
      <c r="P448" s="202">
        <v>0.60806084817354888</v>
      </c>
      <c r="Q448" s="261">
        <v>8.2905004196120579E-3</v>
      </c>
      <c r="R448" s="202">
        <v>2.1924832424661145E-2</v>
      </c>
      <c r="S448" s="92">
        <v>2.4944606318117587E-3</v>
      </c>
    </row>
    <row r="449" spans="1:19">
      <c r="A449" s="47" t="s">
        <v>349</v>
      </c>
      <c r="B449" s="201">
        <v>10196</v>
      </c>
      <c r="C449" s="203">
        <v>0.23298116959314863</v>
      </c>
      <c r="D449" s="95">
        <v>8.3726176962051844E-3</v>
      </c>
      <c r="E449" s="203">
        <v>0.1241100937099985</v>
      </c>
      <c r="F449" s="95">
        <v>6.5325001919750202E-3</v>
      </c>
      <c r="G449" s="203">
        <v>0.63229273388527618</v>
      </c>
      <c r="H449" s="95">
        <v>9.548890838625694E-3</v>
      </c>
      <c r="I449" s="203">
        <v>1.0616002811573835E-2</v>
      </c>
      <c r="J449" s="95">
        <v>2.0475817406493324E-3</v>
      </c>
      <c r="K449" s="201">
        <v>10178</v>
      </c>
      <c r="L449" s="203">
        <v>0.3143579821918957</v>
      </c>
      <c r="M449" s="95">
        <v>9.2024121563617778E-3</v>
      </c>
      <c r="N449" s="203">
        <v>0.13257185010653613</v>
      </c>
      <c r="O449" s="95">
        <v>6.7244385260997967E-3</v>
      </c>
      <c r="P449" s="203">
        <v>0.52882796947341926</v>
      </c>
      <c r="Q449" s="262">
        <v>9.8937510362868426E-3</v>
      </c>
      <c r="R449" s="203">
        <v>2.4242198228148513E-2</v>
      </c>
      <c r="S449" s="95">
        <v>3.0598250757300693E-3</v>
      </c>
    </row>
    <row r="450" spans="1:19">
      <c r="A450" s="43" t="s">
        <v>350</v>
      </c>
      <c r="B450" s="200">
        <v>3682</v>
      </c>
      <c r="C450" s="202">
        <v>0.10648612487476335</v>
      </c>
      <c r="D450" s="92">
        <v>1.0179226080639958E-2</v>
      </c>
      <c r="E450" s="202">
        <v>0.10631185352120638</v>
      </c>
      <c r="F450" s="92">
        <v>1.0171926721082273E-2</v>
      </c>
      <c r="G450" s="202">
        <v>0.76666045573060715</v>
      </c>
      <c r="H450" s="92">
        <v>1.3939114491659028E-2</v>
      </c>
      <c r="I450" s="202">
        <v>2.0541565873423859E-2</v>
      </c>
      <c r="J450" s="92">
        <v>4.730187941488751E-3</v>
      </c>
      <c r="K450" s="200">
        <v>3688</v>
      </c>
      <c r="L450" s="202">
        <v>0.18394347093250465</v>
      </c>
      <c r="M450" s="92">
        <v>1.2761866073402827E-2</v>
      </c>
      <c r="N450" s="202">
        <v>0.12345462052163975</v>
      </c>
      <c r="O450" s="92">
        <v>1.0843146443311287E-2</v>
      </c>
      <c r="P450" s="202">
        <v>0.67256362279981263</v>
      </c>
      <c r="Q450" s="261">
        <v>1.5448733445202551E-2</v>
      </c>
      <c r="R450" s="202">
        <v>2.0038285746043338E-2</v>
      </c>
      <c r="S450" s="92">
        <v>4.6706993838929569E-3</v>
      </c>
    </row>
    <row r="451" spans="1:19">
      <c r="A451" s="47" t="s">
        <v>568</v>
      </c>
      <c r="B451" s="201">
        <v>11511</v>
      </c>
      <c r="C451" s="203">
        <v>0.16109982267325093</v>
      </c>
      <c r="D451" s="95">
        <v>6.8537592928376075E-3</v>
      </c>
      <c r="E451" s="203">
        <v>0.11421545616356546</v>
      </c>
      <c r="F451" s="95">
        <v>5.9312508428415699E-3</v>
      </c>
      <c r="G451" s="203">
        <v>0.70852924330259559</v>
      </c>
      <c r="H451" s="95">
        <v>8.4704438262526074E-3</v>
      </c>
      <c r="I451" s="203">
        <v>1.6155477860600911E-2</v>
      </c>
      <c r="J451" s="95">
        <v>2.361736815919386E-3</v>
      </c>
      <c r="K451" s="201">
        <v>11501</v>
      </c>
      <c r="L451" s="203">
        <v>0.2405881519350335</v>
      </c>
      <c r="M451" s="95">
        <v>7.9710968138149811E-3</v>
      </c>
      <c r="N451" s="203">
        <v>0.12759953312103145</v>
      </c>
      <c r="O451" s="95">
        <v>6.2238220645148808E-3</v>
      </c>
      <c r="P451" s="203">
        <v>0.60999844247827373</v>
      </c>
      <c r="Q451" s="262">
        <v>9.0947736745400267E-3</v>
      </c>
      <c r="R451" s="203">
        <v>2.1813872465680041E-2</v>
      </c>
      <c r="S451" s="95">
        <v>2.7338558469465271E-3</v>
      </c>
    </row>
    <row r="452" spans="1:19">
      <c r="A452" s="43" t="s">
        <v>569</v>
      </c>
      <c r="B452" s="200">
        <v>2367</v>
      </c>
      <c r="C452" s="202">
        <v>0.45274722767583497</v>
      </c>
      <c r="D452" s="92">
        <v>2.0445262962847339E-2</v>
      </c>
      <c r="E452" s="202">
        <v>0.12732953563800964</v>
      </c>
      <c r="F452" s="92">
        <v>1.3720407289712674E-2</v>
      </c>
      <c r="G452" s="202">
        <v>0.41382149711779925</v>
      </c>
      <c r="H452" s="92">
        <v>2.0230569011358338E-2</v>
      </c>
      <c r="I452" s="202">
        <v>6.1017395683539769E-3</v>
      </c>
      <c r="J452" s="92">
        <v>3.4085950172686409E-3</v>
      </c>
      <c r="K452" s="200">
        <v>2365</v>
      </c>
      <c r="L452" s="202">
        <v>0.48011231501262652</v>
      </c>
      <c r="M452" s="92">
        <v>2.0529331815008385E-2</v>
      </c>
      <c r="N452" s="202">
        <v>0.12078785761567114</v>
      </c>
      <c r="O452" s="92">
        <v>1.342133738895342E-2</v>
      </c>
      <c r="P452" s="202">
        <v>0.36314970035917704</v>
      </c>
      <c r="Q452" s="261">
        <v>1.9763702682670616E-2</v>
      </c>
      <c r="R452" s="202">
        <v>3.5950127012522926E-2</v>
      </c>
      <c r="S452" s="92">
        <v>7.7295245743109926E-3</v>
      </c>
    </row>
    <row r="453" spans="1:19">
      <c r="A453" s="47" t="s">
        <v>570</v>
      </c>
      <c r="B453" s="201">
        <v>603</v>
      </c>
      <c r="C453" s="203">
        <v>0.48386234094865271</v>
      </c>
      <c r="D453" s="95">
        <v>4.0567879693074453E-2</v>
      </c>
      <c r="E453" s="203">
        <v>0.1158981902526821</v>
      </c>
      <c r="F453" s="95">
        <v>2.6229732817790792E-2</v>
      </c>
      <c r="G453" s="203">
        <v>0.39779070640631198</v>
      </c>
      <c r="H453" s="95">
        <v>3.9743037080834327E-2</v>
      </c>
      <c r="I453" s="203">
        <v>2.4487623923530304E-3</v>
      </c>
      <c r="J453" s="95">
        <v>6.1259240747714213E-3</v>
      </c>
      <c r="K453" s="201">
        <v>606</v>
      </c>
      <c r="L453" s="203">
        <v>0.5675986230340565</v>
      </c>
      <c r="M453" s="95">
        <v>4.0121958217832106E-2</v>
      </c>
      <c r="N453" s="203">
        <v>0.12407093937405107</v>
      </c>
      <c r="O453" s="95">
        <v>2.6921217975135865E-2</v>
      </c>
      <c r="P453" s="203">
        <v>0.27342616034272127</v>
      </c>
      <c r="Q453" s="262">
        <v>3.6154073115585293E-2</v>
      </c>
      <c r="R453" s="203">
        <v>3.4904277249171486E-2</v>
      </c>
      <c r="S453" s="95">
        <v>1.5473631230811387E-2</v>
      </c>
    </row>
    <row r="454" spans="1:19">
      <c r="A454" s="43" t="s">
        <v>571</v>
      </c>
      <c r="B454" s="200">
        <v>1272</v>
      </c>
      <c r="C454" s="202">
        <v>0.50630692135368427</v>
      </c>
      <c r="D454" s="92">
        <v>2.7992412302592081E-2</v>
      </c>
      <c r="E454" s="202">
        <v>0.12216763348318199</v>
      </c>
      <c r="F454" s="92">
        <v>1.841155508274793E-2</v>
      </c>
      <c r="G454" s="202">
        <v>0.36385112976139672</v>
      </c>
      <c r="H454" s="92">
        <v>2.6943544796001261E-2</v>
      </c>
      <c r="I454" s="202">
        <v>7.6743154017388038E-3</v>
      </c>
      <c r="J454" s="92">
        <v>5.3506191367419425E-3</v>
      </c>
      <c r="K454" s="200">
        <v>1272</v>
      </c>
      <c r="L454" s="202">
        <v>0.53035639676597934</v>
      </c>
      <c r="M454" s="92">
        <v>2.79433067796915E-2</v>
      </c>
      <c r="N454" s="202">
        <v>0.12147083523164205</v>
      </c>
      <c r="O454" s="92">
        <v>1.8366914997420384E-2</v>
      </c>
      <c r="P454" s="202">
        <v>0.3032672046176158</v>
      </c>
      <c r="Q454" s="261">
        <v>2.5751311491629202E-2</v>
      </c>
      <c r="R454" s="202">
        <v>4.4905563384764202E-2</v>
      </c>
      <c r="S454" s="92">
        <v>1.1769137649593222E-2</v>
      </c>
    </row>
    <row r="455" spans="1:19">
      <c r="A455" s="47" t="s">
        <v>582</v>
      </c>
      <c r="B455" s="201">
        <v>866</v>
      </c>
      <c r="C455" s="203">
        <v>0.49428513918175887</v>
      </c>
      <c r="D455" s="95">
        <v>3.390098089612089E-2</v>
      </c>
      <c r="E455" s="203">
        <v>0.15286170921084832</v>
      </c>
      <c r="F455" s="95">
        <v>2.4504332398492683E-2</v>
      </c>
      <c r="G455" s="203">
        <v>0.35184156784997872</v>
      </c>
      <c r="H455" s="95">
        <v>3.2394867091291094E-2</v>
      </c>
      <c r="I455" s="203">
        <v>1.011583757416586E-3</v>
      </c>
      <c r="J455" s="95">
        <v>3.892140721499582E-3</v>
      </c>
      <c r="K455" s="201">
        <v>861</v>
      </c>
      <c r="L455" s="203">
        <v>0.51172484668950502</v>
      </c>
      <c r="M455" s="95">
        <v>3.399175666462334E-2</v>
      </c>
      <c r="N455" s="203">
        <v>0.12764395259173084</v>
      </c>
      <c r="O455" s="95">
        <v>2.282178375511993E-2</v>
      </c>
      <c r="P455" s="203">
        <v>0.34216510071245082</v>
      </c>
      <c r="Q455" s="262">
        <v>3.2278986920388712E-2</v>
      </c>
      <c r="R455" s="203">
        <v>1.8466100006315465E-2</v>
      </c>
      <c r="S455" s="95">
        <v>9.6803603033303338E-3</v>
      </c>
    </row>
    <row r="456" spans="1:19">
      <c r="A456" s="43" t="s">
        <v>583</v>
      </c>
      <c r="B456" s="200">
        <v>1501</v>
      </c>
      <c r="C456" s="202">
        <v>0.43603695566725548</v>
      </c>
      <c r="D456" s="92">
        <v>2.556630089278555E-2</v>
      </c>
      <c r="E456" s="202">
        <v>0.11705820638950921</v>
      </c>
      <c r="F456" s="92">
        <v>1.6636353103692509E-2</v>
      </c>
      <c r="G456" s="202">
        <v>0.43875538135967468</v>
      </c>
      <c r="H456" s="92">
        <v>2.5583892801751121E-2</v>
      </c>
      <c r="I456" s="202">
        <v>8.1494565835605551E-3</v>
      </c>
      <c r="J456" s="92">
        <v>4.989629475768591E-3</v>
      </c>
      <c r="K456" s="200">
        <v>1504</v>
      </c>
      <c r="L456" s="202">
        <v>0.46752146116171311</v>
      </c>
      <c r="M456" s="92">
        <v>2.5697213317084463E-2</v>
      </c>
      <c r="N456" s="202">
        <v>0.11805716553716575</v>
      </c>
      <c r="O456" s="92">
        <v>1.6680214757091312E-2</v>
      </c>
      <c r="P456" s="202">
        <v>0.37150758924870181</v>
      </c>
      <c r="Q456" s="261">
        <v>2.4891124834392254E-2</v>
      </c>
      <c r="R456" s="202">
        <v>4.2913784052418628E-2</v>
      </c>
      <c r="S456" s="92">
        <v>1.0577375828714377E-2</v>
      </c>
    </row>
    <row r="457" spans="1:19">
      <c r="A457" s="47" t="s">
        <v>572</v>
      </c>
      <c r="B457" s="201">
        <v>293</v>
      </c>
      <c r="C457" s="203">
        <v>0.32098021201981952</v>
      </c>
      <c r="D457" s="95">
        <v>5.4285608396020736E-2</v>
      </c>
      <c r="E457" s="203">
        <v>0.16014019184779704</v>
      </c>
      <c r="F457" s="95">
        <v>4.3046540803308365E-2</v>
      </c>
      <c r="G457" s="203">
        <v>0.51002695920438812</v>
      </c>
      <c r="H457" s="95">
        <v>5.8014528541229564E-2</v>
      </c>
      <c r="I457" s="203">
        <v>8.8526369279951153E-3</v>
      </c>
      <c r="J457" s="95">
        <v>1.4321077806738119E-2</v>
      </c>
      <c r="K457" s="201">
        <v>292</v>
      </c>
      <c r="L457" s="203">
        <v>0.30466231181237274</v>
      </c>
      <c r="M457" s="95">
        <v>5.363382917501363E-2</v>
      </c>
      <c r="N457" s="203">
        <v>0.10561802494242867</v>
      </c>
      <c r="O457" s="95">
        <v>3.6509562034130541E-2</v>
      </c>
      <c r="P457" s="203">
        <v>0.57419537837110934</v>
      </c>
      <c r="Q457" s="262">
        <v>5.7497687742706964E-2</v>
      </c>
      <c r="R457" s="203">
        <v>1.5524284874088799E-2</v>
      </c>
      <c r="S457" s="95">
        <v>1.7078560031866748E-2</v>
      </c>
    </row>
    <row r="458" spans="1:19">
      <c r="A458" s="43" t="s">
        <v>573</v>
      </c>
      <c r="B458" s="200">
        <v>449</v>
      </c>
      <c r="C458" s="202">
        <v>0.50612625751246287</v>
      </c>
      <c r="D458" s="92">
        <v>4.6980633729519661E-2</v>
      </c>
      <c r="E458" s="202">
        <v>0.12048312762596135</v>
      </c>
      <c r="F458" s="92">
        <v>3.0952408610582106E-2</v>
      </c>
      <c r="G458" s="202">
        <v>0.3733906148615766</v>
      </c>
      <c r="H458" s="92">
        <v>4.5480209716108368E-2</v>
      </c>
      <c r="I458" s="202">
        <v>0</v>
      </c>
      <c r="J458" s="92">
        <v>6.2299700870350819E-3</v>
      </c>
      <c r="K458" s="200">
        <v>446</v>
      </c>
      <c r="L458" s="202">
        <v>0.60081805324745718</v>
      </c>
      <c r="M458" s="92">
        <v>4.6189524097948347E-2</v>
      </c>
      <c r="N458" s="202">
        <v>0.11483393116494782</v>
      </c>
      <c r="O458" s="92">
        <v>3.04445233325903E-2</v>
      </c>
      <c r="P458" s="202">
        <v>0.28243512421483968</v>
      </c>
      <c r="Q458" s="261">
        <v>4.2531377864930511E-2</v>
      </c>
      <c r="R458" s="202">
        <v>1.9128913727566818E-3</v>
      </c>
      <c r="S458" s="92">
        <v>7.4833934810777615E-3</v>
      </c>
    </row>
    <row r="459" spans="1:19">
      <c r="A459" s="47" t="s">
        <v>574</v>
      </c>
      <c r="B459" s="201">
        <v>677</v>
      </c>
      <c r="C459" s="203">
        <v>0.53240992351323668</v>
      </c>
      <c r="D459" s="95">
        <v>3.8240440353761888E-2</v>
      </c>
      <c r="E459" s="203">
        <v>0.12263270141576914</v>
      </c>
      <c r="F459" s="95">
        <v>2.5333246117370929E-2</v>
      </c>
      <c r="G459" s="203">
        <v>0.3424659296580661</v>
      </c>
      <c r="H459" s="95">
        <v>3.6391870795387013E-2</v>
      </c>
      <c r="I459" s="203">
        <v>2.4914454129266617E-3</v>
      </c>
      <c r="J459" s="95">
        <v>5.6237179310454025E-3</v>
      </c>
      <c r="K459" s="201">
        <v>676</v>
      </c>
      <c r="L459" s="203">
        <v>0.55704406947001961</v>
      </c>
      <c r="M459" s="95">
        <v>3.8100806244321474E-2</v>
      </c>
      <c r="N459" s="203">
        <v>0.13937529078329197</v>
      </c>
      <c r="O459" s="95">
        <v>2.6731268452585506E-2</v>
      </c>
      <c r="P459" s="203">
        <v>0.28208979689795871</v>
      </c>
      <c r="Q459" s="262">
        <v>3.4562147407528707E-2</v>
      </c>
      <c r="R459" s="203">
        <v>2.1490842848728039E-2</v>
      </c>
      <c r="S459" s="95">
        <v>1.1810972037272381E-2</v>
      </c>
    </row>
    <row r="460" spans="1:19">
      <c r="A460" s="43" t="s">
        <v>575</v>
      </c>
      <c r="B460" s="200">
        <v>924</v>
      </c>
      <c r="C460" s="202">
        <v>0.44876603234095497</v>
      </c>
      <c r="D460" s="92">
        <v>3.2655309306215172E-2</v>
      </c>
      <c r="E460" s="202">
        <v>0.11480102383999631</v>
      </c>
      <c r="F460" s="92">
        <v>2.1060065462540363E-2</v>
      </c>
      <c r="G460" s="202">
        <v>0.4251539107083746</v>
      </c>
      <c r="H460" s="92">
        <v>3.2459938930085259E-2</v>
      </c>
      <c r="I460" s="202">
        <v>1.1279033110669703E-2</v>
      </c>
      <c r="J460" s="92">
        <v>7.5448129617055838E-3</v>
      </c>
      <c r="K460" s="200">
        <v>927</v>
      </c>
      <c r="L460" s="202">
        <v>0.46356615939215962</v>
      </c>
      <c r="M460" s="92">
        <v>3.2687299319932854E-2</v>
      </c>
      <c r="N460" s="202">
        <v>0.12064577209402798</v>
      </c>
      <c r="O460" s="92">
        <v>2.147356838432813E-2</v>
      </c>
      <c r="P460" s="202">
        <v>0.33481420001044121</v>
      </c>
      <c r="Q460" s="261">
        <v>3.0949709177456149E-2</v>
      </c>
      <c r="R460" s="202">
        <v>8.0973868503366853E-2</v>
      </c>
      <c r="S460" s="92">
        <v>1.8060957546748701E-2</v>
      </c>
    </row>
    <row r="461" spans="1:19">
      <c r="A461" s="47" t="s">
        <v>576</v>
      </c>
      <c r="B461" s="201">
        <v>755</v>
      </c>
      <c r="C461" s="203">
        <v>0.51318220377652413</v>
      </c>
      <c r="D461" s="95">
        <v>3.6285215959606827E-2</v>
      </c>
      <c r="E461" s="203">
        <v>0.11050672674868664</v>
      </c>
      <c r="F461" s="95">
        <v>2.2944025999858987E-2</v>
      </c>
      <c r="G461" s="203">
        <v>0.36719067463026511</v>
      </c>
      <c r="H461" s="95">
        <v>3.5007780375511451E-2</v>
      </c>
      <c r="I461" s="203">
        <v>9.12039484452358E-3</v>
      </c>
      <c r="J461" s="95">
        <v>7.808752560838665E-3</v>
      </c>
      <c r="K461" s="201">
        <v>754</v>
      </c>
      <c r="L461" s="203">
        <v>0.50122018862083617</v>
      </c>
      <c r="M461" s="95">
        <v>3.6321528597242213E-2</v>
      </c>
      <c r="N461" s="203">
        <v>0.11518837863761761</v>
      </c>
      <c r="O461" s="95">
        <v>2.336796872768987E-2</v>
      </c>
      <c r="P461" s="203">
        <v>0.34819639088839266</v>
      </c>
      <c r="Q461" s="262">
        <v>3.4625644752832523E-2</v>
      </c>
      <c r="R461" s="203">
        <v>3.5395041853153085E-2</v>
      </c>
      <c r="S461" s="95">
        <v>1.3862194762648189E-2</v>
      </c>
    </row>
    <row r="462" spans="1:19">
      <c r="A462" s="55" t="s">
        <v>577</v>
      </c>
      <c r="B462" s="200">
        <v>764</v>
      </c>
      <c r="C462" s="202">
        <v>0.38704791799033489</v>
      </c>
      <c r="D462" s="92">
        <v>3.5161411933318273E-2</v>
      </c>
      <c r="E462" s="202">
        <v>0.15217936929491363</v>
      </c>
      <c r="F462" s="92">
        <v>2.6048605108314828E-2</v>
      </c>
      <c r="G462" s="202">
        <v>0.45696476267377123</v>
      </c>
      <c r="H462" s="92">
        <v>3.5951878290717866E-2</v>
      </c>
      <c r="I462" s="202">
        <v>3.8079500409766731E-3</v>
      </c>
      <c r="J462" s="92">
        <v>5.7515497659911497E-3</v>
      </c>
      <c r="K462" s="200">
        <v>764</v>
      </c>
      <c r="L462" s="202">
        <v>0.46068391408739273</v>
      </c>
      <c r="M462" s="92">
        <v>3.5973826210565593E-2</v>
      </c>
      <c r="N462" s="202">
        <v>0.11893354653208946</v>
      </c>
      <c r="O462" s="92">
        <v>2.3529352257904569E-2</v>
      </c>
      <c r="P462" s="202">
        <v>0.37245935848953621</v>
      </c>
      <c r="Q462" s="261">
        <v>3.490331790965269E-2</v>
      </c>
      <c r="R462" s="202">
        <v>4.7923180890977933E-2</v>
      </c>
      <c r="S462" s="92">
        <v>1.5770141841020296E-2</v>
      </c>
    </row>
    <row r="463" spans="1:19">
      <c r="A463" s="47" t="s">
        <v>578</v>
      </c>
      <c r="B463" s="201">
        <v>256</v>
      </c>
      <c r="C463" s="203">
        <v>0.50748783926030849</v>
      </c>
      <c r="D463" s="95">
        <v>6.2010624915148894E-2</v>
      </c>
      <c r="E463" s="203">
        <v>0.1161717729105942</v>
      </c>
      <c r="F463" s="95">
        <v>4.0605810867266834E-2</v>
      </c>
      <c r="G463" s="203">
        <v>0.37120150388645179</v>
      </c>
      <c r="H463" s="95">
        <v>5.9989416166986338E-2</v>
      </c>
      <c r="I463" s="203">
        <v>5.1388839426458263E-3</v>
      </c>
      <c r="J463" s="95">
        <v>1.3917070323031949E-2</v>
      </c>
      <c r="K463" s="201">
        <v>257</v>
      </c>
      <c r="L463" s="203">
        <v>0.52377360659711958</v>
      </c>
      <c r="M463" s="95">
        <v>6.1830568955140192E-2</v>
      </c>
      <c r="N463" s="203">
        <v>0.10973388116439983</v>
      </c>
      <c r="O463" s="95">
        <v>3.9600498578396925E-2</v>
      </c>
      <c r="P463" s="203">
        <v>0.3418771286011475</v>
      </c>
      <c r="Q463" s="262">
        <v>5.8820807903592946E-2</v>
      </c>
      <c r="R463" s="203">
        <v>2.4615383637333194E-2</v>
      </c>
      <c r="S463" s="95">
        <v>2.1755626263726374E-2</v>
      </c>
    </row>
    <row r="464" spans="1:19">
      <c r="A464" s="55" t="s">
        <v>579</v>
      </c>
      <c r="B464" s="200">
        <v>221</v>
      </c>
      <c r="C464" s="202">
        <v>0.39194941018857826</v>
      </c>
      <c r="D464" s="92">
        <v>6.5147557478934401E-2</v>
      </c>
      <c r="E464" s="202">
        <v>0.13464390197729684</v>
      </c>
      <c r="F464" s="92">
        <v>4.6422000508486452E-2</v>
      </c>
      <c r="G464" s="202">
        <v>0.47340668783412532</v>
      </c>
      <c r="H464" s="92">
        <v>6.657563348408424E-2</v>
      </c>
      <c r="I464" s="202">
        <v>0</v>
      </c>
      <c r="J464" s="92">
        <v>1.2514792344855039E-2</v>
      </c>
      <c r="K464" s="200">
        <v>221</v>
      </c>
      <c r="L464" s="202">
        <v>0.42697733741947735</v>
      </c>
      <c r="M464" s="92">
        <v>6.5977181064620194E-2</v>
      </c>
      <c r="N464" s="202">
        <v>0.15197211659645743</v>
      </c>
      <c r="O464" s="92">
        <v>4.8652038247927139E-2</v>
      </c>
      <c r="P464" s="202">
        <v>0.41515362762480412</v>
      </c>
      <c r="Q464" s="261">
        <v>6.5734114805238997E-2</v>
      </c>
      <c r="R464" s="202">
        <v>5.8969183592618764E-3</v>
      </c>
      <c r="S464" s="92">
        <v>1.6036315548865494E-2</v>
      </c>
    </row>
    <row r="465" spans="1:19">
      <c r="A465" s="47" t="s">
        <v>580</v>
      </c>
      <c r="B465" s="201">
        <v>222</v>
      </c>
      <c r="C465" s="203">
        <v>0.43685513948277682</v>
      </c>
      <c r="D465" s="95">
        <v>6.6005178124018876E-2</v>
      </c>
      <c r="E465" s="203">
        <v>0.11789362827816002</v>
      </c>
      <c r="F465" s="95">
        <v>4.3946329241662488E-2</v>
      </c>
      <c r="G465" s="203">
        <v>0.43857069076528338</v>
      </c>
      <c r="H465" s="95">
        <v>6.6032820374408621E-2</v>
      </c>
      <c r="I465" s="203">
        <v>6.6805414737797228E-3</v>
      </c>
      <c r="J465" s="95">
        <v>1.638817505699899E-2</v>
      </c>
      <c r="K465" s="201">
        <v>219</v>
      </c>
      <c r="L465" s="203">
        <v>0.46169411416171785</v>
      </c>
      <c r="M465" s="95">
        <v>6.6775150050672499E-2</v>
      </c>
      <c r="N465" s="203">
        <v>0.14873719885013326</v>
      </c>
      <c r="O465" s="95">
        <v>4.8474695654838536E-2</v>
      </c>
      <c r="P465" s="203">
        <v>0.346951752296561</v>
      </c>
      <c r="Q465" s="262">
        <v>6.3867718099854295E-2</v>
      </c>
      <c r="R465" s="203">
        <v>4.2616934691587768E-2</v>
      </c>
      <c r="S465" s="95">
        <v>2.9415327898273173E-2</v>
      </c>
    </row>
    <row r="466" spans="1:19">
      <c r="A466" s="55" t="s">
        <v>581</v>
      </c>
      <c r="B466" s="200">
        <v>122</v>
      </c>
      <c r="C466" s="202">
        <v>0.3693824143172823</v>
      </c>
      <c r="D466" s="92">
        <v>8.6190097625991294E-2</v>
      </c>
      <c r="E466" s="202">
        <v>0.12977212491405765</v>
      </c>
      <c r="F466" s="92">
        <v>6.2104866397162374E-2</v>
      </c>
      <c r="G466" s="202">
        <v>0.49322664447149367</v>
      </c>
      <c r="H466" s="92">
        <v>8.9079416739419173E-2</v>
      </c>
      <c r="I466" s="202">
        <v>7.6188162971667049E-3</v>
      </c>
      <c r="J466" s="92">
        <v>2.6850204169534132E-2</v>
      </c>
      <c r="K466" s="200">
        <v>123</v>
      </c>
      <c r="L466" s="202">
        <v>0.43027618047055227</v>
      </c>
      <c r="M466" s="92">
        <v>8.7922656970099586E-2</v>
      </c>
      <c r="N466" s="202">
        <v>0.13580058840361742</v>
      </c>
      <c r="O466" s="92">
        <v>6.2891622853305101E-2</v>
      </c>
      <c r="P466" s="202">
        <v>0.39341417808382062</v>
      </c>
      <c r="Q466" s="261">
        <v>8.6823890412328492E-2</v>
      </c>
      <c r="R466" s="202">
        <v>4.0509053042009843E-2</v>
      </c>
      <c r="S466" s="92">
        <v>4.0453443844683468E-2</v>
      </c>
    </row>
    <row r="467" spans="1:19">
      <c r="A467" s="47" t="s">
        <v>584</v>
      </c>
      <c r="B467" s="201">
        <v>115</v>
      </c>
      <c r="C467" s="203">
        <v>0.15489526926580596</v>
      </c>
      <c r="D467" s="95">
        <v>6.8298578462081469E-2</v>
      </c>
      <c r="E467" s="203">
        <v>0.18025712692813856</v>
      </c>
      <c r="F467" s="95">
        <v>7.2069517805163061E-2</v>
      </c>
      <c r="G467" s="203">
        <v>0.65383368353470916</v>
      </c>
      <c r="H467" s="95">
        <v>8.7524185542098162E-2</v>
      </c>
      <c r="I467" s="203">
        <v>1.1013920271346319E-2</v>
      </c>
      <c r="J467" s="95">
        <v>2.9956215220262868E-2</v>
      </c>
      <c r="K467" s="201">
        <v>113</v>
      </c>
      <c r="L467" s="203">
        <v>0.13836492644175241</v>
      </c>
      <c r="M467" s="95">
        <v>6.61542957758115E-2</v>
      </c>
      <c r="N467" s="203">
        <v>0.12541209395955588</v>
      </c>
      <c r="O467" s="95">
        <v>6.3814410223903065E-2</v>
      </c>
      <c r="P467" s="203">
        <v>0.71741911158263871</v>
      </c>
      <c r="Q467" s="262">
        <v>8.3901832826793588E-2</v>
      </c>
      <c r="R467" s="203">
        <v>1.8803868016052702E-2</v>
      </c>
      <c r="S467" s="95">
        <v>3.409995440529047E-2</v>
      </c>
    </row>
    <row r="468" spans="1:19">
      <c r="A468" s="55" t="s">
        <v>585</v>
      </c>
      <c r="B468" s="200">
        <v>2252</v>
      </c>
      <c r="C468" s="202">
        <v>0.50516972416174122</v>
      </c>
      <c r="D468" s="92">
        <v>2.1052676614302625E-2</v>
      </c>
      <c r="E468" s="202">
        <v>0.11801418151636678</v>
      </c>
      <c r="F468" s="92">
        <v>1.3618653661691706E-2</v>
      </c>
      <c r="G468" s="202">
        <v>0.3715789076576535</v>
      </c>
      <c r="H468" s="92">
        <v>2.0350059394178711E-2</v>
      </c>
      <c r="I468" s="202">
        <v>5.2371866642355481E-3</v>
      </c>
      <c r="J468" s="92">
        <v>3.282513171151425E-3</v>
      </c>
      <c r="K468" s="200">
        <v>2252</v>
      </c>
      <c r="L468" s="202">
        <v>0.53978135901386071</v>
      </c>
      <c r="M468" s="92">
        <v>2.0987291426548E-2</v>
      </c>
      <c r="N468" s="202">
        <v>0.11998046662717159</v>
      </c>
      <c r="O468" s="92">
        <v>1.3715498923054912E-2</v>
      </c>
      <c r="P468" s="202">
        <v>0.30129431303644311</v>
      </c>
      <c r="Q468" s="261">
        <v>1.9326237074240252E-2</v>
      </c>
      <c r="R468" s="202">
        <v>3.8943861322521214E-2</v>
      </c>
      <c r="S468" s="92">
        <v>8.2277394547523412E-3</v>
      </c>
    </row>
    <row r="469" spans="1:19">
      <c r="A469" s="47" t="s">
        <v>620</v>
      </c>
      <c r="B469" s="201">
        <v>155</v>
      </c>
      <c r="C469" s="203">
        <v>0.39916582885596502</v>
      </c>
      <c r="D469" s="95">
        <v>7.7757502237273915E-2</v>
      </c>
      <c r="E469" s="203">
        <v>8.0277129741087694E-2</v>
      </c>
      <c r="F469" s="95">
        <v>4.5580802871177564E-2</v>
      </c>
      <c r="G469" s="203">
        <v>0.5205570414029479</v>
      </c>
      <c r="H469" s="95">
        <v>7.9241435556381856E-2</v>
      </c>
      <c r="I469" s="203">
        <v>0</v>
      </c>
      <c r="J469" s="95">
        <v>1.7676616229639286E-2</v>
      </c>
      <c r="K469" s="201">
        <v>154</v>
      </c>
      <c r="L469" s="203">
        <v>0.4163412501284563</v>
      </c>
      <c r="M469" s="95">
        <v>7.8490682639890175E-2</v>
      </c>
      <c r="N469" s="203">
        <v>0.15506294338241211</v>
      </c>
      <c r="O469" s="95">
        <v>5.8885547086273977E-2</v>
      </c>
      <c r="P469" s="203">
        <v>0.40419173540158626</v>
      </c>
      <c r="Q469" s="262">
        <v>7.8155907811913811E-2</v>
      </c>
      <c r="R469" s="203">
        <v>2.4404071087545859E-2</v>
      </c>
      <c r="S469" s="95">
        <v>2.9816431898365806E-2</v>
      </c>
    </row>
    <row r="470" spans="1:19">
      <c r="A470" s="55" t="s">
        <v>621</v>
      </c>
      <c r="B470" s="200">
        <v>160</v>
      </c>
      <c r="C470" s="202">
        <v>0.49029599617212438</v>
      </c>
      <c r="D470" s="92">
        <v>7.8072881809668385E-2</v>
      </c>
      <c r="E470" s="202">
        <v>0.13481639025997005</v>
      </c>
      <c r="F470" s="92">
        <v>5.4787153210120905E-2</v>
      </c>
      <c r="G470" s="202">
        <v>0.3594560613469342</v>
      </c>
      <c r="H470" s="92">
        <v>7.509330654505042E-2</v>
      </c>
      <c r="I470" s="202">
        <v>1.5431552220972238E-2</v>
      </c>
      <c r="J470" s="92">
        <v>2.5426947622039644E-2</v>
      </c>
      <c r="K470" s="200">
        <v>162</v>
      </c>
      <c r="L470" s="202">
        <v>0.5448471361472812</v>
      </c>
      <c r="M470" s="92">
        <v>7.731713677628213E-2</v>
      </c>
      <c r="N470" s="202">
        <v>0.12122751596760788</v>
      </c>
      <c r="O470" s="92">
        <v>5.226490713235675E-2</v>
      </c>
      <c r="P470" s="202">
        <v>0.27038439716005536</v>
      </c>
      <c r="Q470" s="261">
        <v>6.9384027365493553E-2</v>
      </c>
      <c r="R470" s="202">
        <v>6.3540950725056722E-2</v>
      </c>
      <c r="S470" s="92">
        <v>4.0649380474119666E-2</v>
      </c>
    </row>
    <row r="471" spans="1:19">
      <c r="A471" s="47" t="s">
        <v>622</v>
      </c>
      <c r="B471" s="201">
        <v>990</v>
      </c>
      <c r="C471" s="203">
        <v>0.51044933419344884</v>
      </c>
      <c r="D471" s="95">
        <v>3.1711202371520517E-2</v>
      </c>
      <c r="E471" s="203">
        <v>0.12651863992353718</v>
      </c>
      <c r="F471" s="95">
        <v>2.119489491918455E-2</v>
      </c>
      <c r="G471" s="203">
        <v>0.35608563109581154</v>
      </c>
      <c r="H471" s="95">
        <v>3.0386842563204394E-2</v>
      </c>
      <c r="I471" s="203">
        <v>6.9463947872021202E-3</v>
      </c>
      <c r="J471" s="95">
        <v>5.9679761908582553E-3</v>
      </c>
      <c r="K471" s="201">
        <v>992</v>
      </c>
      <c r="L471" s="203">
        <v>0.51913047152800229</v>
      </c>
      <c r="M471" s="95">
        <v>3.1663197361054558E-2</v>
      </c>
      <c r="N471" s="203">
        <v>0.11345905843022194</v>
      </c>
      <c r="O471" s="95">
        <v>2.0218068410261452E-2</v>
      </c>
      <c r="P471" s="203">
        <v>0.30992632115828378</v>
      </c>
      <c r="Q471" s="262">
        <v>2.932723549324695E-2</v>
      </c>
      <c r="R471" s="203">
        <v>5.7484148883491883E-2</v>
      </c>
      <c r="S471" s="95">
        <v>1.4963062527795633E-2</v>
      </c>
    </row>
    <row r="472" spans="1:19">
      <c r="A472" s="55" t="s">
        <v>623</v>
      </c>
      <c r="B472" s="200">
        <v>300</v>
      </c>
      <c r="C472" s="202">
        <v>0.4942596935446793</v>
      </c>
      <c r="D472" s="92">
        <v>5.7350252409811987E-2</v>
      </c>
      <c r="E472" s="202">
        <v>0.11583059974766954</v>
      </c>
      <c r="F472" s="92">
        <v>3.7394090050020895E-2</v>
      </c>
      <c r="G472" s="202">
        <v>0.38990970670765096</v>
      </c>
      <c r="H472" s="92">
        <v>5.598366456113487E-2</v>
      </c>
      <c r="I472" s="202">
        <v>0</v>
      </c>
      <c r="J472" s="92">
        <v>9.2733807069543487E-3</v>
      </c>
      <c r="K472" s="200">
        <v>299</v>
      </c>
      <c r="L472" s="202">
        <v>0.60976999166705859</v>
      </c>
      <c r="M472" s="92">
        <v>5.6084164279870674E-2</v>
      </c>
      <c r="N472" s="202">
        <v>0.10885262138696275</v>
      </c>
      <c r="O472" s="92">
        <v>3.6517832404576296E-2</v>
      </c>
      <c r="P472" s="202">
        <v>0.27116841552446347</v>
      </c>
      <c r="Q472" s="261">
        <v>5.125610649206469E-2</v>
      </c>
      <c r="R472" s="202">
        <v>1.020897142151508E-2</v>
      </c>
      <c r="S472" s="92">
        <v>1.4712563341240069E-2</v>
      </c>
    </row>
    <row r="473" spans="1:19">
      <c r="A473" s="47" t="s">
        <v>624</v>
      </c>
      <c r="B473" s="201">
        <v>319</v>
      </c>
      <c r="C473" s="203">
        <v>0.62588659922338141</v>
      </c>
      <c r="D473" s="95">
        <v>5.3893903330594885E-2</v>
      </c>
      <c r="E473" s="203">
        <v>9.5049557724002365E-2</v>
      </c>
      <c r="F473" s="95">
        <v>3.3394449948645877E-2</v>
      </c>
      <c r="G473" s="203">
        <v>0.27624634727317332</v>
      </c>
      <c r="H473" s="95">
        <v>4.991220056358224E-2</v>
      </c>
      <c r="I473" s="203">
        <v>2.8174957794439019E-3</v>
      </c>
      <c r="J473" s="95">
        <v>1.0494882741815783E-2</v>
      </c>
      <c r="K473" s="201">
        <v>318</v>
      </c>
      <c r="L473" s="203">
        <v>0.6409195936654366</v>
      </c>
      <c r="M473" s="95">
        <v>5.3525634235721847E-2</v>
      </c>
      <c r="N473" s="203">
        <v>0.14490207033294306</v>
      </c>
      <c r="O473" s="95">
        <v>3.9722451003806891E-2</v>
      </c>
      <c r="P473" s="203">
        <v>0.19331674650226105</v>
      </c>
      <c r="Q473" s="262">
        <v>4.4340246944503267E-2</v>
      </c>
      <c r="R473" s="203">
        <v>2.0861589499360105E-2</v>
      </c>
      <c r="S473" s="95">
        <v>1.8004364293485231E-2</v>
      </c>
    </row>
    <row r="474" spans="1:19">
      <c r="A474" s="55" t="s">
        <v>625</v>
      </c>
      <c r="B474" s="200">
        <v>1191</v>
      </c>
      <c r="C474" s="202">
        <v>0.41325777870890074</v>
      </c>
      <c r="D474" s="92">
        <v>2.8492152574000906E-2</v>
      </c>
      <c r="E474" s="202">
        <v>0.12565141592494036</v>
      </c>
      <c r="F474" s="92">
        <v>1.9258186082712628E-2</v>
      </c>
      <c r="G474" s="202">
        <v>0.45332241898621889</v>
      </c>
      <c r="H474" s="92">
        <v>2.8802357243411739E-2</v>
      </c>
      <c r="I474" s="202">
        <v>7.7683863799403383E-3</v>
      </c>
      <c r="J474" s="92">
        <v>5.5876019602507472E-3</v>
      </c>
      <c r="K474" s="200">
        <v>1188</v>
      </c>
      <c r="L474" s="202">
        <v>0.44441066356532793</v>
      </c>
      <c r="M474" s="92">
        <v>2.8785863555067178E-2</v>
      </c>
      <c r="N474" s="202">
        <v>0.12305254388238156</v>
      </c>
      <c r="O474" s="92">
        <v>1.9113106937195205E-2</v>
      </c>
      <c r="P474" s="202">
        <v>0.3976825363441952</v>
      </c>
      <c r="Q474" s="261">
        <v>2.8355442854987131E-2</v>
      </c>
      <c r="R474" s="202">
        <v>3.4854256208095416E-2</v>
      </c>
      <c r="S474" s="92">
        <v>1.0851203032988636E-2</v>
      </c>
    </row>
    <row r="475" spans="1:19">
      <c r="A475" s="47" t="s">
        <v>626</v>
      </c>
      <c r="B475" s="201">
        <v>1175</v>
      </c>
      <c r="C475" s="203">
        <v>0.53430220123499306</v>
      </c>
      <c r="D475" s="95">
        <v>2.9055317335135774E-2</v>
      </c>
      <c r="E475" s="203">
        <v>0.13133212008595593</v>
      </c>
      <c r="F475" s="95">
        <v>1.9752898961589646E-2</v>
      </c>
      <c r="G475" s="203">
        <v>0.33158074023194994</v>
      </c>
      <c r="H475" s="95">
        <v>2.7433447571476432E-2</v>
      </c>
      <c r="I475" s="203">
        <v>2.7849384471017261E-3</v>
      </c>
      <c r="J475" s="95">
        <v>3.8863609331005614E-3</v>
      </c>
      <c r="K475" s="201">
        <v>1176</v>
      </c>
      <c r="L475" s="203">
        <v>0.55409347798986475</v>
      </c>
      <c r="M475" s="95">
        <v>2.8941419501275951E-2</v>
      </c>
      <c r="N475" s="203">
        <v>0.11684589700985519</v>
      </c>
      <c r="O475" s="95">
        <v>1.8792943911661843E-2</v>
      </c>
      <c r="P475" s="203">
        <v>0.29073430417594559</v>
      </c>
      <c r="Q475" s="262">
        <v>2.6457786085716674E-2</v>
      </c>
      <c r="R475" s="203">
        <v>3.8326320824334618E-2</v>
      </c>
      <c r="S475" s="95">
        <v>1.1394319016706353E-2</v>
      </c>
    </row>
    <row r="476" spans="1:19">
      <c r="A476" s="55" t="s">
        <v>627</v>
      </c>
      <c r="B476" s="200">
        <v>344</v>
      </c>
      <c r="C476" s="202">
        <v>0.63620525055056498</v>
      </c>
      <c r="D476" s="92">
        <v>5.1625548168947391E-2</v>
      </c>
      <c r="E476" s="202">
        <v>0.10197678324413875</v>
      </c>
      <c r="F476" s="92">
        <v>3.3079229966883311E-2</v>
      </c>
      <c r="G476" s="202">
        <v>0.25843417526175427</v>
      </c>
      <c r="H476" s="92">
        <v>4.7097320990232366E-2</v>
      </c>
      <c r="I476" s="202">
        <v>3.3837909435399127E-3</v>
      </c>
      <c r="J476" s="92">
        <v>1.017623914062323E-2</v>
      </c>
      <c r="K476" s="200">
        <v>346</v>
      </c>
      <c r="L476" s="202">
        <v>0.61651637425629557</v>
      </c>
      <c r="M476" s="92">
        <v>5.2014555259373409E-2</v>
      </c>
      <c r="N476" s="202">
        <v>0.11250517631095221</v>
      </c>
      <c r="O476" s="92">
        <v>3.435282497119159E-2</v>
      </c>
      <c r="P476" s="202">
        <v>0.22223740557182001</v>
      </c>
      <c r="Q476" s="261">
        <v>4.4670391570011028E-2</v>
      </c>
      <c r="R476" s="202">
        <v>4.8741043860930082E-2</v>
      </c>
      <c r="S476" s="92">
        <v>2.4140839968543923E-2</v>
      </c>
    </row>
    <row r="477" spans="1:19">
      <c r="A477" s="47" t="s">
        <v>628</v>
      </c>
      <c r="B477" s="201">
        <v>831</v>
      </c>
      <c r="C477" s="203">
        <v>0.47331196074540649</v>
      </c>
      <c r="D477" s="95">
        <v>3.4557566737763515E-2</v>
      </c>
      <c r="E477" s="203">
        <v>0.14890165373249803</v>
      </c>
      <c r="F477" s="95">
        <v>2.4753457663522296E-2</v>
      </c>
      <c r="G477" s="203">
        <v>0.37535986773090985</v>
      </c>
      <c r="H477" s="95">
        <v>3.3524560363626575E-2</v>
      </c>
      <c r="I477" s="203">
        <v>2.4265177911854678E-3</v>
      </c>
      <c r="J477" s="95">
        <v>4.7886923899242628E-3</v>
      </c>
      <c r="K477" s="201">
        <v>830</v>
      </c>
      <c r="L477" s="203">
        <v>0.51639064468372287</v>
      </c>
      <c r="M477" s="95">
        <v>3.4608735787204192E-2</v>
      </c>
      <c r="N477" s="203">
        <v>0.11946765086505491</v>
      </c>
      <c r="O477" s="95">
        <v>2.2609267408355501E-2</v>
      </c>
      <c r="P477" s="203">
        <v>0.33210577689704995</v>
      </c>
      <c r="Q477" s="262">
        <v>3.2636452117626849E-2</v>
      </c>
      <c r="R477" s="203">
        <v>3.2035927554172443E-2</v>
      </c>
      <c r="S477" s="95">
        <v>1.2600714932516932E-2</v>
      </c>
    </row>
    <row r="478" spans="1:19">
      <c r="A478" s="55" t="s">
        <v>629</v>
      </c>
      <c r="B478" s="200">
        <v>218</v>
      </c>
      <c r="C478" s="202">
        <v>0.46556833766769257</v>
      </c>
      <c r="D478" s="92">
        <v>6.6961976286450675E-2</v>
      </c>
      <c r="E478" s="202">
        <v>0.11145649711369801</v>
      </c>
      <c r="F478" s="92">
        <v>4.3376656141405789E-2</v>
      </c>
      <c r="G478" s="202">
        <v>0.42057355132374707</v>
      </c>
      <c r="H478" s="92">
        <v>6.6294011620009752E-2</v>
      </c>
      <c r="I478" s="202">
        <v>2.4016138948626045E-3</v>
      </c>
      <c r="J478" s="92">
        <v>1.4229859433567981E-2</v>
      </c>
      <c r="K478" s="200">
        <v>217</v>
      </c>
      <c r="L478" s="202">
        <v>0.56810678894285127</v>
      </c>
      <c r="M478" s="92">
        <v>6.6662906508364039E-2</v>
      </c>
      <c r="N478" s="202">
        <v>0.13034334296927763</v>
      </c>
      <c r="O478" s="92">
        <v>4.6264174479518264E-2</v>
      </c>
      <c r="P478" s="202">
        <v>0.26177091778749711</v>
      </c>
      <c r="Q478" s="261">
        <v>5.9451904305556122E-2</v>
      </c>
      <c r="R478" s="202">
        <v>3.9778950300374032E-2</v>
      </c>
      <c r="S478" s="92">
        <v>2.8789858664685711E-2</v>
      </c>
    </row>
    <row r="479" spans="1:19">
      <c r="A479" s="47" t="s">
        <v>630</v>
      </c>
      <c r="B479" s="201">
        <v>385</v>
      </c>
      <c r="C479" s="203">
        <v>0.50698791396785681</v>
      </c>
      <c r="D479" s="95">
        <v>5.0697162080212417E-2</v>
      </c>
      <c r="E479" s="203">
        <v>0.12151296452799755</v>
      </c>
      <c r="F479" s="95">
        <v>3.3582723345574078E-2</v>
      </c>
      <c r="G479" s="203">
        <v>0.36899075837789735</v>
      </c>
      <c r="H479" s="95">
        <v>4.8967513397859992E-2</v>
      </c>
      <c r="I479" s="203">
        <v>2.5083631262500976E-3</v>
      </c>
      <c r="J479" s="95">
        <v>8.8203047023655071E-3</v>
      </c>
      <c r="K479" s="201">
        <v>389</v>
      </c>
      <c r="L479" s="203">
        <v>0.566963727378342</v>
      </c>
      <c r="M479" s="95">
        <v>4.9998134815567058E-2</v>
      </c>
      <c r="N479" s="203">
        <v>0.1162342826354275</v>
      </c>
      <c r="O479" s="95">
        <v>3.2800826113998413E-2</v>
      </c>
      <c r="P479" s="203">
        <v>0.28798806372218594</v>
      </c>
      <c r="Q479" s="262">
        <v>4.5785346726478104E-2</v>
      </c>
      <c r="R479" s="203">
        <v>2.8813926264045931E-2</v>
      </c>
      <c r="S479" s="95">
        <v>1.8182031352378697E-2</v>
      </c>
    </row>
    <row r="480" spans="1:19">
      <c r="A480" s="55" t="s">
        <v>631</v>
      </c>
      <c r="B480" s="200">
        <v>55</v>
      </c>
      <c r="C480" s="202">
        <v>0.61726529445682055</v>
      </c>
      <c r="D480" s="92">
        <v>0.12703935272280331</v>
      </c>
      <c r="E480" s="202">
        <v>0.10387331941997024</v>
      </c>
      <c r="F480" s="92">
        <v>8.7774440718573293E-2</v>
      </c>
      <c r="G480" s="202">
        <v>0.27886138612320954</v>
      </c>
      <c r="H480" s="92">
        <v>0.11860881679251251</v>
      </c>
      <c r="I480" s="202">
        <v>0</v>
      </c>
      <c r="J480" s="92">
        <v>4.7119904748779487E-2</v>
      </c>
      <c r="K480" s="200">
        <v>56</v>
      </c>
      <c r="L480" s="202">
        <v>0.6974122693812167</v>
      </c>
      <c r="M480" s="92">
        <v>0.1200142776641495</v>
      </c>
      <c r="N480" s="202">
        <v>3.4224241795062046E-2</v>
      </c>
      <c r="O480" s="92">
        <v>6.377826598678471E-2</v>
      </c>
      <c r="P480" s="202">
        <v>0.26836348882372169</v>
      </c>
      <c r="Q480" s="261">
        <v>0.11640736546794185</v>
      </c>
      <c r="R480" s="202">
        <v>0</v>
      </c>
      <c r="S480" s="92">
        <v>4.6348119143587135E-2</v>
      </c>
    </row>
    <row r="481" spans="1:19">
      <c r="A481" s="47" t="s">
        <v>632</v>
      </c>
      <c r="B481" s="201">
        <v>330</v>
      </c>
      <c r="C481" s="203">
        <v>0.47574471245391536</v>
      </c>
      <c r="D481" s="95">
        <v>5.4654679483481204E-2</v>
      </c>
      <c r="E481" s="203">
        <v>0.12651053505697521</v>
      </c>
      <c r="F481" s="95">
        <v>3.6921472787522946E-2</v>
      </c>
      <c r="G481" s="203">
        <v>0.39452573324937695</v>
      </c>
      <c r="H481" s="95">
        <v>5.3515910247717895E-2</v>
      </c>
      <c r="I481" s="203">
        <v>3.2190192397349108E-3</v>
      </c>
      <c r="J481" s="95">
        <v>1.0430511906934113E-2</v>
      </c>
      <c r="K481" s="201">
        <v>333</v>
      </c>
      <c r="L481" s="203">
        <v>0.52950285658410812</v>
      </c>
      <c r="M481" s="95">
        <v>5.4380800589605073E-2</v>
      </c>
      <c r="N481" s="203">
        <v>0.13978508279449042</v>
      </c>
      <c r="O481" s="95">
        <v>3.8256849495825529E-2</v>
      </c>
      <c r="P481" s="203">
        <v>0.29362364732761187</v>
      </c>
      <c r="Q481" s="262">
        <v>4.9736858628142915E-2</v>
      </c>
      <c r="R481" s="203">
        <v>3.7088413293791658E-2</v>
      </c>
      <c r="S481" s="95">
        <v>2.1998005945074166E-2</v>
      </c>
    </row>
    <row r="482" spans="1:19">
      <c r="A482" s="55" t="s">
        <v>633</v>
      </c>
      <c r="B482" s="200">
        <v>661</v>
      </c>
      <c r="C482" s="202">
        <v>0.47125647701205198</v>
      </c>
      <c r="D482" s="92">
        <v>3.8714976925418781E-2</v>
      </c>
      <c r="E482" s="202">
        <v>0.12403934509610737</v>
      </c>
      <c r="F482" s="92">
        <v>2.576339770517817E-2</v>
      </c>
      <c r="G482" s="202">
        <v>0.39480978576364195</v>
      </c>
      <c r="H482" s="92">
        <v>3.7920988775998477E-2</v>
      </c>
      <c r="I482" s="202">
        <v>9.894392128196065E-3</v>
      </c>
      <c r="J482" s="92">
        <v>8.7324366906880117E-3</v>
      </c>
      <c r="K482" s="200">
        <v>662</v>
      </c>
      <c r="L482" s="202">
        <v>0.49997434435671423</v>
      </c>
      <c r="M482" s="92">
        <v>3.8749212864206926E-2</v>
      </c>
      <c r="N482" s="202">
        <v>0.11689694229639119</v>
      </c>
      <c r="O482" s="92">
        <v>2.5111132135426401E-2</v>
      </c>
      <c r="P482" s="202">
        <v>0.33643541098281227</v>
      </c>
      <c r="Q482" s="261">
        <v>3.664348341856228E-2</v>
      </c>
      <c r="R482" s="202">
        <v>4.6693302364079925E-2</v>
      </c>
      <c r="S482" s="92">
        <v>1.679659936049422E-2</v>
      </c>
    </row>
    <row r="483" spans="1:19">
      <c r="A483" s="47" t="s">
        <v>634</v>
      </c>
      <c r="B483" s="201">
        <v>611</v>
      </c>
      <c r="C483" s="203">
        <v>0.56625033897046462</v>
      </c>
      <c r="D483" s="95">
        <v>3.9972982826690616E-2</v>
      </c>
      <c r="E483" s="203">
        <v>0.11896662439530224</v>
      </c>
      <c r="F483" s="95">
        <v>2.6343080902638708E-2</v>
      </c>
      <c r="G483" s="203">
        <v>0.31090550580555876</v>
      </c>
      <c r="H483" s="95">
        <v>3.7369339879785635E-2</v>
      </c>
      <c r="I483" s="203">
        <v>3.8775308286751846E-3</v>
      </c>
      <c r="J483" s="95">
        <v>6.7733921982867243E-3</v>
      </c>
      <c r="K483" s="201">
        <v>610</v>
      </c>
      <c r="L483" s="203">
        <v>0.58262024180178384</v>
      </c>
      <c r="M483" s="95">
        <v>3.9809198469710899E-2</v>
      </c>
      <c r="N483" s="203">
        <v>0.12933894197960549</v>
      </c>
      <c r="O483" s="95">
        <v>2.7299120258103011E-2</v>
      </c>
      <c r="P483" s="203">
        <v>0.24621055899555164</v>
      </c>
      <c r="Q483" s="262">
        <v>3.4849830690694479E-2</v>
      </c>
      <c r="R483" s="203">
        <v>4.1830257223059733E-2</v>
      </c>
      <c r="S483" s="95">
        <v>1.6699428557588041E-2</v>
      </c>
    </row>
    <row r="484" spans="1:19">
      <c r="A484" s="55" t="s">
        <v>635</v>
      </c>
      <c r="B484" s="200">
        <v>227</v>
      </c>
      <c r="C484" s="202">
        <v>0.61174522298968537</v>
      </c>
      <c r="D484" s="92">
        <v>6.4188805786113176E-2</v>
      </c>
      <c r="E484" s="202">
        <v>0.11048925759343257</v>
      </c>
      <c r="F484" s="92">
        <v>4.2332473798099485E-2</v>
      </c>
      <c r="G484" s="202">
        <v>0.27247387073880192</v>
      </c>
      <c r="H484" s="92">
        <v>5.8850338336452736E-2</v>
      </c>
      <c r="I484" s="202">
        <v>5.2916486780798851E-3</v>
      </c>
      <c r="J484" s="92">
        <v>1.5383120080542337E-2</v>
      </c>
      <c r="K484" s="200">
        <v>229</v>
      </c>
      <c r="L484" s="202">
        <v>0.57245959254671996</v>
      </c>
      <c r="M484" s="92">
        <v>6.4844261237129081E-2</v>
      </c>
      <c r="N484" s="202">
        <v>0.13251637039335257</v>
      </c>
      <c r="O484" s="92">
        <v>4.5303496008565917E-2</v>
      </c>
      <c r="P484" s="202">
        <v>0.23180526105404811</v>
      </c>
      <c r="Q484" s="261">
        <v>5.566916816955006E-2</v>
      </c>
      <c r="R484" s="202">
        <v>6.3218776005878899E-2</v>
      </c>
      <c r="S484" s="92">
        <v>3.3588330421332573E-2</v>
      </c>
    </row>
    <row r="485" spans="1:19">
      <c r="A485" s="47" t="s">
        <v>636</v>
      </c>
      <c r="B485" s="201">
        <v>384</v>
      </c>
      <c r="C485" s="203">
        <v>0.52776847099431878</v>
      </c>
      <c r="D485" s="95">
        <v>5.0690564077266471E-2</v>
      </c>
      <c r="E485" s="203">
        <v>0.12613720889260716</v>
      </c>
      <c r="F485" s="95">
        <v>3.4145486733764219E-2</v>
      </c>
      <c r="G485" s="203">
        <v>0.34341292149919078</v>
      </c>
      <c r="H485" s="95">
        <v>4.8267236956905317E-2</v>
      </c>
      <c r="I485" s="203">
        <v>2.6813986138856565E-3</v>
      </c>
      <c r="J485" s="95">
        <v>8.9370210446111618E-3</v>
      </c>
      <c r="K485" s="201">
        <v>381</v>
      </c>
      <c r="L485" s="203">
        <v>0.5913659395537908</v>
      </c>
      <c r="M485" s="95">
        <v>5.0124501972146171E-2</v>
      </c>
      <c r="N485" s="203">
        <v>0.12660399583220047</v>
      </c>
      <c r="O485" s="95">
        <v>3.4333355568911289E-2</v>
      </c>
      <c r="P485" s="203">
        <v>0.25860980422697311</v>
      </c>
      <c r="Q485" s="262">
        <v>4.4771892005135185E-2</v>
      </c>
      <c r="R485" s="203">
        <v>2.3420260387037605E-2</v>
      </c>
      <c r="S485" s="95">
        <v>1.6923596889071833E-2</v>
      </c>
    </row>
    <row r="487" spans="1:19" ht="18.75">
      <c r="A487" s="343" t="s">
        <v>354</v>
      </c>
      <c r="B487" s="343"/>
      <c r="C487" s="343"/>
      <c r="D487" s="343"/>
      <c r="E487" s="230"/>
      <c r="F487" s="230"/>
      <c r="G487" s="230"/>
      <c r="H487" s="230"/>
      <c r="I487" s="230"/>
      <c r="J487" s="244"/>
    </row>
    <row r="488" spans="1:19" ht="147" customHeight="1">
      <c r="A488" s="417" t="s">
        <v>535</v>
      </c>
      <c r="B488" s="417"/>
      <c r="C488" s="417"/>
      <c r="D488" s="417"/>
      <c r="E488" s="265"/>
      <c r="F488" s="265"/>
      <c r="G488" s="265"/>
      <c r="H488" s="265"/>
      <c r="I488" s="265"/>
    </row>
    <row r="489" spans="1:19" ht="36" customHeight="1">
      <c r="A489" s="401" t="s">
        <v>144</v>
      </c>
      <c r="B489" s="401"/>
      <c r="C489" s="401"/>
      <c r="D489" s="401"/>
    </row>
    <row r="490" spans="1:19" ht="40.5" customHeight="1">
      <c r="A490" s="35" t="s">
        <v>70</v>
      </c>
      <c r="B490" s="36" t="s">
        <v>71</v>
      </c>
      <c r="C490" s="37" t="s">
        <v>551</v>
      </c>
      <c r="D490" s="38" t="s">
        <v>72</v>
      </c>
    </row>
    <row r="491" spans="1:19" ht="72">
      <c r="A491" s="39"/>
      <c r="B491" s="40" t="s">
        <v>73</v>
      </c>
      <c r="C491" s="126" t="s">
        <v>145</v>
      </c>
      <c r="D491" s="42" t="s">
        <v>75</v>
      </c>
    </row>
    <row r="492" spans="1:19">
      <c r="A492" s="43" t="s">
        <v>348</v>
      </c>
      <c r="B492" s="204">
        <v>11523</v>
      </c>
      <c r="C492" s="82">
        <v>3.9201570078785295</v>
      </c>
      <c r="D492" s="83">
        <v>2.5636434985028492E-2</v>
      </c>
    </row>
    <row r="493" spans="1:19">
      <c r="A493" s="47" t="s">
        <v>349</v>
      </c>
      <c r="B493" s="47">
        <v>8372</v>
      </c>
      <c r="C493" s="208">
        <v>3.6477619545416866</v>
      </c>
      <c r="D493" s="209">
        <v>2.9306209513935266E-2</v>
      </c>
    </row>
    <row r="494" spans="1:19">
      <c r="A494" s="43" t="s">
        <v>350</v>
      </c>
      <c r="B494" s="51">
        <v>3151</v>
      </c>
      <c r="C494" s="82">
        <v>4.1345471164411531</v>
      </c>
      <c r="D494" s="83">
        <v>5.0877959499426736E-2</v>
      </c>
    </row>
    <row r="495" spans="1:19">
      <c r="A495" s="47" t="s">
        <v>568</v>
      </c>
      <c r="B495" s="47">
        <v>9578</v>
      </c>
      <c r="C495" s="208">
        <v>3.9196606959666291</v>
      </c>
      <c r="D495" s="209">
        <v>2.8246340896104307E-2</v>
      </c>
    </row>
    <row r="496" spans="1:19">
      <c r="A496" s="43" t="s">
        <v>569</v>
      </c>
      <c r="B496" s="51">
        <v>1945</v>
      </c>
      <c r="C496" s="82">
        <v>3.9839302186790242</v>
      </c>
      <c r="D496" s="83">
        <v>6.0220226982891353E-2</v>
      </c>
    </row>
    <row r="497" spans="1:4">
      <c r="A497" s="47" t="s">
        <v>570</v>
      </c>
      <c r="B497" s="47">
        <v>502</v>
      </c>
      <c r="C497" s="208">
        <v>3.926240746969559</v>
      </c>
      <c r="D497" s="209">
        <v>0.11594570598588709</v>
      </c>
    </row>
    <row r="498" spans="1:4">
      <c r="A498" s="43" t="s">
        <v>571</v>
      </c>
      <c r="B498" s="51">
        <v>1014</v>
      </c>
      <c r="C498" s="82">
        <v>4.0702533236323584</v>
      </c>
      <c r="D498" s="83">
        <v>8.099684841775566E-2</v>
      </c>
    </row>
    <row r="499" spans="1:4">
      <c r="A499" s="47" t="s">
        <v>582</v>
      </c>
      <c r="B499" s="47">
        <v>689</v>
      </c>
      <c r="C499" s="208">
        <v>3.7773478890842749</v>
      </c>
      <c r="D499" s="209">
        <v>9.998361481052799E-2</v>
      </c>
    </row>
    <row r="500" spans="1:4">
      <c r="A500" s="43" t="s">
        <v>583</v>
      </c>
      <c r="B500" s="51">
        <v>1256</v>
      </c>
      <c r="C500" s="82">
        <v>4.0636128285215829</v>
      </c>
      <c r="D500" s="83">
        <v>7.4241989181091067E-2</v>
      </c>
    </row>
    <row r="501" spans="1:4">
      <c r="A501" s="47" t="s">
        <v>572</v>
      </c>
      <c r="B501" s="47">
        <v>277</v>
      </c>
      <c r="C501" s="208">
        <v>3.8554439272591434</v>
      </c>
      <c r="D501" s="209">
        <v>0.16428813362748854</v>
      </c>
    </row>
    <row r="502" spans="1:4">
      <c r="A502" s="43" t="s">
        <v>573</v>
      </c>
      <c r="B502" s="204">
        <v>368</v>
      </c>
      <c r="C502" s="82">
        <v>3.7737424481917814</v>
      </c>
      <c r="D502" s="83">
        <v>0.12774148737598534</v>
      </c>
    </row>
    <row r="503" spans="1:4">
      <c r="A503" s="47" t="s">
        <v>574</v>
      </c>
      <c r="B503" s="207">
        <v>546</v>
      </c>
      <c r="C503" s="208">
        <v>3.9270551431391962</v>
      </c>
      <c r="D503" s="209">
        <v>0.10965322701042841</v>
      </c>
    </row>
    <row r="504" spans="1:4">
      <c r="A504" s="43" t="s">
        <v>575</v>
      </c>
      <c r="B504" s="81">
        <v>735</v>
      </c>
      <c r="C504" s="82">
        <v>4.2487130908757553</v>
      </c>
      <c r="D504" s="83">
        <v>9.9363174324026554E-2</v>
      </c>
    </row>
    <row r="505" spans="1:4">
      <c r="A505" s="47" t="s">
        <v>576</v>
      </c>
      <c r="B505" s="207">
        <v>619</v>
      </c>
      <c r="C505" s="208">
        <v>3.9123220190010533</v>
      </c>
      <c r="D505" s="209">
        <v>0.10550153221979611</v>
      </c>
    </row>
    <row r="506" spans="1:4">
      <c r="A506" s="55" t="s">
        <v>577</v>
      </c>
      <c r="B506" s="204">
        <v>606</v>
      </c>
      <c r="C506" s="82">
        <v>3.9414160248548042</v>
      </c>
      <c r="D506" s="83">
        <v>0.10537181416715752</v>
      </c>
    </row>
    <row r="507" spans="1:4">
      <c r="A507" s="47" t="s">
        <v>578</v>
      </c>
      <c r="B507" s="207">
        <v>220</v>
      </c>
      <c r="C507" s="208">
        <v>4.0717669309659446</v>
      </c>
      <c r="D507" s="209">
        <v>0.17514458844449343</v>
      </c>
    </row>
    <row r="508" spans="1:4">
      <c r="A508" s="55" t="s">
        <v>579</v>
      </c>
      <c r="B508" s="204">
        <v>186</v>
      </c>
      <c r="C508" s="82">
        <v>4.1829101176509802</v>
      </c>
      <c r="D508" s="83">
        <v>0.18903450318027179</v>
      </c>
    </row>
    <row r="509" spans="1:4">
      <c r="A509" s="47" t="s">
        <v>580</v>
      </c>
      <c r="B509" s="207">
        <v>189</v>
      </c>
      <c r="C509" s="208">
        <v>4.0005909962371975</v>
      </c>
      <c r="D509" s="209">
        <v>0.20228102436583678</v>
      </c>
    </row>
    <row r="510" spans="1:4">
      <c r="A510" s="55" t="s">
        <v>581</v>
      </c>
      <c r="B510" s="204">
        <v>99</v>
      </c>
      <c r="C510" s="82">
        <v>4.4374429469015633</v>
      </c>
      <c r="D510" s="83">
        <v>0.26447151592648965</v>
      </c>
    </row>
    <row r="511" spans="1:4">
      <c r="A511" s="47" t="s">
        <v>584</v>
      </c>
      <c r="B511" s="207">
        <v>110</v>
      </c>
      <c r="C511" s="208">
        <v>3.7251023166086701</v>
      </c>
      <c r="D511" s="209">
        <v>0.26552036489063924</v>
      </c>
    </row>
    <row r="512" spans="1:4">
      <c r="A512" s="55" t="s">
        <v>585</v>
      </c>
      <c r="B512" s="204">
        <v>1835</v>
      </c>
      <c r="C512" s="82">
        <v>4.0375037260168778</v>
      </c>
      <c r="D512" s="83">
        <v>6.1778165192237985E-2</v>
      </c>
    </row>
    <row r="513" spans="1:4">
      <c r="A513" s="47" t="s">
        <v>620</v>
      </c>
      <c r="B513" s="207">
        <v>131</v>
      </c>
      <c r="C513" s="208">
        <v>4.1373380925137662</v>
      </c>
      <c r="D513" s="209">
        <v>0.22261080147453649</v>
      </c>
    </row>
    <row r="514" spans="1:4">
      <c r="A514" s="55" t="s">
        <v>621</v>
      </c>
      <c r="B514" s="204">
        <v>132</v>
      </c>
      <c r="C514" s="82">
        <v>3.9438728704115111</v>
      </c>
      <c r="D514" s="83">
        <v>0.22797929409200224</v>
      </c>
    </row>
    <row r="515" spans="1:4">
      <c r="A515" s="47" t="s">
        <v>622</v>
      </c>
      <c r="B515" s="207">
        <v>788</v>
      </c>
      <c r="C515" s="208">
        <v>4.0164420889687147</v>
      </c>
      <c r="D515" s="209">
        <v>9.3565307510294557E-2</v>
      </c>
    </row>
    <row r="516" spans="1:4">
      <c r="A516" s="55" t="s">
        <v>623</v>
      </c>
      <c r="B516" s="204">
        <v>238</v>
      </c>
      <c r="C516" s="82">
        <v>4.0912737545648872</v>
      </c>
      <c r="D516" s="83">
        <v>0.179708285210641</v>
      </c>
    </row>
    <row r="517" spans="1:4">
      <c r="A517" s="47" t="s">
        <v>624</v>
      </c>
      <c r="B517" s="207">
        <v>267</v>
      </c>
      <c r="C517" s="208">
        <v>3.964009520594773</v>
      </c>
      <c r="D517" s="209">
        <v>0.14912549109486567</v>
      </c>
    </row>
    <row r="518" spans="1:4">
      <c r="A518" s="55" t="s">
        <v>625</v>
      </c>
      <c r="B518" s="204">
        <v>967</v>
      </c>
      <c r="C518" s="82">
        <v>4.0171764201609355</v>
      </c>
      <c r="D518" s="83">
        <v>8.5817155398656628E-2</v>
      </c>
    </row>
    <row r="519" spans="1:4">
      <c r="A519" s="47" t="s">
        <v>626</v>
      </c>
      <c r="B519" s="207">
        <v>977</v>
      </c>
      <c r="C519" s="208">
        <v>3.9144467901600084</v>
      </c>
      <c r="D519" s="209">
        <v>8.4260463208884709E-2</v>
      </c>
    </row>
    <row r="520" spans="1:4">
      <c r="A520" s="55" t="s">
        <v>627</v>
      </c>
      <c r="B520" s="204">
        <v>296</v>
      </c>
      <c r="C520" s="82">
        <v>3.883385201225281</v>
      </c>
      <c r="D520" s="83">
        <v>0.16009742400407773</v>
      </c>
    </row>
    <row r="521" spans="1:4">
      <c r="A521" s="47" t="s">
        <v>628</v>
      </c>
      <c r="B521" s="207">
        <v>681</v>
      </c>
      <c r="C521" s="208">
        <v>3.9333367821633205</v>
      </c>
      <c r="D521" s="209">
        <v>9.8761309166726347E-2</v>
      </c>
    </row>
    <row r="522" spans="1:4">
      <c r="A522" s="55" t="s">
        <v>629</v>
      </c>
      <c r="B522" s="204">
        <v>174</v>
      </c>
      <c r="C522" s="82">
        <v>4.0326638550123421</v>
      </c>
      <c r="D522" s="83">
        <v>0.19957271307955629</v>
      </c>
    </row>
    <row r="523" spans="1:4">
      <c r="A523" s="47" t="s">
        <v>630</v>
      </c>
      <c r="B523" s="207">
        <v>328</v>
      </c>
      <c r="C523" s="208">
        <v>3.7934308980761764</v>
      </c>
      <c r="D523" s="209">
        <v>0.14109950188798126</v>
      </c>
    </row>
    <row r="524" spans="1:4">
      <c r="A524" s="55" t="s">
        <v>631</v>
      </c>
      <c r="B524" s="204">
        <v>40</v>
      </c>
      <c r="C524" s="82">
        <v>3.6811710282063546</v>
      </c>
      <c r="D524" s="83">
        <v>0.44573428873471926</v>
      </c>
    </row>
    <row r="525" spans="1:4">
      <c r="A525" s="47" t="s">
        <v>632</v>
      </c>
      <c r="B525" s="207">
        <v>288</v>
      </c>
      <c r="C525" s="208">
        <v>3.8190703427776689</v>
      </c>
      <c r="D525" s="209">
        <v>0.14857598950927076</v>
      </c>
    </row>
    <row r="526" spans="1:4">
      <c r="A526" s="55" t="s">
        <v>633</v>
      </c>
      <c r="B526" s="204">
        <v>513</v>
      </c>
      <c r="C526" s="82">
        <v>4.1109652704314392</v>
      </c>
      <c r="D526" s="83">
        <v>0.11049007646122448</v>
      </c>
    </row>
    <row r="527" spans="1:4">
      <c r="A527" s="47" t="s">
        <v>634</v>
      </c>
      <c r="B527" s="207">
        <v>501</v>
      </c>
      <c r="C527" s="208">
        <v>4.0057434237081564</v>
      </c>
      <c r="D527" s="209">
        <v>0.11849623366574381</v>
      </c>
    </row>
    <row r="528" spans="1:4">
      <c r="A528" s="55" t="s">
        <v>635</v>
      </c>
      <c r="B528" s="204">
        <v>203</v>
      </c>
      <c r="C528" s="82">
        <v>3.8451039816288892</v>
      </c>
      <c r="D528" s="83">
        <v>0.1909892698301083</v>
      </c>
    </row>
    <row r="529" spans="1:46">
      <c r="A529" s="47" t="s">
        <v>636</v>
      </c>
      <c r="B529" s="207">
        <v>298</v>
      </c>
      <c r="C529" s="208">
        <v>4.1602729473558728</v>
      </c>
      <c r="D529" s="209">
        <v>0.14857307492775096</v>
      </c>
    </row>
    <row r="531" spans="1:46" ht="18.75">
      <c r="A531" s="343" t="s">
        <v>355</v>
      </c>
      <c r="B531" s="343"/>
      <c r="C531" s="343"/>
      <c r="D531" s="343"/>
      <c r="E531" s="343"/>
      <c r="F531" s="343"/>
      <c r="G531" s="343"/>
      <c r="H531" s="343"/>
      <c r="I531" s="343"/>
      <c r="J531" s="343"/>
      <c r="K531" s="343"/>
      <c r="L531" s="343"/>
      <c r="M531" s="343"/>
      <c r="N531" s="343"/>
      <c r="O531" s="343"/>
      <c r="P531" s="343"/>
      <c r="Q531" s="343"/>
      <c r="R531" s="343"/>
      <c r="S531" s="343"/>
      <c r="T531" s="343"/>
      <c r="U531" s="343"/>
      <c r="V531" s="343"/>
      <c r="W531" s="343"/>
      <c r="X531" s="343"/>
      <c r="Y531" s="343"/>
      <c r="Z531" s="343"/>
      <c r="AA531" s="343"/>
      <c r="AB531" s="343"/>
      <c r="AC531" s="343"/>
      <c r="AD531" s="343"/>
      <c r="AE531" s="343"/>
      <c r="AF531" s="343"/>
      <c r="AG531" s="343"/>
      <c r="AH531" s="343"/>
      <c r="AI531" s="343"/>
      <c r="AJ531" s="343"/>
      <c r="AK531" s="343"/>
      <c r="AL531" s="343"/>
      <c r="AM531" s="343"/>
      <c r="AN531" s="343"/>
      <c r="AO531" s="343"/>
      <c r="AP531" s="343"/>
      <c r="AQ531" s="343"/>
      <c r="AR531" s="343"/>
      <c r="AS531" s="343"/>
      <c r="AT531" s="343"/>
    </row>
    <row r="532" spans="1:46" ht="66" customHeight="1">
      <c r="A532" s="417" t="s">
        <v>563</v>
      </c>
      <c r="B532" s="417"/>
      <c r="C532" s="417"/>
      <c r="D532" s="417"/>
      <c r="E532" s="417"/>
      <c r="F532" s="417"/>
      <c r="G532" s="417"/>
      <c r="H532" s="417"/>
      <c r="I532" s="417"/>
      <c r="J532" s="417"/>
      <c r="K532" s="417"/>
      <c r="L532" s="417"/>
      <c r="M532" s="417"/>
      <c r="N532" s="417"/>
      <c r="O532" s="417"/>
      <c r="P532" s="417"/>
      <c r="Q532" s="417"/>
      <c r="R532" s="417"/>
      <c r="S532" s="417"/>
      <c r="T532" s="417"/>
      <c r="U532" s="417"/>
      <c r="V532" s="417"/>
      <c r="W532" s="417"/>
      <c r="X532" s="417"/>
      <c r="Y532" s="417"/>
      <c r="Z532" s="417"/>
      <c r="AA532" s="417"/>
      <c r="AB532" s="417"/>
      <c r="AC532" s="417"/>
      <c r="AD532" s="417"/>
      <c r="AE532" s="417"/>
      <c r="AF532" s="417"/>
      <c r="AG532" s="417"/>
      <c r="AH532" s="417"/>
      <c r="AI532" s="417"/>
      <c r="AJ532" s="417"/>
      <c r="AK532" s="417"/>
      <c r="AL532" s="417"/>
      <c r="AM532" s="417"/>
      <c r="AN532" s="417"/>
      <c r="AO532" s="417"/>
      <c r="AP532" s="417"/>
      <c r="AQ532" s="417"/>
      <c r="AR532" s="417"/>
      <c r="AS532" s="417"/>
      <c r="AT532" s="417"/>
    </row>
    <row r="533" spans="1:46" ht="32.25" customHeight="1">
      <c r="A533" s="62"/>
      <c r="B533" s="395" t="s">
        <v>290</v>
      </c>
      <c r="C533" s="396"/>
      <c r="D533" s="396"/>
      <c r="E533" s="396"/>
      <c r="F533" s="396"/>
      <c r="G533" s="396"/>
      <c r="H533" s="396"/>
      <c r="I533" s="396"/>
      <c r="J533" s="397"/>
      <c r="K533" s="395" t="s">
        <v>291</v>
      </c>
      <c r="L533" s="396"/>
      <c r="M533" s="396"/>
      <c r="N533" s="396"/>
      <c r="O533" s="396"/>
      <c r="P533" s="396"/>
      <c r="Q533" s="396"/>
      <c r="R533" s="396"/>
      <c r="S533" s="397"/>
      <c r="T533" s="395" t="s">
        <v>292</v>
      </c>
      <c r="U533" s="396"/>
      <c r="V533" s="396"/>
      <c r="W533" s="396"/>
      <c r="X533" s="396"/>
      <c r="Y533" s="396"/>
      <c r="Z533" s="396"/>
      <c r="AA533" s="396"/>
      <c r="AB533" s="397"/>
      <c r="AC533" s="395" t="s">
        <v>293</v>
      </c>
      <c r="AD533" s="396"/>
      <c r="AE533" s="396"/>
      <c r="AF533" s="396"/>
      <c r="AG533" s="396"/>
      <c r="AH533" s="396"/>
      <c r="AI533" s="396"/>
      <c r="AJ533" s="396"/>
      <c r="AK533" s="397"/>
      <c r="AL533" s="395" t="s">
        <v>294</v>
      </c>
      <c r="AM533" s="396"/>
      <c r="AN533" s="396"/>
      <c r="AO533" s="396"/>
      <c r="AP533" s="396"/>
      <c r="AQ533" s="396"/>
      <c r="AR533" s="396"/>
      <c r="AS533" s="396"/>
      <c r="AT533" s="397"/>
    </row>
    <row r="534" spans="1:46" ht="60.75" customHeight="1">
      <c r="A534" s="35" t="s">
        <v>70</v>
      </c>
      <c r="B534" s="36" t="s">
        <v>71</v>
      </c>
      <c r="C534" s="36" t="s">
        <v>228</v>
      </c>
      <c r="D534" s="87" t="s">
        <v>295</v>
      </c>
      <c r="E534" s="36" t="s">
        <v>296</v>
      </c>
      <c r="F534" s="87" t="s">
        <v>269</v>
      </c>
      <c r="G534" s="36" t="s">
        <v>297</v>
      </c>
      <c r="H534" s="87" t="s">
        <v>270</v>
      </c>
      <c r="I534" s="36" t="s">
        <v>300</v>
      </c>
      <c r="J534" s="87" t="s">
        <v>314</v>
      </c>
      <c r="K534" s="63" t="s">
        <v>71</v>
      </c>
      <c r="L534" s="63" t="s">
        <v>344</v>
      </c>
      <c r="M534" s="86" t="s">
        <v>345</v>
      </c>
      <c r="N534" s="63" t="s">
        <v>341</v>
      </c>
      <c r="O534" s="86" t="s">
        <v>343</v>
      </c>
      <c r="P534" s="63" t="s">
        <v>346</v>
      </c>
      <c r="Q534" s="86" t="s">
        <v>347</v>
      </c>
      <c r="R534" s="263" t="s">
        <v>300</v>
      </c>
      <c r="S534" s="86" t="s">
        <v>314</v>
      </c>
      <c r="T534" s="36" t="s">
        <v>71</v>
      </c>
      <c r="U534" s="36" t="s">
        <v>344</v>
      </c>
      <c r="V534" s="87" t="s">
        <v>345</v>
      </c>
      <c r="W534" s="36" t="s">
        <v>341</v>
      </c>
      <c r="X534" s="87" t="s">
        <v>343</v>
      </c>
      <c r="Y534" s="36" t="s">
        <v>346</v>
      </c>
      <c r="Z534" s="87" t="s">
        <v>347</v>
      </c>
      <c r="AA534" s="36" t="s">
        <v>300</v>
      </c>
      <c r="AB534" s="87" t="s">
        <v>314</v>
      </c>
      <c r="AC534" s="63" t="s">
        <v>71</v>
      </c>
      <c r="AD534" s="63" t="s">
        <v>344</v>
      </c>
      <c r="AE534" s="86" t="s">
        <v>345</v>
      </c>
      <c r="AF534" s="63" t="s">
        <v>341</v>
      </c>
      <c r="AG534" s="86" t="s">
        <v>343</v>
      </c>
      <c r="AH534" s="63" t="s">
        <v>346</v>
      </c>
      <c r="AI534" s="86" t="s">
        <v>347</v>
      </c>
      <c r="AJ534" s="63" t="s">
        <v>300</v>
      </c>
      <c r="AK534" s="86" t="s">
        <v>314</v>
      </c>
      <c r="AL534" s="36" t="s">
        <v>71</v>
      </c>
      <c r="AM534" s="36" t="s">
        <v>344</v>
      </c>
      <c r="AN534" s="87" t="s">
        <v>345</v>
      </c>
      <c r="AO534" s="36" t="s">
        <v>341</v>
      </c>
      <c r="AP534" s="87" t="s">
        <v>343</v>
      </c>
      <c r="AQ534" s="36" t="s">
        <v>346</v>
      </c>
      <c r="AR534" s="87" t="s">
        <v>347</v>
      </c>
      <c r="AS534" s="36" t="s">
        <v>300</v>
      </c>
      <c r="AT534" s="87" t="s">
        <v>314</v>
      </c>
    </row>
    <row r="535" spans="1:46" ht="72">
      <c r="A535" s="39"/>
      <c r="B535" s="40" t="s">
        <v>73</v>
      </c>
      <c r="C535" s="40" t="s">
        <v>158</v>
      </c>
      <c r="D535" s="89" t="s">
        <v>87</v>
      </c>
      <c r="E535" s="40" t="s">
        <v>159</v>
      </c>
      <c r="F535" s="89" t="s">
        <v>87</v>
      </c>
      <c r="G535" s="40" t="s">
        <v>160</v>
      </c>
      <c r="H535" s="89" t="s">
        <v>87</v>
      </c>
      <c r="I535" s="40" t="s">
        <v>300</v>
      </c>
      <c r="J535" s="89" t="s">
        <v>87</v>
      </c>
      <c r="K535" s="66" t="s">
        <v>73</v>
      </c>
      <c r="L535" s="66" t="s">
        <v>340</v>
      </c>
      <c r="M535" s="88" t="s">
        <v>87</v>
      </c>
      <c r="N535" s="66" t="s">
        <v>342</v>
      </c>
      <c r="O535" s="88" t="s">
        <v>87</v>
      </c>
      <c r="P535" s="66" t="s">
        <v>158</v>
      </c>
      <c r="Q535" s="88" t="s">
        <v>87</v>
      </c>
      <c r="R535" s="264" t="s">
        <v>300</v>
      </c>
      <c r="S535" s="88" t="s">
        <v>87</v>
      </c>
      <c r="T535" s="40" t="s">
        <v>73</v>
      </c>
      <c r="U535" s="40" t="s">
        <v>340</v>
      </c>
      <c r="V535" s="89" t="s">
        <v>87</v>
      </c>
      <c r="W535" s="40" t="s">
        <v>342</v>
      </c>
      <c r="X535" s="89" t="s">
        <v>87</v>
      </c>
      <c r="Y535" s="40" t="s">
        <v>158</v>
      </c>
      <c r="Z535" s="89" t="s">
        <v>87</v>
      </c>
      <c r="AA535" s="40" t="s">
        <v>300</v>
      </c>
      <c r="AB535" s="89" t="s">
        <v>87</v>
      </c>
      <c r="AC535" s="66" t="s">
        <v>73</v>
      </c>
      <c r="AD535" s="66" t="s">
        <v>340</v>
      </c>
      <c r="AE535" s="88" t="s">
        <v>87</v>
      </c>
      <c r="AF535" s="66" t="s">
        <v>342</v>
      </c>
      <c r="AG535" s="88" t="s">
        <v>87</v>
      </c>
      <c r="AH535" s="66" t="s">
        <v>158</v>
      </c>
      <c r="AI535" s="88" t="s">
        <v>87</v>
      </c>
      <c r="AJ535" s="66" t="s">
        <v>300</v>
      </c>
      <c r="AK535" s="88" t="s">
        <v>87</v>
      </c>
      <c r="AL535" s="40" t="s">
        <v>73</v>
      </c>
      <c r="AM535" s="40" t="s">
        <v>340</v>
      </c>
      <c r="AN535" s="89" t="s">
        <v>87</v>
      </c>
      <c r="AO535" s="40" t="s">
        <v>342</v>
      </c>
      <c r="AP535" s="89" t="s">
        <v>87</v>
      </c>
      <c r="AQ535" s="40" t="s">
        <v>158</v>
      </c>
      <c r="AR535" s="89" t="s">
        <v>87</v>
      </c>
      <c r="AS535" s="40" t="s">
        <v>300</v>
      </c>
      <c r="AT535" s="89" t="s">
        <v>87</v>
      </c>
    </row>
    <row r="536" spans="1:46">
      <c r="A536" s="43" t="s">
        <v>348</v>
      </c>
      <c r="B536" s="204">
        <v>13815</v>
      </c>
      <c r="C536" s="210">
        <v>0.17605007959171437</v>
      </c>
      <c r="D536" s="92">
        <v>6.4811358179529301E-3</v>
      </c>
      <c r="E536" s="210">
        <v>0.16946925553153369</v>
      </c>
      <c r="F536" s="92">
        <v>6.3842891049194304E-3</v>
      </c>
      <c r="G536" s="210">
        <v>0.63870561427551786</v>
      </c>
      <c r="H536" s="92">
        <v>8.1730308757066942E-3</v>
      </c>
      <c r="I536" s="210">
        <v>1.5775050601248168E-2</v>
      </c>
      <c r="J536" s="92">
        <v>2.1291887836995919E-3</v>
      </c>
      <c r="K536" s="204">
        <v>13921</v>
      </c>
      <c r="L536" s="210">
        <v>0.43128119612438104</v>
      </c>
      <c r="M536" s="92">
        <v>8.3939011557169537E-3</v>
      </c>
      <c r="N536" s="210">
        <v>0.1965196850115149</v>
      </c>
      <c r="O536" s="92">
        <v>6.7359024248441375E-3</v>
      </c>
      <c r="P536" s="210">
        <v>0.31453606611118429</v>
      </c>
      <c r="Q536" s="92">
        <v>7.8700922431527674E-3</v>
      </c>
      <c r="R536" s="210">
        <v>5.766305275293792E-2</v>
      </c>
      <c r="S536" s="92">
        <v>3.9548771967590525E-3</v>
      </c>
      <c r="T536" s="204">
        <v>13959</v>
      </c>
      <c r="U536" s="210">
        <v>0.46530097545906712</v>
      </c>
      <c r="V536" s="92">
        <v>8.4423413112719187E-3</v>
      </c>
      <c r="W536" s="210">
        <v>0.14101964844660053</v>
      </c>
      <c r="X536" s="92">
        <v>5.8925645984896653E-3</v>
      </c>
      <c r="Y536" s="210">
        <v>0.2613093717616628</v>
      </c>
      <c r="Z536" s="92">
        <v>7.4368004297950176E-3</v>
      </c>
      <c r="AA536" s="210">
        <v>0.13237000433268897</v>
      </c>
      <c r="AB536" s="92">
        <v>5.7378479356672771E-3</v>
      </c>
      <c r="AC536" s="204">
        <v>13948</v>
      </c>
      <c r="AD536" s="210">
        <v>0.44480379197614073</v>
      </c>
      <c r="AE536" s="92">
        <v>8.4143540884781837E-3</v>
      </c>
      <c r="AF536" s="210">
        <v>0.16659488456625371</v>
      </c>
      <c r="AG536" s="92">
        <v>6.3105951983046978E-3</v>
      </c>
      <c r="AH536" s="210">
        <v>0.25628978034163385</v>
      </c>
      <c r="AI536" s="92">
        <v>7.3929551400165189E-3</v>
      </c>
      <c r="AJ536" s="210">
        <v>0.1323115431159905</v>
      </c>
      <c r="AK536" s="92">
        <v>5.7390379031784225E-3</v>
      </c>
      <c r="AL536" s="204">
        <v>13958</v>
      </c>
      <c r="AM536" s="210">
        <v>0.33216717297934245</v>
      </c>
      <c r="AN536" s="92">
        <v>7.9723106183940337E-3</v>
      </c>
      <c r="AO536" s="210">
        <v>0.17903716103535486</v>
      </c>
      <c r="AP536" s="92">
        <v>6.4904781822776054E-3</v>
      </c>
      <c r="AQ536" s="210">
        <v>0.28159880985013375</v>
      </c>
      <c r="AR536" s="92">
        <v>7.6135015105054148E-3</v>
      </c>
      <c r="AS536" s="210">
        <v>0.2071968561351886</v>
      </c>
      <c r="AT536" s="92">
        <v>6.861125455814774E-3</v>
      </c>
    </row>
    <row r="537" spans="1:46">
      <c r="A537" s="47" t="s">
        <v>349</v>
      </c>
      <c r="B537" s="207">
        <v>10146</v>
      </c>
      <c r="C537" s="211">
        <v>0.17890590456310965</v>
      </c>
      <c r="D537" s="95">
        <v>7.6107217103005302E-3</v>
      </c>
      <c r="E537" s="211">
        <v>0.17435877600897257</v>
      </c>
      <c r="F537" s="95">
        <v>7.53425953443684E-3</v>
      </c>
      <c r="G537" s="211">
        <v>0.63467323718153379</v>
      </c>
      <c r="H537" s="95">
        <v>9.5593023108101489E-3</v>
      </c>
      <c r="I537" s="211">
        <v>1.2062082246376926E-2</v>
      </c>
      <c r="J537" s="95">
        <v>2.184062594288781E-3</v>
      </c>
      <c r="K537" s="207">
        <v>10142</v>
      </c>
      <c r="L537" s="211">
        <v>0.46804500608368454</v>
      </c>
      <c r="M537" s="95">
        <v>9.9075100559377436E-3</v>
      </c>
      <c r="N537" s="211">
        <v>0.18959537622605446</v>
      </c>
      <c r="O537" s="95">
        <v>7.7849300255473609E-3</v>
      </c>
      <c r="P537" s="211">
        <v>0.28124422579891456</v>
      </c>
      <c r="Q537" s="95">
        <v>8.9280285035615893E-3</v>
      </c>
      <c r="R537" s="211">
        <v>6.1115391891346259E-2</v>
      </c>
      <c r="S537" s="95">
        <v>4.7625315480819518E-3</v>
      </c>
      <c r="T537" s="207">
        <v>10176</v>
      </c>
      <c r="U537" s="211">
        <v>0.56522380655885374</v>
      </c>
      <c r="V537" s="95">
        <v>9.8265747207698408E-3</v>
      </c>
      <c r="W537" s="211">
        <v>0.12027747431701769</v>
      </c>
      <c r="X537" s="95">
        <v>6.4513927761144828E-3</v>
      </c>
      <c r="Y537" s="211">
        <v>0.18078926181125976</v>
      </c>
      <c r="Z537" s="95">
        <v>7.630580702799949E-3</v>
      </c>
      <c r="AA537" s="211">
        <v>0.13370945731286588</v>
      </c>
      <c r="AB537" s="95">
        <v>6.7494205460137471E-3</v>
      </c>
      <c r="AC537" s="207">
        <v>10161</v>
      </c>
      <c r="AD537" s="211">
        <v>0.52526685976089205</v>
      </c>
      <c r="AE537" s="95">
        <v>9.9058447500712226E-3</v>
      </c>
      <c r="AF537" s="211">
        <v>0.15841249905892282</v>
      </c>
      <c r="AG537" s="95">
        <v>7.245529966462042E-3</v>
      </c>
      <c r="AH537" s="211">
        <v>0.18203124717061997</v>
      </c>
      <c r="AI537" s="95">
        <v>7.6565588255011431E-3</v>
      </c>
      <c r="AJ537" s="211">
        <v>0.1342893940095623</v>
      </c>
      <c r="AK537" s="95">
        <v>6.7667480904239682E-3</v>
      </c>
      <c r="AL537" s="207">
        <v>10165</v>
      </c>
      <c r="AM537" s="211">
        <v>0.38645328584310518</v>
      </c>
      <c r="AN537" s="95">
        <v>9.6576725982852451E-3</v>
      </c>
      <c r="AO537" s="211">
        <v>0.17138669573291548</v>
      </c>
      <c r="AP537" s="95">
        <v>7.4762740252015646E-3</v>
      </c>
      <c r="AQ537" s="211">
        <v>0.21890347432413532</v>
      </c>
      <c r="AR537" s="95">
        <v>8.2025420700415439E-3</v>
      </c>
      <c r="AS537" s="211">
        <v>0.22325654409984214</v>
      </c>
      <c r="AT537" s="95">
        <v>8.2605162700504671E-3</v>
      </c>
    </row>
    <row r="538" spans="1:46">
      <c r="A538" s="43" t="s">
        <v>350</v>
      </c>
      <c r="B538" s="204">
        <v>3669</v>
      </c>
      <c r="C538" s="210">
        <v>0.1737197336605466</v>
      </c>
      <c r="D538" s="92">
        <v>1.2512903649788814E-2</v>
      </c>
      <c r="E538" s="210">
        <v>0.16547941922711129</v>
      </c>
      <c r="F538" s="92">
        <v>1.2274187699993633E-2</v>
      </c>
      <c r="G538" s="210">
        <v>0.64199602375366893</v>
      </c>
      <c r="H538" s="92">
        <v>1.5822353760000834E-2</v>
      </c>
      <c r="I538" s="210">
        <v>1.8804823358672732E-2</v>
      </c>
      <c r="J538" s="92">
        <v>4.5434351275649449E-3</v>
      </c>
      <c r="K538" s="204">
        <v>3779</v>
      </c>
      <c r="L538" s="210">
        <v>0.40215772574423952</v>
      </c>
      <c r="M538" s="92">
        <v>1.5944893310416271E-2</v>
      </c>
      <c r="N538" s="210">
        <v>0.20200496801235687</v>
      </c>
      <c r="O538" s="92">
        <v>1.3063081311942658E-2</v>
      </c>
      <c r="P538" s="210">
        <v>0.34090911956530839</v>
      </c>
      <c r="Q538" s="92">
        <v>1.5415424161120156E-2</v>
      </c>
      <c r="R538" s="210">
        <v>5.4928186678095001E-2</v>
      </c>
      <c r="S538" s="92">
        <v>7.438514404945311E-3</v>
      </c>
      <c r="T538" s="204">
        <v>3783</v>
      </c>
      <c r="U538" s="210">
        <v>0.38586221827091144</v>
      </c>
      <c r="V538" s="92">
        <v>1.5821825218067829E-2</v>
      </c>
      <c r="W538" s="210">
        <v>0.15750969897957753</v>
      </c>
      <c r="X538" s="92">
        <v>1.1850136162261415E-2</v>
      </c>
      <c r="Y538" s="210">
        <v>0.32532294496320185</v>
      </c>
      <c r="Z538" s="92">
        <v>1.5228298704807647E-2</v>
      </c>
      <c r="AA538" s="210">
        <v>0.13130513778630981</v>
      </c>
      <c r="AB538" s="92">
        <v>1.0990122562692011E-2</v>
      </c>
      <c r="AC538" s="204">
        <v>3787</v>
      </c>
      <c r="AD538" s="210">
        <v>0.38108302459246834</v>
      </c>
      <c r="AE538" s="92">
        <v>1.5776351014167397E-2</v>
      </c>
      <c r="AF538" s="210">
        <v>0.17307472554062964</v>
      </c>
      <c r="AG538" s="92">
        <v>1.2298292518352566E-2</v>
      </c>
      <c r="AH538" s="210">
        <v>0.31509701760853898</v>
      </c>
      <c r="AI538" s="92">
        <v>1.5092539554168909E-2</v>
      </c>
      <c r="AJ538" s="210">
        <v>0.13074523225836387</v>
      </c>
      <c r="AK538" s="92">
        <v>1.0964487741235469E-2</v>
      </c>
      <c r="AL538" s="204">
        <v>3793</v>
      </c>
      <c r="AM538" s="210">
        <v>0.28915283208325138</v>
      </c>
      <c r="AN538" s="92">
        <v>1.4718393877672481E-2</v>
      </c>
      <c r="AO538" s="210">
        <v>0.1850991114158935</v>
      </c>
      <c r="AP538" s="92">
        <v>1.2614343958275053E-2</v>
      </c>
      <c r="AQ538" s="210">
        <v>0.33127631285493792</v>
      </c>
      <c r="AR538" s="92">
        <v>1.5278720826906535E-2</v>
      </c>
      <c r="AS538" s="210">
        <v>0.19447174364591735</v>
      </c>
      <c r="AT538" s="92">
        <v>1.2854365769488301E-2</v>
      </c>
    </row>
    <row r="539" spans="1:46">
      <c r="A539" s="47" t="s">
        <v>568</v>
      </c>
      <c r="B539" s="207">
        <v>11461</v>
      </c>
      <c r="C539" s="211">
        <v>0.17640966365313682</v>
      </c>
      <c r="D539" s="95">
        <v>7.1214581746949406E-3</v>
      </c>
      <c r="E539" s="211">
        <v>0.16961291537449003</v>
      </c>
      <c r="F539" s="95">
        <v>7.0118092943413342E-3</v>
      </c>
      <c r="G539" s="211">
        <v>0.63819633541464071</v>
      </c>
      <c r="H539" s="95">
        <v>8.9757165605246197E-3</v>
      </c>
      <c r="I539" s="211">
        <v>1.5781085557750683E-2</v>
      </c>
      <c r="J539" s="95">
        <v>2.340088109827592E-3</v>
      </c>
      <c r="K539" s="207">
        <v>11564</v>
      </c>
      <c r="L539" s="211">
        <v>0.43150266016791738</v>
      </c>
      <c r="M539" s="95">
        <v>9.2100011527753035E-3</v>
      </c>
      <c r="N539" s="211">
        <v>0.19665091999192338</v>
      </c>
      <c r="O539" s="95">
        <v>7.3924507008067226E-3</v>
      </c>
      <c r="P539" s="211">
        <v>0.31414185830582081</v>
      </c>
      <c r="Q539" s="95">
        <v>8.6318717662447891E-3</v>
      </c>
      <c r="R539" s="211">
        <v>5.7704561534359211E-2</v>
      </c>
      <c r="S539" s="95">
        <v>4.3414917706272801E-3</v>
      </c>
      <c r="T539" s="207">
        <v>11599</v>
      </c>
      <c r="U539" s="211">
        <v>0.46489781604754765</v>
      </c>
      <c r="V539" s="95">
        <v>9.2606763361552519E-3</v>
      </c>
      <c r="W539" s="211">
        <v>0.1411098973556219</v>
      </c>
      <c r="X539" s="95">
        <v>6.4662339370167212E-3</v>
      </c>
      <c r="Y539" s="211">
        <v>0.26163523663402655</v>
      </c>
      <c r="Z539" s="95">
        <v>8.1615467015922986E-3</v>
      </c>
      <c r="AA539" s="211">
        <v>0.13235704996282627</v>
      </c>
      <c r="AB539" s="95">
        <v>6.2945548382666574E-3</v>
      </c>
      <c r="AC539" s="207">
        <v>11588</v>
      </c>
      <c r="AD539" s="211">
        <v>0.44475659492207603</v>
      </c>
      <c r="AE539" s="95">
        <v>9.2311448101358041E-3</v>
      </c>
      <c r="AF539" s="211">
        <v>0.16656052357181811</v>
      </c>
      <c r="AG539" s="95">
        <v>6.9229923778954061E-3</v>
      </c>
      <c r="AH539" s="211">
        <v>0.25626970873024091</v>
      </c>
      <c r="AI539" s="95">
        <v>8.1106166931186208E-3</v>
      </c>
      <c r="AJ539" s="211">
        <v>0.13241317277588627</v>
      </c>
      <c r="AK539" s="95">
        <v>6.2986726978312814E-3</v>
      </c>
      <c r="AL539" s="207">
        <v>11601</v>
      </c>
      <c r="AM539" s="211">
        <v>0.33243916743307322</v>
      </c>
      <c r="AN539" s="95">
        <v>8.7463705804426469E-3</v>
      </c>
      <c r="AO539" s="211">
        <v>0.1791679276977359</v>
      </c>
      <c r="AP539" s="95">
        <v>7.1214666468349414E-3</v>
      </c>
      <c r="AQ539" s="211">
        <v>0.28142255085648787</v>
      </c>
      <c r="AR539" s="95">
        <v>8.349472124204357E-3</v>
      </c>
      <c r="AS539" s="211">
        <v>0.20697035401272437</v>
      </c>
      <c r="AT539" s="95">
        <v>7.522886156890723E-3</v>
      </c>
    </row>
    <row r="540" spans="1:46">
      <c r="A540" s="43" t="s">
        <v>569</v>
      </c>
      <c r="B540" s="204">
        <v>2354</v>
      </c>
      <c r="C540" s="210">
        <v>0.13026764524417311</v>
      </c>
      <c r="D540" s="92">
        <v>1.3891704139059902E-2</v>
      </c>
      <c r="E540" s="210">
        <v>0.15117840776007366</v>
      </c>
      <c r="F540" s="92">
        <v>1.4777740361792838E-2</v>
      </c>
      <c r="G540" s="210">
        <v>0.70354727027284569</v>
      </c>
      <c r="H540" s="92">
        <v>1.8816057711809449E-2</v>
      </c>
      <c r="I540" s="210">
        <v>1.5006676722904552E-2</v>
      </c>
      <c r="J540" s="92">
        <v>5.1407379810608483E-3</v>
      </c>
      <c r="K540" s="204">
        <v>2357</v>
      </c>
      <c r="L540" s="210">
        <v>0.40295026331985867</v>
      </c>
      <c r="M540" s="92">
        <v>2.0190252897015284E-2</v>
      </c>
      <c r="N540" s="210">
        <v>0.17973136419790803</v>
      </c>
      <c r="O540" s="92">
        <v>1.582278290982669E-2</v>
      </c>
      <c r="P540" s="210">
        <v>0.36496535777642208</v>
      </c>
      <c r="Q540" s="92">
        <v>1.9818207170572994E-2</v>
      </c>
      <c r="R540" s="210">
        <v>5.2353014705809435E-2</v>
      </c>
      <c r="S540" s="92">
        <v>9.2305034002652785E-3</v>
      </c>
      <c r="T540" s="204">
        <v>2360</v>
      </c>
      <c r="U540" s="210">
        <v>0.51692258161475324</v>
      </c>
      <c r="V540" s="92">
        <v>2.0555508379763627E-2</v>
      </c>
      <c r="W540" s="210">
        <v>0.12946393746893439</v>
      </c>
      <c r="X540" s="92">
        <v>1.3837787547484727E-2</v>
      </c>
      <c r="Y540" s="210">
        <v>0.21958476452097275</v>
      </c>
      <c r="Z540" s="92">
        <v>1.7041462878291579E-2</v>
      </c>
      <c r="AA540" s="210">
        <v>0.13402871639533703</v>
      </c>
      <c r="AB540" s="92">
        <v>1.4041146012973307E-2</v>
      </c>
      <c r="AC540" s="204">
        <v>2360</v>
      </c>
      <c r="AD540" s="210">
        <v>0.45085893005766037</v>
      </c>
      <c r="AE540" s="92">
        <v>2.0468014764928048E-2</v>
      </c>
      <c r="AF540" s="210">
        <v>0.1710032225450801</v>
      </c>
      <c r="AG540" s="92">
        <v>1.5507604223800039E-2</v>
      </c>
      <c r="AH540" s="210">
        <v>0.25886486433599337</v>
      </c>
      <c r="AI540" s="92">
        <v>1.8026604327129322E-2</v>
      </c>
      <c r="AJ540" s="210">
        <v>0.11927298306126405</v>
      </c>
      <c r="AK540" s="92">
        <v>1.336314719608209E-2</v>
      </c>
      <c r="AL540" s="204">
        <v>2357</v>
      </c>
      <c r="AM540" s="210">
        <v>0.29702067098170631</v>
      </c>
      <c r="AN540" s="92">
        <v>1.8814454492527118E-2</v>
      </c>
      <c r="AO540" s="210">
        <v>0.16213979163110448</v>
      </c>
      <c r="AP540" s="92">
        <v>1.519250665695695E-2</v>
      </c>
      <c r="AQ540" s="210">
        <v>0.3043745943829736</v>
      </c>
      <c r="AR540" s="92">
        <v>1.8945529818019988E-2</v>
      </c>
      <c r="AS540" s="210">
        <v>0.2364649430042132</v>
      </c>
      <c r="AT540" s="92">
        <v>1.7500984463897831E-2</v>
      </c>
    </row>
    <row r="541" spans="1:46">
      <c r="A541" s="47" t="s">
        <v>570</v>
      </c>
      <c r="B541" s="207">
        <v>601</v>
      </c>
      <c r="C541" s="211">
        <v>0.14075386407297813</v>
      </c>
      <c r="D541" s="95">
        <v>2.8475667046092883E-2</v>
      </c>
      <c r="E541" s="211">
        <v>0.14046217352845722</v>
      </c>
      <c r="F541" s="95">
        <v>2.845163764652205E-2</v>
      </c>
      <c r="G541" s="211">
        <v>0.71506106331511488</v>
      </c>
      <c r="H541" s="95">
        <v>3.6757710536941421E-2</v>
      </c>
      <c r="I541" s="211">
        <v>3.7228990834497228E-3</v>
      </c>
      <c r="J541" s="95">
        <v>6.781117683566722E-3</v>
      </c>
      <c r="K541" s="207">
        <v>605</v>
      </c>
      <c r="L541" s="211">
        <v>0.42785320568650115</v>
      </c>
      <c r="M541" s="95">
        <v>4.0103559866563214E-2</v>
      </c>
      <c r="N541" s="211">
        <v>0.14451721802032963</v>
      </c>
      <c r="O541" s="95">
        <v>2.868623612916902E-2</v>
      </c>
      <c r="P541" s="211">
        <v>0.37963770486311738</v>
      </c>
      <c r="Q541" s="95">
        <v>3.9346267063893874E-2</v>
      </c>
      <c r="R541" s="211">
        <v>4.7991871430051562E-2</v>
      </c>
      <c r="S541" s="95">
        <v>1.7823017999466874E-2</v>
      </c>
      <c r="T541" s="207">
        <v>605</v>
      </c>
      <c r="U541" s="211">
        <v>0.54258295493644315</v>
      </c>
      <c r="V541" s="95">
        <v>4.037675068401609E-2</v>
      </c>
      <c r="W541" s="211">
        <v>0.12074441169803869</v>
      </c>
      <c r="X541" s="95">
        <v>2.6639779033124013E-2</v>
      </c>
      <c r="Y541" s="211">
        <v>0.19358880392661726</v>
      </c>
      <c r="Z541" s="95">
        <v>3.214718471457597E-2</v>
      </c>
      <c r="AA541" s="211">
        <v>0.14308382943890063</v>
      </c>
      <c r="AB541" s="95">
        <v>2.8570630629051384E-2</v>
      </c>
      <c r="AC541" s="207">
        <v>606</v>
      </c>
      <c r="AD541" s="211">
        <v>0.42516863448837017</v>
      </c>
      <c r="AE541" s="95">
        <v>4.0038789804710054E-2</v>
      </c>
      <c r="AF541" s="211">
        <v>0.20054121607924447</v>
      </c>
      <c r="AG541" s="95">
        <v>3.2542194925989164E-2</v>
      </c>
      <c r="AH541" s="211">
        <v>0.24002586632811757</v>
      </c>
      <c r="AI541" s="95">
        <v>3.4669107961149824E-2</v>
      </c>
      <c r="AJ541" s="211">
        <v>0.13426428310426766</v>
      </c>
      <c r="AK541" s="95">
        <v>2.7815068153718033E-2</v>
      </c>
      <c r="AL541" s="207">
        <v>605</v>
      </c>
      <c r="AM541" s="211">
        <v>0.25201809397466274</v>
      </c>
      <c r="AN541" s="95">
        <v>3.5262109127784998E-2</v>
      </c>
      <c r="AO541" s="211">
        <v>0.16904862094835052</v>
      </c>
      <c r="AP541" s="95">
        <v>3.0529563775697151E-2</v>
      </c>
      <c r="AQ541" s="211">
        <v>0.29173824748901461</v>
      </c>
      <c r="AR541" s="95">
        <v>3.6890191737084327E-2</v>
      </c>
      <c r="AS541" s="211">
        <v>0.28719503758797232</v>
      </c>
      <c r="AT541" s="95">
        <v>3.6721736552248779E-2</v>
      </c>
    </row>
    <row r="542" spans="1:46">
      <c r="A542" s="43" t="s">
        <v>571</v>
      </c>
      <c r="B542" s="204">
        <v>1267</v>
      </c>
      <c r="C542" s="210">
        <v>9.1338905900459899E-2</v>
      </c>
      <c r="D542" s="92">
        <v>1.6263528185817454E-2</v>
      </c>
      <c r="E542" s="210">
        <v>0.16807345406001495</v>
      </c>
      <c r="F542" s="92">
        <v>2.1029157985856306E-2</v>
      </c>
      <c r="G542" s="210">
        <v>0.72255003433085974</v>
      </c>
      <c r="H542" s="92">
        <v>2.5137402856797244E-2</v>
      </c>
      <c r="I542" s="210">
        <v>1.8037605708666606E-2</v>
      </c>
      <c r="J542" s="92">
        <v>7.7676786997481224E-3</v>
      </c>
      <c r="K542" s="204">
        <v>1263</v>
      </c>
      <c r="L542" s="210">
        <v>0.36465455151523096</v>
      </c>
      <c r="M542" s="92">
        <v>2.7051769577316916E-2</v>
      </c>
      <c r="N542" s="210">
        <v>0.20542967621984423</v>
      </c>
      <c r="O542" s="92">
        <v>2.2738716774532937E-2</v>
      </c>
      <c r="P542" s="210">
        <v>0.36122280886476921</v>
      </c>
      <c r="Q542" s="92">
        <v>2.6997167482127667E-2</v>
      </c>
      <c r="R542" s="210">
        <v>6.8692963400156279E-2</v>
      </c>
      <c r="S542" s="92">
        <v>1.4341309899771826E-2</v>
      </c>
      <c r="T542" s="204">
        <v>1266</v>
      </c>
      <c r="U542" s="210">
        <v>0.51851969419823007</v>
      </c>
      <c r="V542" s="92">
        <v>2.8041542749214835E-2</v>
      </c>
      <c r="W542" s="210">
        <v>0.11628577246068415</v>
      </c>
      <c r="X542" s="92">
        <v>1.8071546843885591E-2</v>
      </c>
      <c r="Y542" s="210">
        <v>0.19549231710570794</v>
      </c>
      <c r="Z542" s="92">
        <v>2.229778741650806E-2</v>
      </c>
      <c r="AA542" s="210">
        <v>0.16970221623537859</v>
      </c>
      <c r="AB542" s="92">
        <v>2.1117557321176057E-2</v>
      </c>
      <c r="AC542" s="204">
        <v>1264</v>
      </c>
      <c r="AD542" s="210">
        <v>0.41848967276176308</v>
      </c>
      <c r="AE542" s="92">
        <v>2.7709506960987694E-2</v>
      </c>
      <c r="AF542" s="210">
        <v>0.17583353697165405</v>
      </c>
      <c r="AG542" s="92">
        <v>2.1429809745869145E-2</v>
      </c>
      <c r="AH542" s="210">
        <v>0.2583930040926502</v>
      </c>
      <c r="AI542" s="92">
        <v>2.461013156468508E-2</v>
      </c>
      <c r="AJ542" s="210">
        <v>0.14728378617393331</v>
      </c>
      <c r="AK542" s="92">
        <v>1.9966450376194846E-2</v>
      </c>
      <c r="AL542" s="204">
        <v>1265</v>
      </c>
      <c r="AM542" s="210">
        <v>0.22118308940273237</v>
      </c>
      <c r="AN542" s="92">
        <v>2.333505144193886E-2</v>
      </c>
      <c r="AO542" s="210">
        <v>0.15588744230055412</v>
      </c>
      <c r="AP542" s="92">
        <v>2.0423558333040884E-2</v>
      </c>
      <c r="AQ542" s="210">
        <v>0.31933943979910745</v>
      </c>
      <c r="AR542" s="92">
        <v>2.6187611585117097E-2</v>
      </c>
      <c r="AS542" s="210">
        <v>0.30359002849760619</v>
      </c>
      <c r="AT542" s="92">
        <v>2.5830015664285413E-2</v>
      </c>
    </row>
    <row r="543" spans="1:46">
      <c r="A543" s="47" t="s">
        <v>582</v>
      </c>
      <c r="B543" s="207">
        <v>861</v>
      </c>
      <c r="C543" s="211">
        <v>0.14236743909597224</v>
      </c>
      <c r="D543" s="95">
        <v>2.3876281913882046E-2</v>
      </c>
      <c r="E543" s="211">
        <v>0.1827078175511323</v>
      </c>
      <c r="F543" s="95">
        <v>2.6359419696204076E-2</v>
      </c>
      <c r="G543" s="211">
        <v>0.6666694271098863</v>
      </c>
      <c r="H543" s="95">
        <v>3.2074884984375725E-2</v>
      </c>
      <c r="I543" s="211">
        <v>8.2553162430099216E-3</v>
      </c>
      <c r="J543" s="95">
        <v>6.9410113567824954E-3</v>
      </c>
      <c r="K543" s="207">
        <v>862</v>
      </c>
      <c r="L543" s="211">
        <v>0.41428562892956255</v>
      </c>
      <c r="M543" s="95">
        <v>3.348301145102859E-2</v>
      </c>
      <c r="N543" s="211">
        <v>0.18935618641190621</v>
      </c>
      <c r="O543" s="95">
        <v>2.6704249117086805E-2</v>
      </c>
      <c r="P543" s="211">
        <v>0.32462217651747466</v>
      </c>
      <c r="Q543" s="95">
        <v>3.1843010964276386E-2</v>
      </c>
      <c r="R543" s="211">
        <v>7.1736008141058946E-2</v>
      </c>
      <c r="S543" s="95">
        <v>1.7759018063451776E-2</v>
      </c>
      <c r="T543" s="207">
        <v>864</v>
      </c>
      <c r="U543" s="211">
        <v>0.53848601853635603</v>
      </c>
      <c r="V543" s="95">
        <v>3.3842440993620139E-2</v>
      </c>
      <c r="W543" s="211">
        <v>0.12928438956453306</v>
      </c>
      <c r="X543" s="95">
        <v>2.2903690785327804E-2</v>
      </c>
      <c r="Y543" s="211">
        <v>0.19164560407892961</v>
      </c>
      <c r="Z543" s="95">
        <v>2.6794308074090729E-2</v>
      </c>
      <c r="AA543" s="211">
        <v>0.140583987820183</v>
      </c>
      <c r="AB543" s="95">
        <v>2.3711785628010976E-2</v>
      </c>
      <c r="AC543" s="207">
        <v>862</v>
      </c>
      <c r="AD543" s="211">
        <v>0.52822559752806986</v>
      </c>
      <c r="AE543" s="95">
        <v>3.3927695045141294E-2</v>
      </c>
      <c r="AF543" s="211">
        <v>0.12067275963574542</v>
      </c>
      <c r="AG543" s="95">
        <v>2.2276553294222019E-2</v>
      </c>
      <c r="AH543" s="211">
        <v>0.1940695752634759</v>
      </c>
      <c r="AI543" s="95">
        <v>2.6952115851386543E-2</v>
      </c>
      <c r="AJ543" s="211">
        <v>0.15703206757271099</v>
      </c>
      <c r="AK543" s="95">
        <v>2.4828009901705805E-2</v>
      </c>
      <c r="AL543" s="207">
        <v>863</v>
      </c>
      <c r="AM543" s="211">
        <v>0.36965697327590563</v>
      </c>
      <c r="AN543" s="95">
        <v>3.279850742213393E-2</v>
      </c>
      <c r="AO543" s="211">
        <v>0.1504832505045384</v>
      </c>
      <c r="AP543" s="95">
        <v>2.4392282030117392E-2</v>
      </c>
      <c r="AQ543" s="211">
        <v>0.21800800583158686</v>
      </c>
      <c r="AR543" s="95">
        <v>2.8105302600340692E-2</v>
      </c>
      <c r="AS543" s="211">
        <v>0.26185177038797119</v>
      </c>
      <c r="AT543" s="95">
        <v>2.9902381080222886E-2</v>
      </c>
    </row>
    <row r="544" spans="1:46">
      <c r="A544" s="43" t="s">
        <v>583</v>
      </c>
      <c r="B544" s="204">
        <v>1493</v>
      </c>
      <c r="C544" s="210">
        <v>0.12543747010810563</v>
      </c>
      <c r="D544" s="92">
        <v>1.717929033722736E-2</v>
      </c>
      <c r="E544" s="210">
        <v>0.13859203041406501</v>
      </c>
      <c r="F544" s="92">
        <v>1.7912528515432222E-2</v>
      </c>
      <c r="G544" s="210">
        <v>0.71826871456349251</v>
      </c>
      <c r="H544" s="92">
        <v>2.3267663511770707E-2</v>
      </c>
      <c r="I544" s="210">
        <v>1.7701784914336237E-2</v>
      </c>
      <c r="J544" s="92">
        <v>7.0554350734371545E-3</v>
      </c>
      <c r="K544" s="204">
        <v>1495</v>
      </c>
      <c r="L544" s="210">
        <v>0.39838942689422069</v>
      </c>
      <c r="M544" s="92">
        <v>2.5292436107419259E-2</v>
      </c>
      <c r="N544" s="210">
        <v>0.17585877276545228</v>
      </c>
      <c r="O544" s="92">
        <v>1.9703773604512486E-2</v>
      </c>
      <c r="P544" s="210">
        <v>0.38119762208507768</v>
      </c>
      <c r="Q544" s="92">
        <v>2.5092821381566426E-2</v>
      </c>
      <c r="R544" s="210">
        <v>4.4554178255248135E-2</v>
      </c>
      <c r="S544" s="92">
        <v>1.0795529744851469E-2</v>
      </c>
      <c r="T544" s="204">
        <v>1496</v>
      </c>
      <c r="U544" s="210">
        <v>0.50822615957273054</v>
      </c>
      <c r="V544" s="92">
        <v>2.5816412904587183E-2</v>
      </c>
      <c r="W544" s="210">
        <v>0.12953634820564208</v>
      </c>
      <c r="X544" s="92">
        <v>1.7396372886756044E-2</v>
      </c>
      <c r="Y544" s="210">
        <v>0.23085248272318723</v>
      </c>
      <c r="Z544" s="92">
        <v>2.1783507372182716E-2</v>
      </c>
      <c r="AA544" s="210">
        <v>0.13138500949843868</v>
      </c>
      <c r="AB544" s="92">
        <v>1.7500224755447845E-2</v>
      </c>
      <c r="AC544" s="204">
        <v>1498</v>
      </c>
      <c r="AD544" s="210">
        <v>0.41987167969719408</v>
      </c>
      <c r="AE544" s="92">
        <v>2.5470988382855966E-2</v>
      </c>
      <c r="AF544" s="210">
        <v>0.19116180899998092</v>
      </c>
      <c r="AG544" s="92">
        <v>2.0325337691262373E-2</v>
      </c>
      <c r="AH544" s="210">
        <v>0.28481696890915364</v>
      </c>
      <c r="AI544" s="92">
        <v>2.3304992188291469E-2</v>
      </c>
      <c r="AJ544" s="210">
        <v>0.10414954239366989</v>
      </c>
      <c r="AK544" s="92">
        <v>1.5833345749410387E-2</v>
      </c>
      <c r="AL544" s="204">
        <v>1494</v>
      </c>
      <c r="AM544" s="210">
        <v>0.26770263969457669</v>
      </c>
      <c r="AN544" s="92">
        <v>2.2896162746273221E-2</v>
      </c>
      <c r="AO544" s="210">
        <v>0.16684469574453584</v>
      </c>
      <c r="AP544" s="92">
        <v>1.9307054540634208E-2</v>
      </c>
      <c r="AQ544" s="210">
        <v>0.33923455097956084</v>
      </c>
      <c r="AR544" s="92">
        <v>2.4472666040388089E-2</v>
      </c>
      <c r="AS544" s="210">
        <v>0.22621811358132526</v>
      </c>
      <c r="AT544" s="92">
        <v>2.1644243743703474E-2</v>
      </c>
    </row>
    <row r="545" spans="1:46">
      <c r="A545" s="47" t="s">
        <v>572</v>
      </c>
      <c r="B545" s="207">
        <v>288</v>
      </c>
      <c r="C545" s="211">
        <v>0.17422483739507036</v>
      </c>
      <c r="D545" s="95">
        <v>4.4837344440035357E-2</v>
      </c>
      <c r="E545" s="211">
        <v>0.15896202243423427</v>
      </c>
      <c r="F545" s="95">
        <v>4.3298543594461898E-2</v>
      </c>
      <c r="G545" s="211">
        <v>0.64701908045782519</v>
      </c>
      <c r="H545" s="95">
        <v>5.6005566631696563E-2</v>
      </c>
      <c r="I545" s="211">
        <v>1.9794059712869801E-2</v>
      </c>
      <c r="J545" s="95">
        <v>1.8754626504207183E-2</v>
      </c>
      <c r="K545" s="207">
        <v>293</v>
      </c>
      <c r="L545" s="211">
        <v>0.46257237983160676</v>
      </c>
      <c r="M545" s="95">
        <v>5.7867450055598603E-2</v>
      </c>
      <c r="N545" s="211">
        <v>0.17336250263128325</v>
      </c>
      <c r="O545" s="95">
        <v>4.436798262869817E-2</v>
      </c>
      <c r="P545" s="211">
        <v>0.33680737018744716</v>
      </c>
      <c r="Q545" s="95">
        <v>5.4935614680666552E-2</v>
      </c>
      <c r="R545" s="211">
        <v>2.7257747349662669E-2</v>
      </c>
      <c r="S545" s="95">
        <v>2.0919608680825281E-2</v>
      </c>
      <c r="T545" s="207">
        <v>294</v>
      </c>
      <c r="U545" s="211">
        <v>0.51829480671227945</v>
      </c>
      <c r="V545" s="95">
        <v>5.7890689051792836E-2</v>
      </c>
      <c r="W545" s="211">
        <v>0.17641660982291824</v>
      </c>
      <c r="X545" s="95">
        <v>4.4583957364612251E-2</v>
      </c>
      <c r="Y545" s="211">
        <v>0.27198677744506922</v>
      </c>
      <c r="Z545" s="95">
        <v>5.1734519609636875E-2</v>
      </c>
      <c r="AA545" s="211">
        <v>3.3301806019732795E-2</v>
      </c>
      <c r="AB545" s="95">
        <v>2.2584881273944798E-2</v>
      </c>
      <c r="AC545" s="207">
        <v>294</v>
      </c>
      <c r="AD545" s="211">
        <v>0.53797822119998173</v>
      </c>
      <c r="AE545" s="95">
        <v>5.7765565963179909E-2</v>
      </c>
      <c r="AF545" s="211">
        <v>0.14740429214691839</v>
      </c>
      <c r="AG545" s="95">
        <v>4.1610436388421455E-2</v>
      </c>
      <c r="AH545" s="211">
        <v>0.27865441984010914</v>
      </c>
      <c r="AI545" s="95">
        <v>5.211146782604071E-2</v>
      </c>
      <c r="AJ545" s="211">
        <v>3.5963066812990524E-2</v>
      </c>
      <c r="AK545" s="95">
        <v>2.3290291398803967E-2</v>
      </c>
      <c r="AL545" s="207">
        <v>291</v>
      </c>
      <c r="AM545" s="211">
        <v>0.47299637508458525</v>
      </c>
      <c r="AN545" s="95">
        <v>5.8139568483028696E-2</v>
      </c>
      <c r="AO545" s="211">
        <v>0.18246217453691135</v>
      </c>
      <c r="AP545" s="95">
        <v>4.5381332897763256E-2</v>
      </c>
      <c r="AQ545" s="211">
        <v>0.28386578682984942</v>
      </c>
      <c r="AR545" s="95">
        <v>5.2663850345275535E-2</v>
      </c>
      <c r="AS545" s="211">
        <v>6.0675663548653863E-2</v>
      </c>
      <c r="AT545" s="95">
        <v>2.9039470468992416E-2</v>
      </c>
    </row>
    <row r="546" spans="1:46">
      <c r="A546" s="43" t="s">
        <v>573</v>
      </c>
      <c r="B546" s="204">
        <v>446</v>
      </c>
      <c r="C546" s="210">
        <v>0.1439336839928258</v>
      </c>
      <c r="D546" s="92">
        <v>3.3394701522683201E-2</v>
      </c>
      <c r="E546" s="210">
        <v>0.17964169638483152</v>
      </c>
      <c r="F546" s="92">
        <v>3.6415744060014077E-2</v>
      </c>
      <c r="G546" s="210">
        <v>0.6731809503967453</v>
      </c>
      <c r="H546" s="92">
        <v>4.4275819681119016E-2</v>
      </c>
      <c r="I546" s="210">
        <v>3.2436692255984317E-3</v>
      </c>
      <c r="J546" s="92">
        <v>8.2195520118146861E-3</v>
      </c>
      <c r="K546" s="204">
        <v>448</v>
      </c>
      <c r="L546" s="210">
        <v>0.44220728428588013</v>
      </c>
      <c r="M546" s="92">
        <v>4.6726359831272692E-2</v>
      </c>
      <c r="N546" s="210">
        <v>0.1715441402843699</v>
      </c>
      <c r="O546" s="92">
        <v>3.5700045544455813E-2</v>
      </c>
      <c r="P546" s="210">
        <v>0.3420395628024917</v>
      </c>
      <c r="Q546" s="92">
        <v>4.4670689413843431E-2</v>
      </c>
      <c r="R546" s="210">
        <v>4.420901262725889E-2</v>
      </c>
      <c r="S546" s="92">
        <v>2.0157612690089661E-2</v>
      </c>
      <c r="T546" s="204">
        <v>447</v>
      </c>
      <c r="U546" s="210">
        <v>0.57100021651868205</v>
      </c>
      <c r="V546" s="92">
        <v>4.6619466479182282E-2</v>
      </c>
      <c r="W546" s="210">
        <v>0.12309392569590155</v>
      </c>
      <c r="X546" s="92">
        <v>3.1298649504168517E-2</v>
      </c>
      <c r="Y546" s="210">
        <v>0.16425126941981474</v>
      </c>
      <c r="Z546" s="92">
        <v>3.5144745772289848E-2</v>
      </c>
      <c r="AA546" s="210">
        <v>0.1416545883656026</v>
      </c>
      <c r="AB546" s="92">
        <v>3.3143680084817606E-2</v>
      </c>
      <c r="AC546" s="204">
        <v>448</v>
      </c>
      <c r="AD546" s="210">
        <v>0.48025882565582156</v>
      </c>
      <c r="AE546" s="92">
        <v>4.7000014414183881E-2</v>
      </c>
      <c r="AF546" s="210">
        <v>0.19434618046827243</v>
      </c>
      <c r="AG546" s="92">
        <v>3.7419169853517134E-2</v>
      </c>
      <c r="AH546" s="210">
        <v>0.21124854125733541</v>
      </c>
      <c r="AI546" s="92">
        <v>3.8568611622613311E-2</v>
      </c>
      <c r="AJ546" s="210">
        <v>0.11414645261857173</v>
      </c>
      <c r="AK546" s="92">
        <v>3.0299460682015791E-2</v>
      </c>
      <c r="AL546" s="204">
        <v>448</v>
      </c>
      <c r="AM546" s="210">
        <v>0.31136076361049458</v>
      </c>
      <c r="AN546" s="92">
        <v>4.3623719949605226E-2</v>
      </c>
      <c r="AO546" s="210">
        <v>0.16837342764569554</v>
      </c>
      <c r="AP546" s="92">
        <v>3.5444295680942491E-2</v>
      </c>
      <c r="AQ546" s="210">
        <v>0.2458314185311001</v>
      </c>
      <c r="AR546" s="92">
        <v>4.062963142138476E-2</v>
      </c>
      <c r="AS546" s="210">
        <v>0.27443439021271099</v>
      </c>
      <c r="AT546" s="92">
        <v>4.2072072512501925E-2</v>
      </c>
    </row>
    <row r="547" spans="1:46">
      <c r="A547" s="47" t="s">
        <v>574</v>
      </c>
      <c r="B547" s="207">
        <v>672</v>
      </c>
      <c r="C547" s="211">
        <v>0.1193384816892928</v>
      </c>
      <c r="D547" s="95">
        <v>2.513944138034567E-2</v>
      </c>
      <c r="E547" s="211">
        <v>0.15388642956056178</v>
      </c>
      <c r="F547" s="95">
        <v>2.7907167499165053E-2</v>
      </c>
      <c r="G547" s="211">
        <v>0.70610764264359049</v>
      </c>
      <c r="H547" s="95">
        <v>3.5084081459724359E-2</v>
      </c>
      <c r="I547" s="211">
        <v>2.0667446106553543E-2</v>
      </c>
      <c r="J547" s="95">
        <v>1.1653606985004051E-2</v>
      </c>
      <c r="K547" s="207">
        <v>671</v>
      </c>
      <c r="L547" s="211">
        <v>0.38600803566885028</v>
      </c>
      <c r="M547" s="95">
        <v>3.7488517211637526E-2</v>
      </c>
      <c r="N547" s="211">
        <v>0.20212285443446426</v>
      </c>
      <c r="O547" s="95">
        <v>3.1014234672056933E-2</v>
      </c>
      <c r="P547" s="211">
        <v>0.35942974281573892</v>
      </c>
      <c r="Q547" s="95">
        <v>3.6956310658476738E-2</v>
      </c>
      <c r="R547" s="211">
        <v>5.24393670809453E-2</v>
      </c>
      <c r="S547" s="95">
        <v>1.7563682436145336E-2</v>
      </c>
      <c r="T547" s="207">
        <v>671</v>
      </c>
      <c r="U547" s="211">
        <v>0.55434560537117927</v>
      </c>
      <c r="V547" s="95">
        <v>3.8264688702454058E-2</v>
      </c>
      <c r="W547" s="211">
        <v>0.11815861447266801</v>
      </c>
      <c r="X547" s="95">
        <v>2.5053432665149238E-2</v>
      </c>
      <c r="Y547" s="211">
        <v>0.17365241090647057</v>
      </c>
      <c r="Z547" s="95">
        <v>2.928842682628029E-2</v>
      </c>
      <c r="AA547" s="211">
        <v>0.15384336924968084</v>
      </c>
      <c r="AB547" s="95">
        <v>2.7924927969332457E-2</v>
      </c>
      <c r="AC547" s="207">
        <v>670</v>
      </c>
      <c r="AD547" s="211">
        <v>0.45765276024363433</v>
      </c>
      <c r="AE547" s="95">
        <v>3.8381803107607304E-2</v>
      </c>
      <c r="AF547" s="211">
        <v>0.17959059680408981</v>
      </c>
      <c r="AG547" s="95">
        <v>2.969206357750958E-2</v>
      </c>
      <c r="AH547" s="211">
        <v>0.20759473609030721</v>
      </c>
      <c r="AI547" s="95">
        <v>3.1341045126327016E-2</v>
      </c>
      <c r="AJ547" s="211">
        <v>0.15516190686196729</v>
      </c>
      <c r="AK547" s="95">
        <v>2.8041293760063951E-2</v>
      </c>
      <c r="AL547" s="207">
        <v>673</v>
      </c>
      <c r="AM547" s="211">
        <v>0.26966836635991293</v>
      </c>
      <c r="AN547" s="95">
        <v>3.4166366910491637E-2</v>
      </c>
      <c r="AO547" s="211">
        <v>0.15448537449849692</v>
      </c>
      <c r="AP547" s="95">
        <v>2.7929662076941981E-2</v>
      </c>
      <c r="AQ547" s="211">
        <v>0.28245927975645302</v>
      </c>
      <c r="AR547" s="95">
        <v>3.4652408005091867E-2</v>
      </c>
      <c r="AS547" s="211">
        <v>0.2933869793851358</v>
      </c>
      <c r="AT547" s="95">
        <v>3.5040724802510678E-2</v>
      </c>
    </row>
    <row r="548" spans="1:46">
      <c r="A548" s="43" t="s">
        <v>575</v>
      </c>
      <c r="B548" s="204">
        <v>924</v>
      </c>
      <c r="C548" s="210">
        <v>0.10061180336964354</v>
      </c>
      <c r="D548" s="92">
        <v>1.9898578950429301E-2</v>
      </c>
      <c r="E548" s="210">
        <v>0.13000156086679931</v>
      </c>
      <c r="F548" s="92">
        <v>2.2194164156254335E-2</v>
      </c>
      <c r="G548" s="210">
        <v>0.75447374444762927</v>
      </c>
      <c r="H548" s="92">
        <v>2.8299518645111019E-2</v>
      </c>
      <c r="I548" s="210">
        <v>1.4912891315925512E-2</v>
      </c>
      <c r="J548" s="92">
        <v>8.4879872910178806E-3</v>
      </c>
      <c r="K548" s="204">
        <v>919</v>
      </c>
      <c r="L548" s="210">
        <v>0.35068058046449141</v>
      </c>
      <c r="M548" s="92">
        <v>3.1426644560964785E-2</v>
      </c>
      <c r="N548" s="210">
        <v>0.17600923041439651</v>
      </c>
      <c r="O548" s="92">
        <v>2.5148557596284201E-2</v>
      </c>
      <c r="P548" s="210">
        <v>0.40145587844569575</v>
      </c>
      <c r="Q548" s="92">
        <v>3.2275429122580572E-2</v>
      </c>
      <c r="R548" s="210">
        <v>7.1854310675412689E-2</v>
      </c>
      <c r="S548" s="92">
        <v>1.7201455515554916E-2</v>
      </c>
      <c r="T548" s="204">
        <v>923</v>
      </c>
      <c r="U548" s="210">
        <v>0.45813049126289829</v>
      </c>
      <c r="V548" s="92">
        <v>3.2729946004842608E-2</v>
      </c>
      <c r="W548" s="210">
        <v>0.11084579264762022</v>
      </c>
      <c r="X548" s="92">
        <v>2.0758343209199642E-2</v>
      </c>
      <c r="Y548" s="210">
        <v>0.24957337160739404</v>
      </c>
      <c r="Z548" s="92">
        <v>2.8468764685796052E-2</v>
      </c>
      <c r="AA548" s="210">
        <v>0.18145034448208372</v>
      </c>
      <c r="AB548" s="92">
        <v>2.539015481844023E-2</v>
      </c>
      <c r="AC548" s="204">
        <v>924</v>
      </c>
      <c r="AD548" s="210">
        <v>0.37121562023954524</v>
      </c>
      <c r="AE548" s="92">
        <v>3.1728729850324572E-2</v>
      </c>
      <c r="AF548" s="210">
        <v>0.16704277025992859</v>
      </c>
      <c r="AG548" s="92">
        <v>2.4573352330923462E-2</v>
      </c>
      <c r="AH548" s="210">
        <v>0.31059882162070029</v>
      </c>
      <c r="AI548" s="92">
        <v>3.0402173206397036E-2</v>
      </c>
      <c r="AJ548" s="210">
        <v>0.1511427878798223</v>
      </c>
      <c r="AK548" s="92">
        <v>2.3611943031232419E-2</v>
      </c>
      <c r="AL548" s="204">
        <v>919</v>
      </c>
      <c r="AM548" s="210">
        <v>0.18549306199336515</v>
      </c>
      <c r="AN548" s="92">
        <v>2.5660578014109616E-2</v>
      </c>
      <c r="AO548" s="210">
        <v>0.15410533174817995</v>
      </c>
      <c r="AP548" s="92">
        <v>2.3862337668259032E-2</v>
      </c>
      <c r="AQ548" s="210">
        <v>0.37060261865681327</v>
      </c>
      <c r="AR548" s="92">
        <v>3.1803917612476015E-2</v>
      </c>
      <c r="AS548" s="210">
        <v>0.28979898760163758</v>
      </c>
      <c r="AT548" s="92">
        <v>2.9893104500710279E-2</v>
      </c>
    </row>
    <row r="549" spans="1:46">
      <c r="A549" s="47" t="s">
        <v>576</v>
      </c>
      <c r="B549" s="207">
        <v>750</v>
      </c>
      <c r="C549" s="211">
        <v>0.13387931981648901</v>
      </c>
      <c r="D549" s="95">
        <v>2.4953441666915505E-2</v>
      </c>
      <c r="E549" s="211">
        <v>0.17413174450610236</v>
      </c>
      <c r="F549" s="95">
        <v>2.7728656535290896E-2</v>
      </c>
      <c r="G549" s="211">
        <v>0.67170257477417805</v>
      </c>
      <c r="H549" s="95">
        <v>3.4227372053729756E-2</v>
      </c>
      <c r="I549" s="211">
        <v>2.0286360903230331E-2</v>
      </c>
      <c r="J549" s="95">
        <v>1.0879127162483973E-2</v>
      </c>
      <c r="K549" s="207">
        <v>750</v>
      </c>
      <c r="L549" s="211">
        <v>0.4149474493917103</v>
      </c>
      <c r="M549" s="95">
        <v>3.5892753063544933E-2</v>
      </c>
      <c r="N549" s="211">
        <v>0.17076622080693316</v>
      </c>
      <c r="O549" s="95">
        <v>2.7519189962234854E-2</v>
      </c>
      <c r="P549" s="211">
        <v>0.35709098685613561</v>
      </c>
      <c r="Q549" s="95">
        <v>3.491506395089701E-2</v>
      </c>
      <c r="R549" s="211">
        <v>5.7195342945220835E-2</v>
      </c>
      <c r="S549" s="95">
        <v>1.7235904019824739E-2</v>
      </c>
      <c r="T549" s="207">
        <v>747</v>
      </c>
      <c r="U549" s="211">
        <v>0.52915806879333038</v>
      </c>
      <c r="V549" s="95">
        <v>3.6429077772427244E-2</v>
      </c>
      <c r="W549" s="211">
        <v>0.14265005978043227</v>
      </c>
      <c r="X549" s="95">
        <v>2.5663779807128508E-2</v>
      </c>
      <c r="Y549" s="211">
        <v>0.21114928977665914</v>
      </c>
      <c r="Z549" s="95">
        <v>2.9864468438332795E-2</v>
      </c>
      <c r="AA549" s="211">
        <v>0.11704258164957776</v>
      </c>
      <c r="AB549" s="95">
        <v>2.3637487101300772E-2</v>
      </c>
      <c r="AC549" s="207">
        <v>750</v>
      </c>
      <c r="AD549" s="211">
        <v>0.483189112844645</v>
      </c>
      <c r="AE549" s="95">
        <v>3.6397480353441265E-2</v>
      </c>
      <c r="AF549" s="211">
        <v>0.18162816244857577</v>
      </c>
      <c r="AG549" s="95">
        <v>2.8182049776861822E-2</v>
      </c>
      <c r="AH549" s="211">
        <v>0.22701017367563014</v>
      </c>
      <c r="AI549" s="95">
        <v>3.0579301355870652E-2</v>
      </c>
      <c r="AJ549" s="211">
        <v>0.10817255103114863</v>
      </c>
      <c r="AK549" s="95">
        <v>2.2812333401414597E-2</v>
      </c>
      <c r="AL549" s="207">
        <v>745</v>
      </c>
      <c r="AM549" s="211">
        <v>0.35082693363407097</v>
      </c>
      <c r="AN549" s="95">
        <v>3.4893271536833206E-2</v>
      </c>
      <c r="AO549" s="211">
        <v>0.1489628738379688</v>
      </c>
      <c r="AP549" s="95">
        <v>2.6154067348946836E-2</v>
      </c>
      <c r="AQ549" s="211">
        <v>0.26979633955253624</v>
      </c>
      <c r="AR549" s="95">
        <v>3.2482574924866676E-2</v>
      </c>
      <c r="AS549" s="211">
        <v>0.23041385297542369</v>
      </c>
      <c r="AT549" s="95">
        <v>3.0840256804674782E-2</v>
      </c>
    </row>
    <row r="550" spans="1:46">
      <c r="A550" s="55" t="s">
        <v>577</v>
      </c>
      <c r="B550" s="204">
        <v>759</v>
      </c>
      <c r="C550" s="210">
        <v>0.1347494656730869</v>
      </c>
      <c r="D550" s="92">
        <v>2.4870532752559241E-2</v>
      </c>
      <c r="E550" s="210">
        <v>0.15378708212564662</v>
      </c>
      <c r="F550" s="92">
        <v>2.6245147357640986E-2</v>
      </c>
      <c r="G550" s="210">
        <v>0.69920443906701391</v>
      </c>
      <c r="H550" s="92">
        <v>3.3237898440511192E-2</v>
      </c>
      <c r="I550" s="210">
        <v>1.2259013134251349E-2</v>
      </c>
      <c r="J550" s="92">
        <v>8.7476533409511052E-3</v>
      </c>
      <c r="K550" s="204">
        <v>763</v>
      </c>
      <c r="L550" s="210">
        <v>0.41587968182282853</v>
      </c>
      <c r="M550" s="92">
        <v>3.5598616091947838E-2</v>
      </c>
      <c r="N550" s="210">
        <v>0.19163706233973166</v>
      </c>
      <c r="O550" s="92">
        <v>2.8513955119331368E-2</v>
      </c>
      <c r="P550" s="210">
        <v>0.33745992464432789</v>
      </c>
      <c r="Q550" s="92">
        <v>3.4167740601771614E-2</v>
      </c>
      <c r="R550" s="210">
        <v>5.5023331193108316E-2</v>
      </c>
      <c r="S550" s="92">
        <v>1.6790077814729354E-2</v>
      </c>
      <c r="T550" s="204">
        <v>764</v>
      </c>
      <c r="U550" s="210">
        <v>0.50147295216629384</v>
      </c>
      <c r="V550" s="92">
        <v>3.6084236874244009E-2</v>
      </c>
      <c r="W550" s="210">
        <v>0.12510134739334136</v>
      </c>
      <c r="X550" s="92">
        <v>2.4034614764284045E-2</v>
      </c>
      <c r="Y550" s="210">
        <v>0.19610153870550559</v>
      </c>
      <c r="Z550" s="92">
        <v>2.8741415715572934E-2</v>
      </c>
      <c r="AA550" s="210">
        <v>0.17732416173485582</v>
      </c>
      <c r="AB550" s="92">
        <v>2.7666358477067745E-2</v>
      </c>
      <c r="AC550" s="204">
        <v>761</v>
      </c>
      <c r="AD550" s="210">
        <v>0.41304650767238849</v>
      </c>
      <c r="AE550" s="92">
        <v>3.5609938525733222E-2</v>
      </c>
      <c r="AF550" s="210">
        <v>0.17545815406346757</v>
      </c>
      <c r="AG550" s="92">
        <v>2.7608009986933489E-2</v>
      </c>
      <c r="AH550" s="210">
        <v>0.26308865019689959</v>
      </c>
      <c r="AI550" s="92">
        <v>3.1886926590930162E-2</v>
      </c>
      <c r="AJ550" s="210">
        <v>0.14840668806724136</v>
      </c>
      <c r="AK550" s="92">
        <v>2.5837248185315177E-2</v>
      </c>
      <c r="AL550" s="204">
        <v>762</v>
      </c>
      <c r="AM550" s="210">
        <v>0.24805853396841576</v>
      </c>
      <c r="AN550" s="92">
        <v>3.1264615249153929E-2</v>
      </c>
      <c r="AO550" s="210">
        <v>0.14744506460695483</v>
      </c>
      <c r="AP550" s="92">
        <v>2.5752360342459604E-2</v>
      </c>
      <c r="AQ550" s="210">
        <v>0.31429687373297971</v>
      </c>
      <c r="AR550" s="92">
        <v>3.3574948075416215E-2</v>
      </c>
      <c r="AS550" s="210">
        <v>0.29019952769164642</v>
      </c>
      <c r="AT550" s="92">
        <v>3.2833328699606756E-2</v>
      </c>
    </row>
    <row r="551" spans="1:46">
      <c r="A551" s="47" t="s">
        <v>578</v>
      </c>
      <c r="B551" s="207">
        <v>257</v>
      </c>
      <c r="C551" s="211">
        <v>0.12374767358454226</v>
      </c>
      <c r="D551" s="95">
        <v>4.1567029087419848E-2</v>
      </c>
      <c r="E551" s="211">
        <v>0.12777059856717204</v>
      </c>
      <c r="F551" s="95">
        <v>4.2101795576464089E-2</v>
      </c>
      <c r="G551" s="211">
        <v>0.73405004194787937</v>
      </c>
      <c r="H551" s="95">
        <v>5.4931064319622858E-2</v>
      </c>
      <c r="I551" s="211">
        <v>1.4431685900406593E-2</v>
      </c>
      <c r="J551" s="95">
        <v>1.8107767062500113E-2</v>
      </c>
      <c r="K551" s="207">
        <v>261</v>
      </c>
      <c r="L551" s="211">
        <v>0.38427899999637721</v>
      </c>
      <c r="M551" s="95">
        <v>5.9812268098594801E-2</v>
      </c>
      <c r="N551" s="211">
        <v>0.18306992870829103</v>
      </c>
      <c r="O551" s="95">
        <v>4.7988164675501842E-2</v>
      </c>
      <c r="P551" s="211">
        <v>0.38552086193760049</v>
      </c>
      <c r="Q551" s="95">
        <v>5.9847249325263092E-2</v>
      </c>
      <c r="R551" s="211">
        <v>4.7130209357730941E-2</v>
      </c>
      <c r="S551" s="95">
        <v>2.7760064381588265E-2</v>
      </c>
      <c r="T551" s="207">
        <v>260</v>
      </c>
      <c r="U551" s="211">
        <v>0.54992609661370206</v>
      </c>
      <c r="V551" s="95">
        <v>6.1247429932824685E-2</v>
      </c>
      <c r="W551" s="211">
        <v>0.10354054821592104</v>
      </c>
      <c r="X551" s="95">
        <v>3.8444539499873344E-2</v>
      </c>
      <c r="Y551" s="211">
        <v>0.24003963637272821</v>
      </c>
      <c r="Z551" s="95">
        <v>5.2865317090664193E-2</v>
      </c>
      <c r="AA551" s="211">
        <v>0.10649371879764867</v>
      </c>
      <c r="AB551" s="95">
        <v>3.8887872578386419E-2</v>
      </c>
      <c r="AC551" s="207">
        <v>259</v>
      </c>
      <c r="AD551" s="211">
        <v>0.45189952013401502</v>
      </c>
      <c r="AE551" s="95">
        <v>6.1385298895387047E-2</v>
      </c>
      <c r="AF551" s="211">
        <v>0.15362687835284375</v>
      </c>
      <c r="AG551" s="95">
        <v>4.5085017787464134E-2</v>
      </c>
      <c r="AH551" s="211">
        <v>0.28881689949193079</v>
      </c>
      <c r="AI551" s="95">
        <v>5.6075449449056826E-2</v>
      </c>
      <c r="AJ551" s="211">
        <v>0.1056567020212103</v>
      </c>
      <c r="AK551" s="95">
        <v>3.8840148533736192E-2</v>
      </c>
      <c r="AL551" s="207">
        <v>260</v>
      </c>
      <c r="AM551" s="211">
        <v>0.29406949236320734</v>
      </c>
      <c r="AN551" s="95">
        <v>5.6255365073385369E-2</v>
      </c>
      <c r="AO551" s="211">
        <v>0.22382105842819291</v>
      </c>
      <c r="AP551" s="95">
        <v>5.1642571080775024E-2</v>
      </c>
      <c r="AQ551" s="211">
        <v>0.30280880486007627</v>
      </c>
      <c r="AR551" s="95">
        <v>5.6713664125240287E-2</v>
      </c>
      <c r="AS551" s="211">
        <v>0.17930064434852355</v>
      </c>
      <c r="AT551" s="95">
        <v>4.7712034089698659E-2</v>
      </c>
    </row>
    <row r="552" spans="1:46">
      <c r="A552" s="55" t="s">
        <v>579</v>
      </c>
      <c r="B552" s="204">
        <v>217</v>
      </c>
      <c r="C552" s="210">
        <v>9.4529302812791191E-2</v>
      </c>
      <c r="D552" s="92">
        <v>4.0693317455465346E-2</v>
      </c>
      <c r="E552" s="210">
        <v>0.14892454907237335</v>
      </c>
      <c r="F552" s="92">
        <v>4.8724422745070786E-2</v>
      </c>
      <c r="G552" s="210">
        <v>0.75395773139422917</v>
      </c>
      <c r="H552" s="92">
        <v>5.8304705345472788E-2</v>
      </c>
      <c r="I552" s="210">
        <v>2.588416720606548E-3</v>
      </c>
      <c r="J552" s="92">
        <v>1.4400215000659576E-2</v>
      </c>
      <c r="K552" s="204">
        <v>217</v>
      </c>
      <c r="L552" s="210">
        <v>0.31461870785728069</v>
      </c>
      <c r="M552" s="92">
        <v>6.2651307463020445E-2</v>
      </c>
      <c r="N552" s="210">
        <v>0.23712017411165409</v>
      </c>
      <c r="O552" s="92">
        <v>5.7610507784179678E-2</v>
      </c>
      <c r="P552" s="210">
        <v>0.41025191345796763</v>
      </c>
      <c r="Q552" s="92">
        <v>6.6214271107004327E-2</v>
      </c>
      <c r="R552" s="210">
        <v>3.8009204573098102E-2</v>
      </c>
      <c r="S552" s="92">
        <v>2.8290911704807593E-2</v>
      </c>
      <c r="T552" s="204">
        <v>217</v>
      </c>
      <c r="U552" s="210">
        <v>0.44541384769322961</v>
      </c>
      <c r="V552" s="92">
        <v>6.687967671128775E-2</v>
      </c>
      <c r="W552" s="210">
        <v>0.17516040250444867</v>
      </c>
      <c r="X552" s="92">
        <v>5.1802692872993029E-2</v>
      </c>
      <c r="Y552" s="210">
        <v>0.27907855739808907</v>
      </c>
      <c r="Z552" s="92">
        <v>6.0606955811917357E-2</v>
      </c>
      <c r="AA552" s="210">
        <v>0.10034719240423309</v>
      </c>
      <c r="AB552" s="92">
        <v>4.1685553012247391E-2</v>
      </c>
      <c r="AC552" s="204">
        <v>219</v>
      </c>
      <c r="AD552" s="210">
        <v>0.42647257263859761</v>
      </c>
      <c r="AE552" s="92">
        <v>6.6262952922004167E-2</v>
      </c>
      <c r="AF552" s="210">
        <v>0.21242542222811342</v>
      </c>
      <c r="AG552" s="92">
        <v>5.5259849190828235E-2</v>
      </c>
      <c r="AH552" s="210">
        <v>0.2608659331372884</v>
      </c>
      <c r="AI552" s="92">
        <v>5.9118787858137019E-2</v>
      </c>
      <c r="AJ552" s="210">
        <v>0.10023607199600125</v>
      </c>
      <c r="AK552" s="92">
        <v>4.1468670058216563E-2</v>
      </c>
      <c r="AL552" s="204">
        <v>220</v>
      </c>
      <c r="AM552" s="210">
        <v>0.260090225253649</v>
      </c>
      <c r="AN552" s="92">
        <v>5.8931034582633227E-2</v>
      </c>
      <c r="AO552" s="210">
        <v>0.16927827023569711</v>
      </c>
      <c r="AP552" s="92">
        <v>5.0796262544401623E-2</v>
      </c>
      <c r="AQ552" s="210">
        <v>0.32600487366803255</v>
      </c>
      <c r="AR552" s="92">
        <v>6.2791785654655499E-2</v>
      </c>
      <c r="AS552" s="210">
        <v>0.24462663084262207</v>
      </c>
      <c r="AT552" s="92">
        <v>5.7800885683974193E-2</v>
      </c>
    </row>
    <row r="553" spans="1:46">
      <c r="A553" s="47" t="s">
        <v>580</v>
      </c>
      <c r="B553" s="207">
        <v>222</v>
      </c>
      <c r="C553" s="211">
        <v>0.12395064813486677</v>
      </c>
      <c r="D553" s="95">
        <v>4.4829738877214073E-2</v>
      </c>
      <c r="E553" s="211">
        <v>0.13930634425504965</v>
      </c>
      <c r="F553" s="95">
        <v>4.6935210181356692E-2</v>
      </c>
      <c r="G553" s="211">
        <v>0.72777879998786843</v>
      </c>
      <c r="H553" s="95">
        <v>5.9487060870752839E-2</v>
      </c>
      <c r="I553" s="211">
        <v>8.9642076222153002E-3</v>
      </c>
      <c r="J553" s="95">
        <v>1.7520356712946689E-2</v>
      </c>
      <c r="K553" s="207">
        <v>219</v>
      </c>
      <c r="L553" s="211">
        <v>0.40862485041398178</v>
      </c>
      <c r="M553" s="95">
        <v>6.5877645296699316E-2</v>
      </c>
      <c r="N553" s="211">
        <v>0.13080834516493473</v>
      </c>
      <c r="O553" s="95">
        <v>4.6112251907590579E-2</v>
      </c>
      <c r="P553" s="211">
        <v>0.41128584404475327</v>
      </c>
      <c r="Q553" s="95">
        <v>6.5940536524472182E-2</v>
      </c>
      <c r="R553" s="211">
        <v>4.9280960376330299E-2</v>
      </c>
      <c r="S553" s="95">
        <v>3.1144043756888236E-2</v>
      </c>
      <c r="T553" s="207">
        <v>222</v>
      </c>
      <c r="U553" s="211">
        <v>0.565761584978136</v>
      </c>
      <c r="V553" s="95">
        <v>6.5961525648141603E-2</v>
      </c>
      <c r="W553" s="211">
        <v>0.11822420602954234</v>
      </c>
      <c r="X553" s="95">
        <v>4.3995368711693829E-2</v>
      </c>
      <c r="Y553" s="211">
        <v>0.20807366995806093</v>
      </c>
      <c r="Z553" s="95">
        <v>5.4491859187675067E-2</v>
      </c>
      <c r="AA553" s="211">
        <v>0.10794053903426105</v>
      </c>
      <c r="AB553" s="95">
        <v>4.2422717200463624E-2</v>
      </c>
      <c r="AC553" s="207">
        <v>221</v>
      </c>
      <c r="AD553" s="211">
        <v>0.51138839842780248</v>
      </c>
      <c r="AE553" s="95">
        <v>6.6649981217409324E-2</v>
      </c>
      <c r="AF553" s="211">
        <v>0.13804436603962814</v>
      </c>
      <c r="AG553" s="95">
        <v>4.6876653849484584E-2</v>
      </c>
      <c r="AH553" s="211">
        <v>0.25739980586556382</v>
      </c>
      <c r="AI553" s="95">
        <v>5.8608935504349653E-2</v>
      </c>
      <c r="AJ553" s="211">
        <v>9.3167429667005586E-2</v>
      </c>
      <c r="AK553" s="95">
        <v>4.0071014062350627E-2</v>
      </c>
      <c r="AL553" s="207">
        <v>221</v>
      </c>
      <c r="AM553" s="211">
        <v>0.29221633090295063</v>
      </c>
      <c r="AN553" s="95">
        <v>6.0860113436024182E-2</v>
      </c>
      <c r="AO553" s="211">
        <v>0.121355550423258</v>
      </c>
      <c r="AP553" s="95">
        <v>4.4558221760721689E-2</v>
      </c>
      <c r="AQ553" s="211">
        <v>0.38642766338433704</v>
      </c>
      <c r="AR553" s="95">
        <v>6.4986271003534796E-2</v>
      </c>
      <c r="AS553" s="211">
        <v>0.20000045528945432</v>
      </c>
      <c r="AT553" s="95">
        <v>5.3859375596087312E-2</v>
      </c>
    </row>
    <row r="554" spans="1:46">
      <c r="A554" s="55" t="s">
        <v>581</v>
      </c>
      <c r="B554" s="204">
        <v>123</v>
      </c>
      <c r="C554" s="210">
        <v>9.1011324575289598E-2</v>
      </c>
      <c r="D554" s="92">
        <v>5.4150310426362758E-2</v>
      </c>
      <c r="E554" s="210">
        <v>9.4286301430744401E-2</v>
      </c>
      <c r="F554" s="92">
        <v>5.4873322614066675E-2</v>
      </c>
      <c r="G554" s="210">
        <v>0.79863846048780618</v>
      </c>
      <c r="H554" s="92">
        <v>7.238230667379067E-2</v>
      </c>
      <c r="I554" s="210">
        <v>1.6063913506160554E-2</v>
      </c>
      <c r="J554" s="92">
        <v>3.0905458911549791E-2</v>
      </c>
      <c r="K554" s="204">
        <v>118</v>
      </c>
      <c r="L554" s="210">
        <v>0.29211748689068157</v>
      </c>
      <c r="M554" s="92">
        <v>8.2892817415728667E-2</v>
      </c>
      <c r="N554" s="210">
        <v>0.19087190738110599</v>
      </c>
      <c r="O554" s="92">
        <v>7.2565027535186205E-2</v>
      </c>
      <c r="P554" s="210">
        <v>0.47994565259370681</v>
      </c>
      <c r="Q554" s="92">
        <v>9.0467594609585686E-2</v>
      </c>
      <c r="R554" s="210">
        <v>3.7064953134506112E-2</v>
      </c>
      <c r="S554" s="92">
        <v>4.0291480824718E-2</v>
      </c>
      <c r="T554" s="204">
        <v>122</v>
      </c>
      <c r="U554" s="210">
        <v>0.34349178985747136</v>
      </c>
      <c r="V554" s="92">
        <v>8.489689744685576E-2</v>
      </c>
      <c r="W554" s="210">
        <v>0.10631044863987198</v>
      </c>
      <c r="X554" s="92">
        <v>5.7650579347382429E-2</v>
      </c>
      <c r="Y554" s="210">
        <v>0.36142502368712109</v>
      </c>
      <c r="Z554" s="92">
        <v>8.5819460284849991E-2</v>
      </c>
      <c r="AA554" s="210">
        <v>0.18877273781553591</v>
      </c>
      <c r="AB554" s="92">
        <v>7.1089026796476176E-2</v>
      </c>
      <c r="AC554" s="204">
        <v>122</v>
      </c>
      <c r="AD554" s="210">
        <v>0.32543794659075276</v>
      </c>
      <c r="AE554" s="92">
        <v>8.3842653855220772E-2</v>
      </c>
      <c r="AF554" s="210">
        <v>0.13515573886491705</v>
      </c>
      <c r="AG554" s="92">
        <v>6.304597149562105E-2</v>
      </c>
      <c r="AH554" s="210">
        <v>0.39408347758862639</v>
      </c>
      <c r="AI554" s="92">
        <v>8.7193027605076148E-2</v>
      </c>
      <c r="AJ554" s="210">
        <v>0.14532283695570405</v>
      </c>
      <c r="AK554" s="92">
        <v>6.4749669908104157E-2</v>
      </c>
      <c r="AL554" s="204">
        <v>121</v>
      </c>
      <c r="AM554" s="210">
        <v>0.25279089231621571</v>
      </c>
      <c r="AN554" s="92">
        <v>7.8533818037537173E-2</v>
      </c>
      <c r="AO554" s="210">
        <v>0.14356654083273127</v>
      </c>
      <c r="AP554" s="92">
        <v>6.4734772897878989E-2</v>
      </c>
      <c r="AQ554" s="210">
        <v>0.37430069215060402</v>
      </c>
      <c r="AR554" s="92">
        <v>8.6753854038876574E-2</v>
      </c>
      <c r="AS554" s="210">
        <v>0.22934187470044942</v>
      </c>
      <c r="AT554" s="92">
        <v>7.6180320352058559E-2</v>
      </c>
    </row>
    <row r="555" spans="1:46">
      <c r="A555" s="47" t="s">
        <v>584</v>
      </c>
      <c r="B555" s="207">
        <v>110</v>
      </c>
      <c r="C555" s="211">
        <v>0.18559975015731325</v>
      </c>
      <c r="D555" s="95">
        <v>7.444943057954248E-2</v>
      </c>
      <c r="E555" s="211">
        <v>0.12834917590445011</v>
      </c>
      <c r="F555" s="95">
        <v>6.5265597513868026E-2</v>
      </c>
      <c r="G555" s="211">
        <v>0.6586266562890698</v>
      </c>
      <c r="H555" s="95">
        <v>8.9162258721696114E-2</v>
      </c>
      <c r="I555" s="211">
        <v>2.7424417649166852E-2</v>
      </c>
      <c r="J555" s="95">
        <v>3.8420337950723388E-2</v>
      </c>
      <c r="K555" s="207">
        <v>114</v>
      </c>
      <c r="L555" s="211">
        <v>0.53633236725801914</v>
      </c>
      <c r="M555" s="95">
        <v>9.183034034564741E-2</v>
      </c>
      <c r="N555" s="211">
        <v>0.16200971509311826</v>
      </c>
      <c r="O555" s="95">
        <v>6.9715209615659288E-2</v>
      </c>
      <c r="P555" s="211">
        <v>0.29060707008351838</v>
      </c>
      <c r="Q555" s="95">
        <v>8.4186392837200461E-2</v>
      </c>
      <c r="R555" s="211">
        <v>1.1050847565344166E-2</v>
      </c>
      <c r="S555" s="95">
        <v>3.0175887023468177E-2</v>
      </c>
      <c r="T555" s="207">
        <v>114</v>
      </c>
      <c r="U555" s="211">
        <v>0.49835922328750237</v>
      </c>
      <c r="V555" s="95">
        <v>9.205699915882419E-2</v>
      </c>
      <c r="W555" s="211">
        <v>0.20762064284741555</v>
      </c>
      <c r="X555" s="95">
        <v>7.5959784235797675E-2</v>
      </c>
      <c r="Y555" s="211">
        <v>0.25983500732121634</v>
      </c>
      <c r="Z555" s="95">
        <v>8.1545443964141984E-2</v>
      </c>
      <c r="AA555" s="211">
        <v>3.4185126543865685E-2</v>
      </c>
      <c r="AB555" s="95">
        <v>4.0117587550790978E-2</v>
      </c>
      <c r="AC555" s="207">
        <v>114</v>
      </c>
      <c r="AD555" s="211">
        <v>0.55799042611952865</v>
      </c>
      <c r="AE555" s="95">
        <v>9.1477743650254587E-2</v>
      </c>
      <c r="AF555" s="211">
        <v>0.13137667189737304</v>
      </c>
      <c r="AG555" s="95">
        <v>6.4617024781386576E-2</v>
      </c>
      <c r="AH555" s="211">
        <v>0.27644777543923249</v>
      </c>
      <c r="AI555" s="95">
        <v>8.3026471632374615E-2</v>
      </c>
      <c r="AJ555" s="211">
        <v>3.4185126543865685E-2</v>
      </c>
      <c r="AK555" s="95">
        <v>4.0117587550790978E-2</v>
      </c>
      <c r="AL555" s="207">
        <v>113</v>
      </c>
      <c r="AM555" s="211">
        <v>0.61980106843529559</v>
      </c>
      <c r="AN555" s="95">
        <v>8.994058481334051E-2</v>
      </c>
      <c r="AO555" s="211">
        <v>0.16257091150355332</v>
      </c>
      <c r="AP555" s="95">
        <v>7.0114367896231211E-2</v>
      </c>
      <c r="AQ555" s="211">
        <v>0.19451661525444616</v>
      </c>
      <c r="AR555" s="95">
        <v>7.4639117746577416E-2</v>
      </c>
      <c r="AS555" s="211">
        <v>2.3111404806704941E-2</v>
      </c>
      <c r="AT555" s="95">
        <v>3.5978019616047179E-2</v>
      </c>
    </row>
    <row r="556" spans="1:46">
      <c r="A556" s="55" t="s">
        <v>585</v>
      </c>
      <c r="B556" s="204">
        <v>2244</v>
      </c>
      <c r="C556" s="210">
        <v>0.12100033090118839</v>
      </c>
      <c r="D556" s="92">
        <v>1.3789854765471985E-2</v>
      </c>
      <c r="E556" s="210">
        <v>0.15500196856888546</v>
      </c>
      <c r="F556" s="92">
        <v>1.5290749951009919E-2</v>
      </c>
      <c r="G556" s="210">
        <v>0.71107081290548246</v>
      </c>
      <c r="H556" s="92">
        <v>1.9127197148770855E-2</v>
      </c>
      <c r="I556" s="210">
        <v>1.2926887624440471E-2</v>
      </c>
      <c r="J556" s="92">
        <v>4.919874594059551E-3</v>
      </c>
      <c r="K556" s="204">
        <v>2243</v>
      </c>
      <c r="L556" s="210">
        <v>0.37955713003664227</v>
      </c>
      <c r="M556" s="92">
        <v>2.0476961408376841E-2</v>
      </c>
      <c r="N556" s="210">
        <v>0.18283946406488069</v>
      </c>
      <c r="O556" s="92">
        <v>1.6328133340529152E-2</v>
      </c>
      <c r="P556" s="210">
        <v>0.37800663755349201</v>
      </c>
      <c r="Q556" s="92">
        <v>2.0460673933477846E-2</v>
      </c>
      <c r="R556" s="210">
        <v>5.9596768344982162E-2</v>
      </c>
      <c r="S556" s="92">
        <v>1.0049713317158456E-2</v>
      </c>
      <c r="T556" s="204">
        <v>2246</v>
      </c>
      <c r="U556" s="210">
        <v>0.5201798055963619</v>
      </c>
      <c r="V556" s="92">
        <v>2.1064735019820837E-2</v>
      </c>
      <c r="W556" s="210">
        <v>0.11575015300200275</v>
      </c>
      <c r="X556" s="92">
        <v>1.3523744314676346E-2</v>
      </c>
      <c r="Y556" s="210">
        <v>0.21252224631692132</v>
      </c>
      <c r="Z556" s="92">
        <v>1.7263970103592641E-2</v>
      </c>
      <c r="AA556" s="210">
        <v>0.15154779508471072</v>
      </c>
      <c r="AB556" s="92">
        <v>1.5144482760948165E-2</v>
      </c>
      <c r="AC556" s="204">
        <v>2246</v>
      </c>
      <c r="AD556" s="210">
        <v>0.43201924730383728</v>
      </c>
      <c r="AE556" s="92">
        <v>2.0886786221174038E-2</v>
      </c>
      <c r="AF556" s="210">
        <v>0.17797177680105691</v>
      </c>
      <c r="AG556" s="92">
        <v>1.6147443667688003E-2</v>
      </c>
      <c r="AH556" s="210">
        <v>0.25577280943850189</v>
      </c>
      <c r="AI556" s="92">
        <v>1.8406036150816679E-2</v>
      </c>
      <c r="AJ556" s="210">
        <v>0.13423616645660114</v>
      </c>
      <c r="AK556" s="92">
        <v>1.4403213764000276E-2</v>
      </c>
      <c r="AL556" s="204">
        <v>2244</v>
      </c>
      <c r="AM556" s="210">
        <v>0.24194623407952517</v>
      </c>
      <c r="AN556" s="92">
        <v>1.8076794682079584E-2</v>
      </c>
      <c r="AO556" s="210">
        <v>0.16206623176067936</v>
      </c>
      <c r="AP556" s="92">
        <v>1.5567943708394422E-2</v>
      </c>
      <c r="AQ556" s="210">
        <v>0.32311912282226712</v>
      </c>
      <c r="AR556" s="92">
        <v>1.9732391010960977E-2</v>
      </c>
      <c r="AS556" s="210">
        <v>0.27286841133752587</v>
      </c>
      <c r="AT556" s="92">
        <v>1.8798172659715957E-2</v>
      </c>
    </row>
    <row r="557" spans="1:46">
      <c r="A557" s="47" t="s">
        <v>620</v>
      </c>
      <c r="B557" s="207">
        <v>153</v>
      </c>
      <c r="C557" s="211">
        <v>8.7119585191641147E-2</v>
      </c>
      <c r="D557" s="95">
        <v>4.7378537973806603E-2</v>
      </c>
      <c r="E557" s="211">
        <v>0.15655246502122391</v>
      </c>
      <c r="F557" s="95">
        <v>5.9290439444155296E-2</v>
      </c>
      <c r="G557" s="211">
        <v>0.75632794978713525</v>
      </c>
      <c r="H557" s="95">
        <v>6.9135021261741855E-2</v>
      </c>
      <c r="I557" s="211">
        <v>0</v>
      </c>
      <c r="J557" s="95">
        <v>1.79003434579789E-2</v>
      </c>
      <c r="K557" s="207">
        <v>156</v>
      </c>
      <c r="L557" s="211">
        <v>0.39066845323842392</v>
      </c>
      <c r="M557" s="95">
        <v>7.7239370040743618E-2</v>
      </c>
      <c r="N557" s="211">
        <v>0.22877945761315849</v>
      </c>
      <c r="O557" s="95">
        <v>6.7095355866461662E-2</v>
      </c>
      <c r="P557" s="211">
        <v>0.31637440271669481</v>
      </c>
      <c r="Q557" s="95">
        <v>7.3815053350628601E-2</v>
      </c>
      <c r="R557" s="211">
        <v>6.4177686431722808E-2</v>
      </c>
      <c r="S557" s="95">
        <v>4.1664508957134923E-2</v>
      </c>
      <c r="T557" s="207">
        <v>156</v>
      </c>
      <c r="U557" s="211">
        <v>0.51015594779503781</v>
      </c>
      <c r="V557" s="95">
        <v>7.9041436826454828E-2</v>
      </c>
      <c r="W557" s="211">
        <v>0.14618733043309198</v>
      </c>
      <c r="X557" s="95">
        <v>5.7227075209865641E-2</v>
      </c>
      <c r="Y557" s="211">
        <v>0.22133094233736497</v>
      </c>
      <c r="Z557" s="95">
        <v>6.6366000935915298E-2</v>
      </c>
      <c r="AA557" s="211">
        <v>0.1223257794345058</v>
      </c>
      <c r="AB557" s="95">
        <v>5.3480119046399911E-2</v>
      </c>
      <c r="AC557" s="207">
        <v>154</v>
      </c>
      <c r="AD557" s="211">
        <v>0.39716673417365966</v>
      </c>
      <c r="AE557" s="95">
        <v>7.794090080912966E-2</v>
      </c>
      <c r="AF557" s="211">
        <v>0.15235358131119631</v>
      </c>
      <c r="AG557" s="95">
        <v>5.8501087501663912E-2</v>
      </c>
      <c r="AH557" s="211">
        <v>0.33509025125064051</v>
      </c>
      <c r="AI557" s="95">
        <v>7.5332901372526254E-2</v>
      </c>
      <c r="AJ557" s="211">
        <v>0.11538943326450368</v>
      </c>
      <c r="AK557" s="95">
        <v>5.2643965658202507E-2</v>
      </c>
      <c r="AL557" s="207">
        <v>155</v>
      </c>
      <c r="AM557" s="211">
        <v>0.22682334809238663</v>
      </c>
      <c r="AN557" s="95">
        <v>6.7120848244051678E-2</v>
      </c>
      <c r="AO557" s="211">
        <v>0.15157274563918541</v>
      </c>
      <c r="AP557" s="95">
        <v>5.8197207393816612E-2</v>
      </c>
      <c r="AQ557" s="211">
        <v>0.37727208391336164</v>
      </c>
      <c r="AR557" s="95">
        <v>7.7001375399140079E-2</v>
      </c>
      <c r="AS557" s="211">
        <v>0.24433182235506631</v>
      </c>
      <c r="AT557" s="95">
        <v>6.8750076925266329E-2</v>
      </c>
    </row>
    <row r="558" spans="1:46">
      <c r="A558" s="55" t="s">
        <v>621</v>
      </c>
      <c r="B558" s="204">
        <v>162</v>
      </c>
      <c r="C558" s="210">
        <v>0.15943029646265747</v>
      </c>
      <c r="D558" s="92">
        <v>5.7985187179946877E-2</v>
      </c>
      <c r="E558" s="210">
        <v>0.12024539303416475</v>
      </c>
      <c r="F558" s="92">
        <v>5.210109590904078E-2</v>
      </c>
      <c r="G558" s="210">
        <v>0.67563927259976564</v>
      </c>
      <c r="H558" s="92">
        <v>7.2911836515427722E-2</v>
      </c>
      <c r="I558" s="210">
        <v>4.4685037903412966E-2</v>
      </c>
      <c r="J558" s="92">
        <v>3.5587610778588769E-2</v>
      </c>
      <c r="K558" s="204">
        <v>162</v>
      </c>
      <c r="L558" s="210">
        <v>0.43288011726902254</v>
      </c>
      <c r="M558" s="92">
        <v>7.6946142603821946E-2</v>
      </c>
      <c r="N558" s="210">
        <v>0.18593872152680074</v>
      </c>
      <c r="O558" s="92">
        <v>6.1323104764564658E-2</v>
      </c>
      <c r="P558" s="210">
        <v>0.33879164715388826</v>
      </c>
      <c r="Q558" s="92">
        <v>7.3672871448228386E-2</v>
      </c>
      <c r="R558" s="210">
        <v>4.2389514050289429E-2</v>
      </c>
      <c r="S558" s="92">
        <v>3.4905371062378829E-2</v>
      </c>
      <c r="T558" s="204">
        <v>163</v>
      </c>
      <c r="U558" s="210">
        <v>0.58945551034845467</v>
      </c>
      <c r="V558" s="92">
        <v>7.6193334909906568E-2</v>
      </c>
      <c r="W558" s="210">
        <v>7.9495318814979787E-2</v>
      </c>
      <c r="X558" s="92">
        <v>4.4194721088688334E-2</v>
      </c>
      <c r="Y558" s="210">
        <v>0.21313969644503339</v>
      </c>
      <c r="Z558" s="92">
        <v>6.4111791765730161E-2</v>
      </c>
      <c r="AA558" s="210">
        <v>0.11790947439153275</v>
      </c>
      <c r="AB558" s="92">
        <v>5.1543077342368251E-2</v>
      </c>
      <c r="AC558" s="204">
        <v>162</v>
      </c>
      <c r="AD558" s="210">
        <v>0.38344661423619664</v>
      </c>
      <c r="AE558" s="92">
        <v>7.5580022930719193E-2</v>
      </c>
      <c r="AF558" s="210">
        <v>0.21094145254479632</v>
      </c>
      <c r="AG558" s="92">
        <v>6.4082661353061371E-2</v>
      </c>
      <c r="AH558" s="210">
        <v>0.27316150549160517</v>
      </c>
      <c r="AI558" s="92">
        <v>6.9593347778321199E-2</v>
      </c>
      <c r="AJ558" s="210">
        <v>0.13245042772740279</v>
      </c>
      <c r="AK558" s="92">
        <v>5.4072544591842749E-2</v>
      </c>
      <c r="AL558" s="204">
        <v>162</v>
      </c>
      <c r="AM558" s="210">
        <v>0.23166546816501124</v>
      </c>
      <c r="AN558" s="92">
        <v>6.6118698601171824E-2</v>
      </c>
      <c r="AO558" s="210">
        <v>0.17737954758929253</v>
      </c>
      <c r="AP558" s="92">
        <v>6.0294798492044159E-2</v>
      </c>
      <c r="AQ558" s="210">
        <v>0.29914130597986349</v>
      </c>
      <c r="AR558" s="92">
        <v>7.1401910010809977E-2</v>
      </c>
      <c r="AS558" s="210">
        <v>0.29181367826583371</v>
      </c>
      <c r="AT558" s="92">
        <v>7.0918592210399117E-2</v>
      </c>
    </row>
    <row r="559" spans="1:46">
      <c r="A559" s="47" t="s">
        <v>622</v>
      </c>
      <c r="B559" s="207">
        <v>985</v>
      </c>
      <c r="C559" s="211">
        <v>0.1114379896114043</v>
      </c>
      <c r="D559" s="95">
        <v>2.0134871018819899E-2</v>
      </c>
      <c r="E559" s="211">
        <v>0.15353193764904791</v>
      </c>
      <c r="F559" s="95">
        <v>2.3011749769206169E-2</v>
      </c>
      <c r="G559" s="211">
        <v>0.72838522401569539</v>
      </c>
      <c r="H559" s="95">
        <v>2.8317230519485936E-2</v>
      </c>
      <c r="I559" s="211">
        <v>6.64484872385359E-3</v>
      </c>
      <c r="J559" s="95">
        <v>5.8858590528822266E-3</v>
      </c>
      <c r="K559" s="207">
        <v>986</v>
      </c>
      <c r="L559" s="211">
        <v>0.36454613020765281</v>
      </c>
      <c r="M559" s="95">
        <v>3.0603374362505941E-2</v>
      </c>
      <c r="N559" s="211">
        <v>0.1868299612778313</v>
      </c>
      <c r="O559" s="95">
        <v>2.4840131658746128E-2</v>
      </c>
      <c r="P559" s="211">
        <v>0.3791561496742627</v>
      </c>
      <c r="Q559" s="95">
        <v>3.084759089795466E-2</v>
      </c>
      <c r="R559" s="211">
        <v>6.9467758840253135E-2</v>
      </c>
      <c r="S559" s="95">
        <v>1.6346847333030667E-2</v>
      </c>
      <c r="T559" s="207">
        <v>986</v>
      </c>
      <c r="U559" s="211">
        <v>0.51218304654646829</v>
      </c>
      <c r="V559" s="95">
        <v>3.1772726399730833E-2</v>
      </c>
      <c r="W559" s="211">
        <v>0.12139630179096583</v>
      </c>
      <c r="X559" s="95">
        <v>2.0871439947617237E-2</v>
      </c>
      <c r="Y559" s="211">
        <v>0.18569480502587146</v>
      </c>
      <c r="Z559" s="95">
        <v>2.4782603592945686E-2</v>
      </c>
      <c r="AA559" s="211">
        <v>0.18072584663669489</v>
      </c>
      <c r="AB559" s="95">
        <v>2.4526718149173832E-2</v>
      </c>
      <c r="AC559" s="207">
        <v>987</v>
      </c>
      <c r="AD559" s="211">
        <v>0.42315400797362807</v>
      </c>
      <c r="AE559" s="95">
        <v>3.1391687073810473E-2</v>
      </c>
      <c r="AF559" s="211">
        <v>0.19153221531865833</v>
      </c>
      <c r="AG559" s="95">
        <v>2.5062119214023432E-2</v>
      </c>
      <c r="AH559" s="211">
        <v>0.23108317574997769</v>
      </c>
      <c r="AI559" s="95">
        <v>2.6824266284568507E-2</v>
      </c>
      <c r="AJ559" s="211">
        <v>0.15423060095773572</v>
      </c>
      <c r="AK559" s="95">
        <v>2.3030424569801644E-2</v>
      </c>
      <c r="AL559" s="207">
        <v>987</v>
      </c>
      <c r="AM559" s="211">
        <v>0.23281399315485238</v>
      </c>
      <c r="AN559" s="95">
        <v>2.6893426340817855E-2</v>
      </c>
      <c r="AO559" s="211">
        <v>0.1619242177626212</v>
      </c>
      <c r="AP559" s="95">
        <v>2.3483301858300474E-2</v>
      </c>
      <c r="AQ559" s="211">
        <v>0.31125584028783232</v>
      </c>
      <c r="AR559" s="95">
        <v>2.9435499267651214E-2</v>
      </c>
      <c r="AS559" s="211">
        <v>0.29400594879469333</v>
      </c>
      <c r="AT559" s="95">
        <v>2.8968705819318218E-2</v>
      </c>
    </row>
    <row r="560" spans="1:46">
      <c r="A560" s="55" t="s">
        <v>623</v>
      </c>
      <c r="B560" s="204">
        <v>299</v>
      </c>
      <c r="C560" s="210">
        <v>0.10113407945530438</v>
      </c>
      <c r="D560" s="92">
        <v>3.5428308791856572E-2</v>
      </c>
      <c r="E560" s="210">
        <v>0.13438153002221315</v>
      </c>
      <c r="F560" s="92">
        <v>3.9773162102273218E-2</v>
      </c>
      <c r="G560" s="210">
        <v>0.75059837756054282</v>
      </c>
      <c r="H560" s="92">
        <v>4.9930325398534772E-2</v>
      </c>
      <c r="I560" s="210">
        <v>1.3886012961939549E-2</v>
      </c>
      <c r="J560" s="92">
        <v>1.6204604701719638E-2</v>
      </c>
      <c r="K560" s="204">
        <v>300</v>
      </c>
      <c r="L560" s="210">
        <v>0.34484702334835649</v>
      </c>
      <c r="M560" s="92">
        <v>5.4598639803067402E-2</v>
      </c>
      <c r="N560" s="210">
        <v>0.15856318930347996</v>
      </c>
      <c r="O560" s="92">
        <v>4.2374985154380602E-2</v>
      </c>
      <c r="P560" s="210">
        <v>0.45295635226474551</v>
      </c>
      <c r="Q560" s="92">
        <v>5.7106174388761796E-2</v>
      </c>
      <c r="R560" s="210">
        <v>4.3633435083417854E-2</v>
      </c>
      <c r="S560" s="92">
        <v>2.4914142469254299E-2</v>
      </c>
      <c r="T560" s="204">
        <v>300</v>
      </c>
      <c r="U560" s="210">
        <v>0.49214495434974381</v>
      </c>
      <c r="V560" s="92">
        <v>5.734704040744236E-2</v>
      </c>
      <c r="W560" s="210">
        <v>0.13025891821521698</v>
      </c>
      <c r="X560" s="92">
        <v>3.9213560914407489E-2</v>
      </c>
      <c r="Y560" s="210">
        <v>0.22797997781498353</v>
      </c>
      <c r="Z560" s="92">
        <v>4.8387081082598093E-2</v>
      </c>
      <c r="AA560" s="210">
        <v>0.14961614962005532</v>
      </c>
      <c r="AB560" s="92">
        <v>4.1428546828335092E-2</v>
      </c>
      <c r="AC560" s="204">
        <v>299</v>
      </c>
      <c r="AD560" s="210">
        <v>0.40554131413019656</v>
      </c>
      <c r="AE560" s="92">
        <v>5.6441397835947017E-2</v>
      </c>
      <c r="AF560" s="210">
        <v>0.19740155805824039</v>
      </c>
      <c r="AG560" s="92">
        <v>4.6078682118627159E-2</v>
      </c>
      <c r="AH560" s="210">
        <v>0.26546469703883951</v>
      </c>
      <c r="AI560" s="92">
        <v>5.0923605545651632E-2</v>
      </c>
      <c r="AJ560" s="210">
        <v>0.13159243077272317</v>
      </c>
      <c r="AK560" s="92">
        <v>3.944092548704068E-2</v>
      </c>
      <c r="AL560" s="204">
        <v>300</v>
      </c>
      <c r="AM560" s="210">
        <v>0.26912935175484232</v>
      </c>
      <c r="AN560" s="92">
        <v>5.105365860896724E-2</v>
      </c>
      <c r="AO560" s="210">
        <v>0.17064217729392656</v>
      </c>
      <c r="AP560" s="92">
        <v>4.3582844701401224E-2</v>
      </c>
      <c r="AQ560" s="210">
        <v>0.27648305746820084</v>
      </c>
      <c r="AR560" s="92">
        <v>5.1471282111491511E-2</v>
      </c>
      <c r="AS560" s="210">
        <v>0.28374541348303051</v>
      </c>
      <c r="AT560" s="92">
        <v>5.186730825940316E-2</v>
      </c>
    </row>
    <row r="561" spans="1:46">
      <c r="A561" s="47" t="s">
        <v>624</v>
      </c>
      <c r="B561" s="207">
        <v>318</v>
      </c>
      <c r="C561" s="211">
        <v>9.8624691952811747E-2</v>
      </c>
      <c r="D561" s="95">
        <v>3.3966651382800805E-2</v>
      </c>
      <c r="E561" s="211">
        <v>0.1841740426917825</v>
      </c>
      <c r="F561" s="95">
        <v>4.3555737796236164E-2</v>
      </c>
      <c r="G561" s="211">
        <v>0.71292052339655487</v>
      </c>
      <c r="H561" s="95">
        <v>5.056011659880958E-2</v>
      </c>
      <c r="I561" s="211">
        <v>4.2807419588520934E-3</v>
      </c>
      <c r="J561" s="95">
        <v>1.1327851546847166E-2</v>
      </c>
      <c r="K561" s="207">
        <v>314</v>
      </c>
      <c r="L561" s="211">
        <v>0.40478526607652732</v>
      </c>
      <c r="M561" s="95">
        <v>5.5076937795708027E-2</v>
      </c>
      <c r="N561" s="211">
        <v>0.21397333709471045</v>
      </c>
      <c r="O561" s="95">
        <v>4.6274264211713247E-2</v>
      </c>
      <c r="P561" s="211">
        <v>0.35315499978656795</v>
      </c>
      <c r="Q561" s="95">
        <v>5.3667460942682904E-2</v>
      </c>
      <c r="R561" s="211">
        <v>2.8086397042195715E-2</v>
      </c>
      <c r="S561" s="95">
        <v>2.0332114304948065E-2</v>
      </c>
      <c r="T561" s="207">
        <v>315</v>
      </c>
      <c r="U561" s="211">
        <v>0.58031527125987115</v>
      </c>
      <c r="V561" s="95">
        <v>5.5280443414752842E-2</v>
      </c>
      <c r="W561" s="211">
        <v>0.12978782034936209</v>
      </c>
      <c r="X561" s="95">
        <v>3.8197401804991968E-2</v>
      </c>
      <c r="Y561" s="211">
        <v>0.15877414716124039</v>
      </c>
      <c r="Z561" s="95">
        <v>4.1366412587181461E-2</v>
      </c>
      <c r="AA561" s="211">
        <v>0.13112276122952735</v>
      </c>
      <c r="AB561" s="95">
        <v>3.8354984793394581E-2</v>
      </c>
      <c r="AC561" s="207">
        <v>317</v>
      </c>
      <c r="AD561" s="211">
        <v>0.49340990100847271</v>
      </c>
      <c r="AE561" s="95">
        <v>5.5809829101638536E-2</v>
      </c>
      <c r="AF561" s="211">
        <v>0.16551532530533219</v>
      </c>
      <c r="AG561" s="95">
        <v>4.1900477909713095E-2</v>
      </c>
      <c r="AH561" s="211">
        <v>0.23849277620320716</v>
      </c>
      <c r="AI561" s="95">
        <v>4.7793386805720213E-2</v>
      </c>
      <c r="AJ561" s="211">
        <v>0.10258199748298942</v>
      </c>
      <c r="AK561" s="95">
        <v>3.4581725409074657E-2</v>
      </c>
      <c r="AL561" s="207">
        <v>314</v>
      </c>
      <c r="AM561" s="211">
        <v>0.20197461388654755</v>
      </c>
      <c r="AN561" s="95">
        <v>4.5336097724061462E-2</v>
      </c>
      <c r="AO561" s="211">
        <v>0.15527122248495093</v>
      </c>
      <c r="AP561" s="95">
        <v>4.1075616829831713E-2</v>
      </c>
      <c r="AQ561" s="211">
        <v>0.32243483808725665</v>
      </c>
      <c r="AR561" s="95">
        <v>5.2516402560658343E-2</v>
      </c>
      <c r="AS561" s="211">
        <v>0.3203193255412467</v>
      </c>
      <c r="AT561" s="95">
        <v>5.242808214806801E-2</v>
      </c>
    </row>
    <row r="562" spans="1:46">
      <c r="A562" s="55" t="s">
        <v>625</v>
      </c>
      <c r="B562" s="204">
        <v>1185</v>
      </c>
      <c r="C562" s="210">
        <v>0.13025263477727822</v>
      </c>
      <c r="D562" s="92">
        <v>1.9601169820027992E-2</v>
      </c>
      <c r="E562" s="210">
        <v>0.15799926565666675</v>
      </c>
      <c r="F562" s="92">
        <v>2.1217853635004922E-2</v>
      </c>
      <c r="G562" s="210">
        <v>0.69482976690678255</v>
      </c>
      <c r="H562" s="92">
        <v>2.6724544560645207E-2</v>
      </c>
      <c r="I562" s="210">
        <v>1.6918332659272815E-2</v>
      </c>
      <c r="J562" s="92">
        <v>7.8247501045071374E-3</v>
      </c>
      <c r="K562" s="204">
        <v>1182</v>
      </c>
      <c r="L562" s="210">
        <v>0.38840618207383026</v>
      </c>
      <c r="M562" s="92">
        <v>2.8309937199169743E-2</v>
      </c>
      <c r="N562" s="210">
        <v>0.17724756242402523</v>
      </c>
      <c r="O562" s="92">
        <v>2.2230764101492637E-2</v>
      </c>
      <c r="P562" s="210">
        <v>0.37762542534450916</v>
      </c>
      <c r="Q562" s="92">
        <v>2.8160304099884251E-2</v>
      </c>
      <c r="R562" s="210">
        <v>5.6720830157635529E-2</v>
      </c>
      <c r="S562" s="92">
        <v>1.3598281566460124E-2</v>
      </c>
      <c r="T562" s="204">
        <v>1190</v>
      </c>
      <c r="U562" s="210">
        <v>0.50084883072520303</v>
      </c>
      <c r="V562" s="92">
        <v>2.8939912584321888E-2</v>
      </c>
      <c r="W562" s="210">
        <v>0.1353292933351358</v>
      </c>
      <c r="X562" s="92">
        <v>1.9874379619757201E-2</v>
      </c>
      <c r="Y562" s="210">
        <v>0.2320270483978327</v>
      </c>
      <c r="Z562" s="92">
        <v>2.446553155876988E-2</v>
      </c>
      <c r="AA562" s="210">
        <v>0.13179482754182806</v>
      </c>
      <c r="AB562" s="92">
        <v>1.9656327374377565E-2</v>
      </c>
      <c r="AC562" s="204">
        <v>1186</v>
      </c>
      <c r="AD562" s="210">
        <v>0.4378058077695911</v>
      </c>
      <c r="AE562" s="92">
        <v>2.8764932133972222E-2</v>
      </c>
      <c r="AF562" s="210">
        <v>0.16724821747786664</v>
      </c>
      <c r="AG562" s="92">
        <v>2.1694545768264371E-2</v>
      </c>
      <c r="AH562" s="210">
        <v>0.27663919469200776</v>
      </c>
      <c r="AI562" s="92">
        <v>2.5956963881729925E-2</v>
      </c>
      <c r="AJ562" s="210">
        <v>0.11830678006053352</v>
      </c>
      <c r="AK562" s="92">
        <v>1.881248167875511E-2</v>
      </c>
      <c r="AL562" s="204">
        <v>1186</v>
      </c>
      <c r="AM562" s="210">
        <v>0.30058068094978474</v>
      </c>
      <c r="AN562" s="92">
        <v>2.6599983205875539E-2</v>
      </c>
      <c r="AO562" s="210">
        <v>0.16327911526133762</v>
      </c>
      <c r="AP562" s="92">
        <v>2.1489101371568502E-2</v>
      </c>
      <c r="AQ562" s="210">
        <v>0.31038271509889709</v>
      </c>
      <c r="AR562" s="92">
        <v>2.6838238830333101E-2</v>
      </c>
      <c r="AS562" s="210">
        <v>0.22575748868997964</v>
      </c>
      <c r="AT562" s="92">
        <v>2.4274051688677644E-2</v>
      </c>
    </row>
    <row r="563" spans="1:46">
      <c r="A563" s="47" t="s">
        <v>626</v>
      </c>
      <c r="B563" s="207">
        <v>1168</v>
      </c>
      <c r="C563" s="211">
        <v>0.13095421177286873</v>
      </c>
      <c r="D563" s="95">
        <v>1.978840949425735E-2</v>
      </c>
      <c r="E563" s="211">
        <v>0.13818981550048759</v>
      </c>
      <c r="F563" s="95">
        <v>2.023626876299716E-2</v>
      </c>
      <c r="G563" s="211">
        <v>0.71962742069967034</v>
      </c>
      <c r="H563" s="95">
        <v>2.6262815273790572E-2</v>
      </c>
      <c r="I563" s="211">
        <v>1.1228552026974059E-2</v>
      </c>
      <c r="J563" s="95">
        <v>6.5915419830626628E-3</v>
      </c>
      <c r="K563" s="207">
        <v>1174</v>
      </c>
      <c r="L563" s="211">
        <v>0.42910529478471204</v>
      </c>
      <c r="M563" s="95">
        <v>2.8843469343613884E-2</v>
      </c>
      <c r="N563" s="211">
        <v>0.18559471824123949</v>
      </c>
      <c r="O563" s="95">
        <v>2.2704979594900872E-2</v>
      </c>
      <c r="P563" s="211">
        <v>0.34143116888282488</v>
      </c>
      <c r="Q563" s="95">
        <v>2.764229391575642E-2</v>
      </c>
      <c r="R563" s="211">
        <v>4.3868818091224476E-2</v>
      </c>
      <c r="S563" s="95">
        <v>1.2133228678412813E-2</v>
      </c>
      <c r="T563" s="207">
        <v>1169</v>
      </c>
      <c r="U563" s="211">
        <v>0.55189036603152697</v>
      </c>
      <c r="V563" s="95">
        <v>2.9041271894124063E-2</v>
      </c>
      <c r="W563" s="211">
        <v>0.11828868217593254</v>
      </c>
      <c r="X563" s="95">
        <v>1.8948351841191955E-2</v>
      </c>
      <c r="Y563" s="211">
        <v>0.19062270830092237</v>
      </c>
      <c r="Z563" s="95">
        <v>2.2985770562183188E-2</v>
      </c>
      <c r="AA563" s="211">
        <v>0.13919824349161836</v>
      </c>
      <c r="AB563" s="95">
        <v>2.0288491153575165E-2</v>
      </c>
      <c r="AC563" s="207">
        <v>1173</v>
      </c>
      <c r="AD563" s="211">
        <v>0.4792036343746926</v>
      </c>
      <c r="AE563" s="95">
        <v>2.9123149634469714E-2</v>
      </c>
      <c r="AF563" s="211">
        <v>0.17439657522907093</v>
      </c>
      <c r="AG563" s="95">
        <v>2.2175769662148105E-2</v>
      </c>
      <c r="AH563" s="211">
        <v>0.22460215476034318</v>
      </c>
      <c r="AI563" s="95">
        <v>2.4364176796894895E-2</v>
      </c>
      <c r="AJ563" s="211">
        <v>0.12179763563589387</v>
      </c>
      <c r="AK563" s="95">
        <v>1.915225707622718E-2</v>
      </c>
      <c r="AL563" s="207">
        <v>1170</v>
      </c>
      <c r="AM563" s="211">
        <v>0.2914131135787289</v>
      </c>
      <c r="AN563" s="95">
        <v>2.6543493032916619E-2</v>
      </c>
      <c r="AO563" s="211">
        <v>0.15570319923658221</v>
      </c>
      <c r="AP563" s="95">
        <v>2.1228545209233084E-2</v>
      </c>
      <c r="AQ563" s="211">
        <v>0.29393116906387973</v>
      </c>
      <c r="AR563" s="95">
        <v>2.6609966578010607E-2</v>
      </c>
      <c r="AS563" s="211">
        <v>0.25895251812080938</v>
      </c>
      <c r="AT563" s="95">
        <v>2.559622089868235E-2</v>
      </c>
    </row>
    <row r="564" spans="1:46">
      <c r="A564" s="55" t="s">
        <v>627</v>
      </c>
      <c r="B564" s="204">
        <v>345</v>
      </c>
      <c r="C564" s="210">
        <v>0.14887972353684181</v>
      </c>
      <c r="D564" s="92">
        <v>3.8529471313013472E-2</v>
      </c>
      <c r="E564" s="210">
        <v>0.15632652588940099</v>
      </c>
      <c r="F564" s="92">
        <v>3.9274284010637872E-2</v>
      </c>
      <c r="G564" s="210">
        <v>0.6824277629548855</v>
      </c>
      <c r="H564" s="92">
        <v>4.9925859343947478E-2</v>
      </c>
      <c r="I564" s="210">
        <v>1.2365987618869227E-2</v>
      </c>
      <c r="J564" s="92">
        <v>1.4215910661094674E-2</v>
      </c>
      <c r="K564" s="204">
        <v>347</v>
      </c>
      <c r="L564" s="210">
        <v>0.41982460598475291</v>
      </c>
      <c r="M564" s="92">
        <v>5.2701122629714152E-2</v>
      </c>
      <c r="N564" s="210">
        <v>0.18811994990665279</v>
      </c>
      <c r="O564" s="92">
        <v>4.2019553600173384E-2</v>
      </c>
      <c r="P564" s="210">
        <v>0.35842389654824003</v>
      </c>
      <c r="Q564" s="92">
        <v>5.124217040613676E-2</v>
      </c>
      <c r="R564" s="210">
        <v>3.3631547560351298E-2</v>
      </c>
      <c r="S564" s="92">
        <v>2.0653007459888961E-2</v>
      </c>
      <c r="T564" s="204">
        <v>343</v>
      </c>
      <c r="U564" s="210">
        <v>0.57758602095050371</v>
      </c>
      <c r="V564" s="92">
        <v>5.3047571457349396E-2</v>
      </c>
      <c r="W564" s="210">
        <v>0.10986119309998033</v>
      </c>
      <c r="X564" s="92">
        <v>3.4168696707243311E-2</v>
      </c>
      <c r="Y564" s="210">
        <v>0.1781575785453747</v>
      </c>
      <c r="Z564" s="92">
        <v>4.1414717322156167E-2</v>
      </c>
      <c r="AA564" s="210">
        <v>0.13439520740413868</v>
      </c>
      <c r="AB564" s="92">
        <v>3.709898446385175E-2</v>
      </c>
      <c r="AC564" s="204">
        <v>346</v>
      </c>
      <c r="AD564" s="210">
        <v>0.47867583443891049</v>
      </c>
      <c r="AE564" s="92">
        <v>5.3404720409016955E-2</v>
      </c>
      <c r="AF564" s="210">
        <v>0.18118594478985905</v>
      </c>
      <c r="AG564" s="92">
        <v>4.1495965704971424E-2</v>
      </c>
      <c r="AH564" s="210">
        <v>0.21699010304554467</v>
      </c>
      <c r="AI564" s="92">
        <v>4.4301005553879426E-2</v>
      </c>
      <c r="AJ564" s="210">
        <v>0.12314811772568308</v>
      </c>
      <c r="AK564" s="92">
        <v>3.5650721535949392E-2</v>
      </c>
      <c r="AL564" s="204">
        <v>345</v>
      </c>
      <c r="AM564" s="210">
        <v>0.29477416090142855</v>
      </c>
      <c r="AN564" s="92">
        <v>4.8924509976186477E-2</v>
      </c>
      <c r="AO564" s="210">
        <v>0.16000264815704798</v>
      </c>
      <c r="AP564" s="92">
        <v>3.9631024720805832E-2</v>
      </c>
      <c r="AQ564" s="210">
        <v>0.2948791409301717</v>
      </c>
      <c r="AR564" s="92">
        <v>4.8929440592036473E-2</v>
      </c>
      <c r="AS564" s="210">
        <v>0.25034405001134902</v>
      </c>
      <c r="AT564" s="92">
        <v>4.655371772365343E-2</v>
      </c>
    </row>
    <row r="565" spans="1:46">
      <c r="A565" s="47" t="s">
        <v>628</v>
      </c>
      <c r="B565" s="207">
        <v>823</v>
      </c>
      <c r="C565" s="211">
        <v>0.11991045884024919</v>
      </c>
      <c r="D565" s="95">
        <v>2.2741497257379673E-2</v>
      </c>
      <c r="E565" s="211">
        <v>0.12701594491966595</v>
      </c>
      <c r="F565" s="95">
        <v>2.3298223465562328E-2</v>
      </c>
      <c r="G565" s="211">
        <v>0.74254580845454754</v>
      </c>
      <c r="H565" s="95">
        <v>3.0453185897916936E-2</v>
      </c>
      <c r="I565" s="211">
        <v>1.0527787785536626E-2</v>
      </c>
      <c r="J565" s="95">
        <v>7.8464587618688967E-3</v>
      </c>
      <c r="K565" s="207">
        <v>827</v>
      </c>
      <c r="L565" s="211">
        <v>0.43473750293041369</v>
      </c>
      <c r="M565" s="95">
        <v>3.4395708940869969E-2</v>
      </c>
      <c r="N565" s="211">
        <v>0.18406222095981031</v>
      </c>
      <c r="O565" s="95">
        <v>2.6972548133938647E-2</v>
      </c>
      <c r="P565" s="211">
        <v>0.33111872535219999</v>
      </c>
      <c r="Q565" s="95">
        <v>3.2671137753359052E-2</v>
      </c>
      <c r="R565" s="211">
        <v>5.008155075757615E-2</v>
      </c>
      <c r="S565" s="95">
        <v>1.5438625177281945E-2</v>
      </c>
      <c r="T565" s="207">
        <v>826</v>
      </c>
      <c r="U565" s="211">
        <v>0.5364540325393502</v>
      </c>
      <c r="V565" s="95">
        <v>3.4619019863783636E-2</v>
      </c>
      <c r="W565" s="211">
        <v>0.12335138761341807</v>
      </c>
      <c r="X565" s="95">
        <v>2.2971946589078286E-2</v>
      </c>
      <c r="Y565" s="211">
        <v>0.19811097433409383</v>
      </c>
      <c r="Z565" s="95">
        <v>2.7745776037701925E-2</v>
      </c>
      <c r="AA565" s="211">
        <v>0.14208360551313787</v>
      </c>
      <c r="AB565" s="95">
        <v>2.4359517873112708E-2</v>
      </c>
      <c r="AC565" s="207">
        <v>827</v>
      </c>
      <c r="AD565" s="211">
        <v>0.47952391240706715</v>
      </c>
      <c r="AE565" s="95">
        <v>3.4660794403440838E-2</v>
      </c>
      <c r="AF565" s="211">
        <v>0.17027666960464202</v>
      </c>
      <c r="AG565" s="95">
        <v>2.6174148308588073E-2</v>
      </c>
      <c r="AH565" s="211">
        <v>0.22922127799298675</v>
      </c>
      <c r="AI565" s="95">
        <v>2.9220358200905058E-2</v>
      </c>
      <c r="AJ565" s="211">
        <v>0.12097813999530473</v>
      </c>
      <c r="AK565" s="95">
        <v>2.2770987324275335E-2</v>
      </c>
      <c r="AL565" s="207">
        <v>825</v>
      </c>
      <c r="AM565" s="211">
        <v>0.28937594474038308</v>
      </c>
      <c r="AN565" s="95">
        <v>3.1532209630127428E-2</v>
      </c>
      <c r="AO565" s="211">
        <v>0.15309725456461104</v>
      </c>
      <c r="AP565" s="95">
        <v>2.5123770900790533E-2</v>
      </c>
      <c r="AQ565" s="211">
        <v>0.29335659258213886</v>
      </c>
      <c r="AR565" s="95">
        <v>3.1657819573550752E-2</v>
      </c>
      <c r="AS565" s="211">
        <v>0.26417020811286784</v>
      </c>
      <c r="AT565" s="95">
        <v>3.0667658270415777E-2</v>
      </c>
    </row>
    <row r="566" spans="1:46">
      <c r="A566" s="55" t="s">
        <v>629</v>
      </c>
      <c r="B566" s="204">
        <v>217</v>
      </c>
      <c r="C566" s="210">
        <v>0.12960972888717046</v>
      </c>
      <c r="D566" s="92">
        <v>4.6161671586573361E-2</v>
      </c>
      <c r="E566" s="210">
        <v>0.1529050767915785</v>
      </c>
      <c r="F566" s="92">
        <v>4.9219561522517656E-2</v>
      </c>
      <c r="G566" s="210">
        <v>0.71478491586208903</v>
      </c>
      <c r="H566" s="92">
        <v>6.0990657857698367E-2</v>
      </c>
      <c r="I566" s="210">
        <v>2.700278459161265E-3</v>
      </c>
      <c r="J566" s="92">
        <v>1.4467476910545868E-2</v>
      </c>
      <c r="K566" s="204">
        <v>217</v>
      </c>
      <c r="L566" s="210">
        <v>0.39173918581477207</v>
      </c>
      <c r="M566" s="92">
        <v>6.5729463987887621E-2</v>
      </c>
      <c r="N566" s="210">
        <v>0.12765957563774877</v>
      </c>
      <c r="O566" s="92">
        <v>4.5887081507692065E-2</v>
      </c>
      <c r="P566" s="210">
        <v>0.43326409235133023</v>
      </c>
      <c r="Q566" s="92">
        <v>6.6687096565123505E-2</v>
      </c>
      <c r="R566" s="210">
        <v>4.7337146196149239E-2</v>
      </c>
      <c r="S566" s="92">
        <v>3.0810042050143826E-2</v>
      </c>
      <c r="T566" s="204">
        <v>218</v>
      </c>
      <c r="U566" s="210">
        <v>0.51883475108653121</v>
      </c>
      <c r="V566" s="92">
        <v>6.7069672082988141E-2</v>
      </c>
      <c r="W566" s="210">
        <v>0.12394929662118803</v>
      </c>
      <c r="X566" s="92">
        <v>4.5249252300797085E-2</v>
      </c>
      <c r="Y566" s="210">
        <v>0.20563475456195818</v>
      </c>
      <c r="Z566" s="92">
        <v>5.4762966052984481E-2</v>
      </c>
      <c r="AA566" s="210">
        <v>0.15158119773032264</v>
      </c>
      <c r="AB566" s="92">
        <v>4.8941875010627044E-2</v>
      </c>
      <c r="AC566" s="204">
        <v>217</v>
      </c>
      <c r="AD566" s="210">
        <v>0.39179309574394849</v>
      </c>
      <c r="AE566" s="92">
        <v>6.5731013051794712E-2</v>
      </c>
      <c r="AF566" s="210">
        <v>0.21870647521844411</v>
      </c>
      <c r="AG566" s="92">
        <v>5.6072403585809664E-2</v>
      </c>
      <c r="AH566" s="210">
        <v>0.2503985060592494</v>
      </c>
      <c r="AI566" s="92">
        <v>5.8632056348909535E-2</v>
      </c>
      <c r="AJ566" s="210">
        <v>0.13910192297835805</v>
      </c>
      <c r="AK566" s="92">
        <v>4.7455575526593595E-2</v>
      </c>
      <c r="AL566" s="204">
        <v>218</v>
      </c>
      <c r="AM566" s="210">
        <v>0.21054721765517304</v>
      </c>
      <c r="AN566" s="92">
        <v>5.521605244391075E-2</v>
      </c>
      <c r="AO566" s="210">
        <v>0.20245893283069222</v>
      </c>
      <c r="AP566" s="92">
        <v>5.4463950713386874E-2</v>
      </c>
      <c r="AQ566" s="210">
        <v>0.30123476259940946</v>
      </c>
      <c r="AR566" s="92">
        <v>6.1790586807014179E-2</v>
      </c>
      <c r="AS566" s="210">
        <v>0.2857590869147254</v>
      </c>
      <c r="AT566" s="92">
        <v>6.0885352925026191E-2</v>
      </c>
    </row>
    <row r="567" spans="1:46">
      <c r="A567" s="47" t="s">
        <v>630</v>
      </c>
      <c r="B567" s="207">
        <v>384</v>
      </c>
      <c r="C567" s="211">
        <v>0.15478363364705205</v>
      </c>
      <c r="D567" s="95">
        <v>3.7066420917740407E-2</v>
      </c>
      <c r="E567" s="211">
        <v>0.12479733613161675</v>
      </c>
      <c r="F567" s="95">
        <v>3.3996758249169624E-2</v>
      </c>
      <c r="G567" s="211">
        <v>0.71540871569637465</v>
      </c>
      <c r="H567" s="95">
        <v>4.5921366402330882E-2</v>
      </c>
      <c r="I567" s="211">
        <v>5.0103145249578403E-3</v>
      </c>
      <c r="J567" s="95">
        <v>1.0159055742193531E-2</v>
      </c>
      <c r="K567" s="207">
        <v>388</v>
      </c>
      <c r="L567" s="211">
        <v>0.47297830617048114</v>
      </c>
      <c r="M567" s="95">
        <v>5.043531455349675E-2</v>
      </c>
      <c r="N567" s="211">
        <v>0.16558113749367576</v>
      </c>
      <c r="O567" s="95">
        <v>3.7855087076275461E-2</v>
      </c>
      <c r="P567" s="211">
        <v>0.31263059425639567</v>
      </c>
      <c r="Q567" s="95">
        <v>4.6904758656870597E-2</v>
      </c>
      <c r="R567" s="211">
        <v>4.880996207944964E-2</v>
      </c>
      <c r="S567" s="95">
        <v>2.2714037027396654E-2</v>
      </c>
      <c r="T567" s="207">
        <v>387</v>
      </c>
      <c r="U567" s="211">
        <v>0.57229583772354176</v>
      </c>
      <c r="V567" s="95">
        <v>5.0051605568313048E-2</v>
      </c>
      <c r="W567" s="211">
        <v>0.11673457707351297</v>
      </c>
      <c r="X567" s="95">
        <v>3.2945388139609136E-2</v>
      </c>
      <c r="Y567" s="211">
        <v>0.1785173517212599</v>
      </c>
      <c r="Z567" s="95">
        <v>3.9009827715346147E-2</v>
      </c>
      <c r="AA567" s="211">
        <v>0.13245223348168683</v>
      </c>
      <c r="AB567" s="95">
        <v>3.4693914608916868E-2</v>
      </c>
      <c r="AC567" s="207">
        <v>389</v>
      </c>
      <c r="AD567" s="211">
        <v>0.46681723897735417</v>
      </c>
      <c r="AE567" s="95">
        <v>5.033437349220924E-2</v>
      </c>
      <c r="AF567" s="211">
        <v>0.17787318668436763</v>
      </c>
      <c r="AG567" s="95">
        <v>3.8855882370186952E-2</v>
      </c>
      <c r="AH567" s="211">
        <v>0.22708207617759019</v>
      </c>
      <c r="AI567" s="95">
        <v>4.2447310060596918E-2</v>
      </c>
      <c r="AJ567" s="211">
        <v>0.12822749816068985</v>
      </c>
      <c r="AK567" s="95">
        <v>3.4150456105218378E-2</v>
      </c>
      <c r="AL567" s="207">
        <v>387</v>
      </c>
      <c r="AM567" s="211">
        <v>0.30401712047567403</v>
      </c>
      <c r="AN567" s="95">
        <v>4.6611257210938804E-2</v>
      </c>
      <c r="AO567" s="211">
        <v>0.12715648248489486</v>
      </c>
      <c r="AP567" s="95">
        <v>3.4122901699974298E-2</v>
      </c>
      <c r="AQ567" s="211">
        <v>0.2798308660995224</v>
      </c>
      <c r="AR567" s="95">
        <v>4.5516336839617741E-2</v>
      </c>
      <c r="AS567" s="211">
        <v>0.28899553093991143</v>
      </c>
      <c r="AT567" s="95">
        <v>4.594931140449128E-2</v>
      </c>
    </row>
    <row r="568" spans="1:46">
      <c r="A568" s="55" t="s">
        <v>631</v>
      </c>
      <c r="B568" s="204">
        <v>56</v>
      </c>
      <c r="C568" s="210">
        <v>0.18479744215660415</v>
      </c>
      <c r="D568" s="92">
        <v>0.10438799436529543</v>
      </c>
      <c r="E568" s="210">
        <v>0.12283877186181781</v>
      </c>
      <c r="F568" s="92">
        <v>9.1682033404349592E-2</v>
      </c>
      <c r="G568" s="210">
        <v>0.67010129082706105</v>
      </c>
      <c r="H568" s="92">
        <v>0.12241864777866901</v>
      </c>
      <c r="I568" s="210">
        <v>2.226249515451733E-2</v>
      </c>
      <c r="J568" s="92">
        <v>5.8414376178132943E-2</v>
      </c>
      <c r="K568" s="204">
        <v>56</v>
      </c>
      <c r="L568" s="210">
        <v>0.42749258772109466</v>
      </c>
      <c r="M568" s="92">
        <v>0.12791150219876693</v>
      </c>
      <c r="N568" s="210">
        <v>0.12912072704622238</v>
      </c>
      <c r="O568" s="92">
        <v>9.3158437273730924E-2</v>
      </c>
      <c r="P568" s="210">
        <v>0.36890917351066299</v>
      </c>
      <c r="Q568" s="92">
        <v>0.12517457825119124</v>
      </c>
      <c r="R568" s="210">
        <v>7.4477511722020273E-2</v>
      </c>
      <c r="S568" s="92">
        <v>7.8429775045251324E-2</v>
      </c>
      <c r="T568" s="204">
        <v>56</v>
      </c>
      <c r="U568" s="210">
        <v>0.54836695566538129</v>
      </c>
      <c r="V568" s="92">
        <v>0.12857219902196351</v>
      </c>
      <c r="W568" s="210">
        <v>5.8773861918744494E-2</v>
      </c>
      <c r="X568" s="92">
        <v>7.321732447180955E-2</v>
      </c>
      <c r="Y568" s="210">
        <v>0.14190270556513809</v>
      </c>
      <c r="Z568" s="92">
        <v>9.6018825673908015E-2</v>
      </c>
      <c r="AA568" s="210">
        <v>0.25095647685073635</v>
      </c>
      <c r="AB568" s="92">
        <v>0.11430116868093866</v>
      </c>
      <c r="AC568" s="204">
        <v>56</v>
      </c>
      <c r="AD568" s="210">
        <v>0.43301755231454558</v>
      </c>
      <c r="AE568" s="92">
        <v>0.12808633307682787</v>
      </c>
      <c r="AF568" s="210">
        <v>0.15222951253729952</v>
      </c>
      <c r="AG568" s="92">
        <v>9.8198460963713027E-2</v>
      </c>
      <c r="AH568" s="210">
        <v>0.17194292664296396</v>
      </c>
      <c r="AI568" s="92">
        <v>0.10206199582548811</v>
      </c>
      <c r="AJ568" s="210">
        <v>0.2428100085051913</v>
      </c>
      <c r="AK568" s="92">
        <v>0.11324865911642522</v>
      </c>
      <c r="AL568" s="204">
        <v>56</v>
      </c>
      <c r="AM568" s="210">
        <v>0.27909686869908684</v>
      </c>
      <c r="AN568" s="92">
        <v>0.11761274066782429</v>
      </c>
      <c r="AO568" s="210">
        <v>0.10497036517081342</v>
      </c>
      <c r="AP568" s="92">
        <v>8.7202635316816185E-2</v>
      </c>
      <c r="AQ568" s="210">
        <v>0.24217835757423956</v>
      </c>
      <c r="AR568" s="92">
        <v>0.11316521928262971</v>
      </c>
      <c r="AS568" s="210">
        <v>0.37375440855586051</v>
      </c>
      <c r="AT568" s="92">
        <v>0.12546348080217837</v>
      </c>
    </row>
    <row r="569" spans="1:46">
      <c r="A569" s="47" t="s">
        <v>632</v>
      </c>
      <c r="B569" s="207">
        <v>328</v>
      </c>
      <c r="C569" s="211">
        <v>0.14606713432713073</v>
      </c>
      <c r="D569" s="95">
        <v>3.922930122440136E-2</v>
      </c>
      <c r="E569" s="211">
        <v>0.12536613512692876</v>
      </c>
      <c r="F569" s="95">
        <v>3.6899576303059588E-2</v>
      </c>
      <c r="G569" s="211">
        <v>0.72856673054594123</v>
      </c>
      <c r="H569" s="95">
        <v>4.8966244537168073E-2</v>
      </c>
      <c r="I569" s="211">
        <v>0</v>
      </c>
      <c r="J569" s="95">
        <v>8.4936593276665057E-3</v>
      </c>
      <c r="K569" s="207">
        <v>332</v>
      </c>
      <c r="L569" s="211">
        <v>0.48604408197128035</v>
      </c>
      <c r="M569" s="95">
        <v>5.4533720681380328E-2</v>
      </c>
      <c r="N569" s="211">
        <v>0.17605439294069306</v>
      </c>
      <c r="O569" s="95">
        <v>4.1910187497067833E-2</v>
      </c>
      <c r="P569" s="211">
        <v>0.29646456843574187</v>
      </c>
      <c r="Q569" s="95">
        <v>4.9946853457066662E-2</v>
      </c>
      <c r="R569" s="211">
        <v>4.1436956652287221E-2</v>
      </c>
      <c r="S569" s="95">
        <v>2.306739656676119E-2</v>
      </c>
      <c r="T569" s="207">
        <v>331</v>
      </c>
      <c r="U569" s="211">
        <v>0.57916699598822052</v>
      </c>
      <c r="V569" s="95">
        <v>5.3963101021364646E-2</v>
      </c>
      <c r="W569" s="211">
        <v>0.13337794745723486</v>
      </c>
      <c r="X569" s="95">
        <v>3.7659739737259293E-2</v>
      </c>
      <c r="Y569" s="211">
        <v>0.1890312164280365</v>
      </c>
      <c r="Z569" s="95">
        <v>4.310264325380362E-2</v>
      </c>
      <c r="AA569" s="211">
        <v>9.8423840126509857E-2</v>
      </c>
      <c r="AB569" s="95">
        <v>3.324529600905423E-2</v>
      </c>
      <c r="AC569" s="207">
        <v>333</v>
      </c>
      <c r="AD569" s="211">
        <v>0.47651444052994785</v>
      </c>
      <c r="AE569" s="95">
        <v>5.4414765459341603E-2</v>
      </c>
      <c r="AF569" s="211">
        <v>0.18523041100522986</v>
      </c>
      <c r="AG569" s="95">
        <v>4.2650771779153065E-2</v>
      </c>
      <c r="AH569" s="211">
        <v>0.24290161473751964</v>
      </c>
      <c r="AI569" s="95">
        <v>4.6918103715880913E-2</v>
      </c>
      <c r="AJ569" s="211">
        <v>9.5353533727304957E-2</v>
      </c>
      <c r="AK569" s="95">
        <v>3.2706797963965695E-2</v>
      </c>
      <c r="AL569" s="207">
        <v>331</v>
      </c>
      <c r="AM569" s="211">
        <v>0.3111928764655465</v>
      </c>
      <c r="AN569" s="95">
        <v>5.0690525635669344E-2</v>
      </c>
      <c r="AO569" s="211">
        <v>0.13354494780361642</v>
      </c>
      <c r="AP569" s="95">
        <v>3.7678682009221288E-2</v>
      </c>
      <c r="AQ569" s="211">
        <v>0.29067285983242147</v>
      </c>
      <c r="AR569" s="95">
        <v>4.9742296810375876E-2</v>
      </c>
      <c r="AS569" s="211">
        <v>0.26458931589841855</v>
      </c>
      <c r="AT569" s="95">
        <v>4.8363959477216625E-2</v>
      </c>
    </row>
    <row r="570" spans="1:46">
      <c r="A570" s="55" t="s">
        <v>633</v>
      </c>
      <c r="B570" s="204">
        <v>659</v>
      </c>
      <c r="C570" s="210">
        <v>7.8547174091793931E-2</v>
      </c>
      <c r="D570" s="92">
        <v>2.1202792714626467E-2</v>
      </c>
      <c r="E570" s="210">
        <v>0.17426004400171713</v>
      </c>
      <c r="F570" s="92">
        <v>2.9594538941350668E-2</v>
      </c>
      <c r="G570" s="210">
        <v>0.72319410934635997</v>
      </c>
      <c r="H570" s="92">
        <v>3.4804662370267567E-2</v>
      </c>
      <c r="I570" s="210">
        <v>2.3998672560128897E-2</v>
      </c>
      <c r="J570" s="92">
        <v>1.2560190646689418E-2</v>
      </c>
      <c r="K570" s="204">
        <v>654</v>
      </c>
      <c r="L570" s="210">
        <v>0.34544732204087786</v>
      </c>
      <c r="M570" s="92">
        <v>3.7098652738622548E-2</v>
      </c>
      <c r="N570" s="210">
        <v>0.21027908387623623</v>
      </c>
      <c r="O570" s="92">
        <v>3.186972095387193E-2</v>
      </c>
      <c r="P570" s="210">
        <v>0.36257545651174211</v>
      </c>
      <c r="Q570" s="92">
        <v>3.7501238718844199E-2</v>
      </c>
      <c r="R570" s="210">
        <v>8.1698137571141041E-2</v>
      </c>
      <c r="S570" s="92">
        <v>2.1655559937758743E-2</v>
      </c>
      <c r="T570" s="204">
        <v>660</v>
      </c>
      <c r="U570" s="210">
        <v>0.50624195645834436</v>
      </c>
      <c r="V570" s="92">
        <v>3.8804538455501296E-2</v>
      </c>
      <c r="W570" s="210">
        <v>0.11993984656659341</v>
      </c>
      <c r="X570" s="92">
        <v>2.5422851374921368E-2</v>
      </c>
      <c r="Y570" s="210">
        <v>0.1944343909273962</v>
      </c>
      <c r="Z570" s="92">
        <v>3.0827074436475855E-2</v>
      </c>
      <c r="AA570" s="210">
        <v>0.17938380604766443</v>
      </c>
      <c r="AB570" s="92">
        <v>2.9903460801317484E-2</v>
      </c>
      <c r="AC570" s="204">
        <v>657</v>
      </c>
      <c r="AD570" s="210">
        <v>0.39569161257396152</v>
      </c>
      <c r="AE570" s="92">
        <v>3.805013366647951E-2</v>
      </c>
      <c r="AF570" s="210">
        <v>0.17436531235582295</v>
      </c>
      <c r="AG570" s="92">
        <v>2.9646585075396997E-2</v>
      </c>
      <c r="AH570" s="210">
        <v>0.27046288903546911</v>
      </c>
      <c r="AI570" s="92">
        <v>3.4610296657337204E-2</v>
      </c>
      <c r="AJ570" s="210">
        <v>0.15948018603474393</v>
      </c>
      <c r="AK570" s="92">
        <v>2.8629342213951622E-2</v>
      </c>
      <c r="AL570" s="204">
        <v>657</v>
      </c>
      <c r="AM570" s="210">
        <v>0.20279893032789173</v>
      </c>
      <c r="AN570" s="92">
        <v>3.1381438191769931E-2</v>
      </c>
      <c r="AO570" s="210">
        <v>0.15384181863778659</v>
      </c>
      <c r="AP570" s="92">
        <v>2.8222195779655828E-2</v>
      </c>
      <c r="AQ570" s="210">
        <v>0.31920003904528554</v>
      </c>
      <c r="AR570" s="92">
        <v>3.6296459894913306E-2</v>
      </c>
      <c r="AS570" s="210">
        <v>0.32415921198903352</v>
      </c>
      <c r="AT570" s="92">
        <v>3.644182611771437E-2</v>
      </c>
    </row>
    <row r="571" spans="1:46">
      <c r="A571" s="47" t="s">
        <v>634</v>
      </c>
      <c r="B571" s="207">
        <v>608</v>
      </c>
      <c r="C571" s="211">
        <v>0.11308985828708348</v>
      </c>
      <c r="D571" s="95">
        <v>2.5851638415803433E-2</v>
      </c>
      <c r="E571" s="211">
        <v>0.15755382894042158</v>
      </c>
      <c r="F571" s="95">
        <v>2.962274159663815E-2</v>
      </c>
      <c r="G571" s="211">
        <v>0.72145485463157288</v>
      </c>
      <c r="H571" s="95">
        <v>3.6299113903824246E-2</v>
      </c>
      <c r="I571" s="211">
        <v>7.90145814092281E-3</v>
      </c>
      <c r="J571" s="95">
        <v>8.4768748323186035E-3</v>
      </c>
      <c r="K571" s="207">
        <v>609</v>
      </c>
      <c r="L571" s="211">
        <v>0.39745619825242701</v>
      </c>
      <c r="M571" s="95">
        <v>3.9542370012286616E-2</v>
      </c>
      <c r="N571" s="211">
        <v>0.19714797390343058</v>
      </c>
      <c r="O571" s="95">
        <v>3.2258512775170209E-2</v>
      </c>
      <c r="P571" s="211">
        <v>0.35891278959128614</v>
      </c>
      <c r="Q571" s="95">
        <v>3.8770107634590788E-2</v>
      </c>
      <c r="R571" s="211">
        <v>4.6483038252857094E-2</v>
      </c>
      <c r="S571" s="95">
        <v>1.7512115284849649E-2</v>
      </c>
      <c r="T571" s="207">
        <v>606</v>
      </c>
      <c r="U571" s="211">
        <v>0.53966423975285394</v>
      </c>
      <c r="V571" s="95">
        <v>4.0362887778560862E-2</v>
      </c>
      <c r="W571" s="211">
        <v>0.10999277793438904</v>
      </c>
      <c r="X571" s="95">
        <v>2.5592346998284509E-2</v>
      </c>
      <c r="Y571" s="211">
        <v>0.19731426254424522</v>
      </c>
      <c r="Z571" s="95">
        <v>3.2348406700807637E-2</v>
      </c>
      <c r="AA571" s="211">
        <v>0.15302871976851212</v>
      </c>
      <c r="AB571" s="95">
        <v>2.9329627733092847E-2</v>
      </c>
      <c r="AC571" s="207">
        <v>607</v>
      </c>
      <c r="AD571" s="211">
        <v>0.45720153416956605</v>
      </c>
      <c r="AE571" s="95">
        <v>4.0309132461601289E-2</v>
      </c>
      <c r="AF571" s="211">
        <v>0.17832663100576729</v>
      </c>
      <c r="AG571" s="95">
        <v>3.1114236568715835E-2</v>
      </c>
      <c r="AH571" s="211">
        <v>0.23789793963253433</v>
      </c>
      <c r="AI571" s="95">
        <v>3.4536826978842902E-2</v>
      </c>
      <c r="AJ571" s="211">
        <v>0.12657389519213286</v>
      </c>
      <c r="AK571" s="95">
        <v>2.7123140233762767E-2</v>
      </c>
      <c r="AL571" s="207">
        <v>608</v>
      </c>
      <c r="AM571" s="211">
        <v>0.25249576117382494</v>
      </c>
      <c r="AN571" s="95">
        <v>3.5196906208132747E-2</v>
      </c>
      <c r="AO571" s="211">
        <v>0.1593716344280616</v>
      </c>
      <c r="AP571" s="95">
        <v>2.9757633366870512E-2</v>
      </c>
      <c r="AQ571" s="211">
        <v>0.31957687301708981</v>
      </c>
      <c r="AR571" s="95">
        <v>3.7735892277065676E-2</v>
      </c>
      <c r="AS571" s="211">
        <v>0.26855573138102434</v>
      </c>
      <c r="AT571" s="95">
        <v>3.5894860744610034E-2</v>
      </c>
    </row>
    <row r="572" spans="1:46">
      <c r="A572" s="55" t="s">
        <v>635</v>
      </c>
      <c r="B572" s="204">
        <v>228</v>
      </c>
      <c r="C572" s="210">
        <v>0.14406224447783855</v>
      </c>
      <c r="D572" s="92">
        <v>4.6911386014122737E-2</v>
      </c>
      <c r="E572" s="210">
        <v>0.18942062174585123</v>
      </c>
      <c r="F572" s="92">
        <v>5.2000989235565218E-2</v>
      </c>
      <c r="G572" s="210">
        <v>0.65819422894301138</v>
      </c>
      <c r="H572" s="92">
        <v>6.2398896439482321E-2</v>
      </c>
      <c r="I572" s="210">
        <v>8.3229048332979574E-3</v>
      </c>
      <c r="J572" s="92">
        <v>1.6875739012846263E-2</v>
      </c>
      <c r="K572" s="204">
        <v>229</v>
      </c>
      <c r="L572" s="210">
        <v>0.45061458135882704</v>
      </c>
      <c r="M572" s="92">
        <v>6.5202767438774525E-2</v>
      </c>
      <c r="N572" s="210">
        <v>0.18925592034301869</v>
      </c>
      <c r="O572" s="92">
        <v>5.1870602918760431E-2</v>
      </c>
      <c r="P572" s="210">
        <v>0.33189270474712301</v>
      </c>
      <c r="Q572" s="92">
        <v>6.18321014849035E-2</v>
      </c>
      <c r="R572" s="210">
        <v>2.8236793551031023E-2</v>
      </c>
      <c r="S572" s="92">
        <v>2.4517821229897853E-2</v>
      </c>
      <c r="T572" s="204">
        <v>225</v>
      </c>
      <c r="U572" s="210">
        <v>0.60451874293940411</v>
      </c>
      <c r="V572" s="92">
        <v>6.467306150973115E-2</v>
      </c>
      <c r="W572" s="210">
        <v>0.11154728546025837</v>
      </c>
      <c r="X572" s="92">
        <v>4.2689067464974757E-2</v>
      </c>
      <c r="Y572" s="210">
        <v>0.1801978668075033</v>
      </c>
      <c r="Z572" s="92">
        <v>5.1402727320136864E-2</v>
      </c>
      <c r="AA572" s="210">
        <v>0.10373610479283371</v>
      </c>
      <c r="AB572" s="92">
        <v>4.1460795051543299E-2</v>
      </c>
      <c r="AC572" s="204">
        <v>228</v>
      </c>
      <c r="AD572" s="210">
        <v>0.48775171463745898</v>
      </c>
      <c r="AE572" s="92">
        <v>6.5634188424765927E-2</v>
      </c>
      <c r="AF572" s="210">
        <v>0.177220844756555</v>
      </c>
      <c r="AG572" s="92">
        <v>5.074875229603542E-2</v>
      </c>
      <c r="AH572" s="210">
        <v>0.24100679243797277</v>
      </c>
      <c r="AI572" s="92">
        <v>5.650993126693539E-2</v>
      </c>
      <c r="AJ572" s="210">
        <v>9.4020648168013074E-2</v>
      </c>
      <c r="AK572" s="92">
        <v>3.9569927787440937E-2</v>
      </c>
      <c r="AL572" s="204">
        <v>228</v>
      </c>
      <c r="AM572" s="210">
        <v>0.30989691297955885</v>
      </c>
      <c r="AN572" s="92">
        <v>6.0897915163502916E-2</v>
      </c>
      <c r="AO572" s="210">
        <v>0.15074336083986994</v>
      </c>
      <c r="AP572" s="92">
        <v>4.7740273125898534E-2</v>
      </c>
      <c r="AQ572" s="210">
        <v>0.31323222206467177</v>
      </c>
      <c r="AR572" s="92">
        <v>6.1069528273158771E-2</v>
      </c>
      <c r="AS572" s="210">
        <v>0.22612750411589957</v>
      </c>
      <c r="AT572" s="92">
        <v>5.5329417573521882E-2</v>
      </c>
    </row>
    <row r="573" spans="1:46">
      <c r="A573" s="47" t="s">
        <v>636</v>
      </c>
      <c r="B573" s="207">
        <v>380</v>
      </c>
      <c r="C573" s="211">
        <v>8.6476384161659661E-2</v>
      </c>
      <c r="D573" s="95">
        <v>2.9322595341238208E-2</v>
      </c>
      <c r="E573" s="211">
        <v>0.13017182289915985</v>
      </c>
      <c r="F573" s="95">
        <v>3.4770334821713697E-2</v>
      </c>
      <c r="G573" s="211">
        <v>0.77581246900947787</v>
      </c>
      <c r="H573" s="95">
        <v>4.2757074423016753E-2</v>
      </c>
      <c r="I573" s="211">
        <v>7.539323929703419E-3</v>
      </c>
      <c r="J573" s="95">
        <v>1.1414818571676923E-2</v>
      </c>
      <c r="K573" s="207">
        <v>380</v>
      </c>
      <c r="L573" s="211">
        <v>0.35145331824569737</v>
      </c>
      <c r="M573" s="95">
        <v>4.8775762399714408E-2</v>
      </c>
      <c r="N573" s="211">
        <v>0.20397769993591022</v>
      </c>
      <c r="O573" s="95">
        <v>4.1355533923529052E-2</v>
      </c>
      <c r="P573" s="211">
        <v>0.38229577545768756</v>
      </c>
      <c r="Q573" s="95">
        <v>4.9627030097579482E-2</v>
      </c>
      <c r="R573" s="211">
        <v>6.2273206360706802E-2</v>
      </c>
      <c r="S573" s="95">
        <v>2.5488197682068843E-2</v>
      </c>
      <c r="T573" s="207">
        <v>381</v>
      </c>
      <c r="U573" s="211">
        <v>0.48469899892299523</v>
      </c>
      <c r="V573" s="95">
        <v>5.0941343293081025E-2</v>
      </c>
      <c r="W573" s="211">
        <v>0.10867530765348256</v>
      </c>
      <c r="X573" s="95">
        <v>3.2237830714881933E-2</v>
      </c>
      <c r="Y573" s="211">
        <v>0.21182068488323125</v>
      </c>
      <c r="Z573" s="95">
        <v>4.1861785744778168E-2</v>
      </c>
      <c r="AA573" s="211">
        <v>0.19480500854029309</v>
      </c>
      <c r="AB573" s="95">
        <v>4.0616217378604803E-2</v>
      </c>
      <c r="AC573" s="207">
        <v>379</v>
      </c>
      <c r="AD573" s="211">
        <v>0.43082674183127856</v>
      </c>
      <c r="AE573" s="95">
        <v>5.0616510888455118E-2</v>
      </c>
      <c r="AF573" s="211">
        <v>0.17928128601096957</v>
      </c>
      <c r="AG573" s="95">
        <v>3.9484512496484173E-2</v>
      </c>
      <c r="AH573" s="211">
        <v>0.23521398340386618</v>
      </c>
      <c r="AI573" s="95">
        <v>4.3519473246738535E-2</v>
      </c>
      <c r="AJ573" s="211">
        <v>0.1546779887538878</v>
      </c>
      <c r="AK573" s="95">
        <v>3.7302028417319895E-2</v>
      </c>
      <c r="AL573" s="207">
        <v>380</v>
      </c>
      <c r="AM573" s="211">
        <v>0.20304243418238291</v>
      </c>
      <c r="AN573" s="95">
        <v>4.128707903760824E-2</v>
      </c>
      <c r="AO573" s="211">
        <v>0.1668052280356003</v>
      </c>
      <c r="AP573" s="95">
        <v>3.8362591422305664E-2</v>
      </c>
      <c r="AQ573" s="211">
        <v>0.32504303681914076</v>
      </c>
      <c r="AR573" s="95">
        <v>4.7874015079660444E-2</v>
      </c>
      <c r="AS573" s="211">
        <v>0.3051093009628783</v>
      </c>
      <c r="AT573" s="95">
        <v>4.7082019939818823E-2</v>
      </c>
    </row>
    <row r="575" spans="1:46" ht="18.75">
      <c r="A575" s="343" t="s">
        <v>16</v>
      </c>
      <c r="B575" s="343"/>
      <c r="C575" s="343"/>
      <c r="D575" s="343"/>
    </row>
    <row r="576" spans="1:46" ht="94.5" customHeight="1">
      <c r="A576" s="418" t="s">
        <v>431</v>
      </c>
      <c r="B576" s="418"/>
      <c r="C576" s="418"/>
      <c r="D576" s="418"/>
    </row>
    <row r="577" spans="1:4" ht="38.25" customHeight="1">
      <c r="A577" s="401" t="s">
        <v>146</v>
      </c>
      <c r="B577" s="401"/>
      <c r="C577" s="401"/>
      <c r="D577" s="401"/>
    </row>
    <row r="578" spans="1:4" ht="40.5" customHeight="1">
      <c r="A578" s="35" t="s">
        <v>70</v>
      </c>
      <c r="B578" s="36" t="s">
        <v>71</v>
      </c>
      <c r="C578" s="37" t="s">
        <v>551</v>
      </c>
      <c r="D578" s="38" t="s">
        <v>72</v>
      </c>
    </row>
    <row r="579" spans="1:4" ht="72">
      <c r="A579" s="39"/>
      <c r="B579" s="40" t="s">
        <v>73</v>
      </c>
      <c r="C579" s="126" t="s">
        <v>147</v>
      </c>
      <c r="D579" s="42" t="s">
        <v>75</v>
      </c>
    </row>
    <row r="580" spans="1:4">
      <c r="A580" s="43" t="s">
        <v>348</v>
      </c>
      <c r="B580" s="212">
        <v>13959</v>
      </c>
      <c r="C580" s="82">
        <v>5.6012533169521053</v>
      </c>
      <c r="D580" s="83">
        <v>1.9371258520782125E-2</v>
      </c>
    </row>
    <row r="581" spans="1:4">
      <c r="A581" s="47" t="s">
        <v>349</v>
      </c>
      <c r="B581" s="47">
        <v>10157</v>
      </c>
      <c r="C581" s="214">
        <v>5.7669028938476252</v>
      </c>
      <c r="D581" s="215">
        <v>2.1718988611070283E-2</v>
      </c>
    </row>
    <row r="582" spans="1:4">
      <c r="A582" s="43" t="s">
        <v>350</v>
      </c>
      <c r="B582" s="51">
        <v>3802</v>
      </c>
      <c r="C582" s="82">
        <v>5.4704374696305491</v>
      </c>
      <c r="D582" s="83">
        <v>4.0200710211838943E-2</v>
      </c>
    </row>
    <row r="583" spans="1:4">
      <c r="A583" s="47" t="s">
        <v>568</v>
      </c>
      <c r="B583" s="47">
        <v>11604</v>
      </c>
      <c r="C583" s="214">
        <v>5.6008243711740953</v>
      </c>
      <c r="D583" s="215">
        <v>2.1413226044432031E-2</v>
      </c>
    </row>
    <row r="584" spans="1:4">
      <c r="A584" s="43" t="s">
        <v>569</v>
      </c>
      <c r="B584" s="51">
        <v>2355</v>
      </c>
      <c r="C584" s="82">
        <v>5.6562829801557655</v>
      </c>
      <c r="D584" s="83">
        <v>4.5299861444197558E-2</v>
      </c>
    </row>
    <row r="585" spans="1:4">
      <c r="A585" s="47" t="s">
        <v>570</v>
      </c>
      <c r="B585" s="47">
        <v>607</v>
      </c>
      <c r="C585" s="214">
        <v>5.6455619871727745</v>
      </c>
      <c r="D585" s="215">
        <v>8.9409652392917691E-2</v>
      </c>
    </row>
    <row r="586" spans="1:4">
      <c r="A586" s="43" t="s">
        <v>571</v>
      </c>
      <c r="B586" s="51">
        <v>1261</v>
      </c>
      <c r="C586" s="82">
        <v>5.7426821829670383</v>
      </c>
      <c r="D586" s="83">
        <v>5.9323795655080287E-2</v>
      </c>
    </row>
    <row r="587" spans="1:4">
      <c r="A587" s="47" t="s">
        <v>582</v>
      </c>
      <c r="B587" s="47">
        <v>857</v>
      </c>
      <c r="C587" s="214">
        <v>5.6083130848771345</v>
      </c>
      <c r="D587" s="215">
        <v>7.7774662671870151E-2</v>
      </c>
    </row>
    <row r="588" spans="1:4">
      <c r="A588" s="43" t="s">
        <v>583</v>
      </c>
      <c r="B588" s="51">
        <v>1498</v>
      </c>
      <c r="C588" s="82">
        <v>5.6754942675029554</v>
      </c>
      <c r="D588" s="83">
        <v>5.562065167328778E-2</v>
      </c>
    </row>
    <row r="589" spans="1:4">
      <c r="A589" s="47" t="s">
        <v>572</v>
      </c>
      <c r="B589" s="47">
        <v>292</v>
      </c>
      <c r="C589" s="214">
        <v>5.3942483063637106</v>
      </c>
      <c r="D589" s="215">
        <v>0.14776946549112693</v>
      </c>
    </row>
    <row r="590" spans="1:4">
      <c r="A590" s="43" t="s">
        <v>573</v>
      </c>
      <c r="B590" s="212">
        <v>447</v>
      </c>
      <c r="C590" s="82">
        <v>5.6581535713907947</v>
      </c>
      <c r="D590" s="83">
        <v>9.9696245603420844E-2</v>
      </c>
    </row>
    <row r="591" spans="1:4">
      <c r="A591" s="47" t="s">
        <v>574</v>
      </c>
      <c r="B591" s="213">
        <v>674</v>
      </c>
      <c r="C591" s="214">
        <v>5.6170568823294502</v>
      </c>
      <c r="D591" s="215">
        <v>8.2835901061571002E-2</v>
      </c>
    </row>
    <row r="592" spans="1:4">
      <c r="A592" s="43" t="s">
        <v>575</v>
      </c>
      <c r="B592" s="81">
        <v>919</v>
      </c>
      <c r="C592" s="82">
        <v>5.8731841625519516</v>
      </c>
      <c r="D592" s="83">
        <v>7.0483361289570584E-2</v>
      </c>
    </row>
    <row r="593" spans="1:4">
      <c r="A593" s="47" t="s">
        <v>576</v>
      </c>
      <c r="B593" s="213">
        <v>747</v>
      </c>
      <c r="C593" s="214">
        <v>5.5918451282662334</v>
      </c>
      <c r="D593" s="215">
        <v>8.8269679533514278E-2</v>
      </c>
    </row>
    <row r="594" spans="1:4">
      <c r="A594" s="55" t="s">
        <v>577</v>
      </c>
      <c r="B594" s="212">
        <v>762</v>
      </c>
      <c r="C594" s="82">
        <v>5.7148373110535831</v>
      </c>
      <c r="D594" s="83">
        <v>7.3216178799765788E-2</v>
      </c>
    </row>
    <row r="595" spans="1:4">
      <c r="A595" s="47" t="s">
        <v>578</v>
      </c>
      <c r="B595" s="213">
        <v>257</v>
      </c>
      <c r="C595" s="214">
        <v>5.5626712552431181</v>
      </c>
      <c r="D595" s="215">
        <v>0.13517762133002162</v>
      </c>
    </row>
    <row r="596" spans="1:4">
      <c r="A596" s="55" t="s">
        <v>579</v>
      </c>
      <c r="B596" s="212">
        <v>220</v>
      </c>
      <c r="C596" s="82">
        <v>5.7500272454361694</v>
      </c>
      <c r="D596" s="83">
        <v>0.14922461630938605</v>
      </c>
    </row>
    <row r="597" spans="1:4">
      <c r="A597" s="47" t="s">
        <v>580</v>
      </c>
      <c r="B597" s="213">
        <v>219</v>
      </c>
      <c r="C597" s="214">
        <v>5.734205460650422</v>
      </c>
      <c r="D597" s="215">
        <v>0.14094208689621862</v>
      </c>
    </row>
    <row r="598" spans="1:4">
      <c r="A598" s="55" t="s">
        <v>581</v>
      </c>
      <c r="B598" s="212">
        <v>122</v>
      </c>
      <c r="C598" s="82">
        <v>5.931606296402105</v>
      </c>
      <c r="D598" s="83">
        <v>0.18798425978256963</v>
      </c>
    </row>
    <row r="599" spans="1:4">
      <c r="A599" s="47" t="s">
        <v>584</v>
      </c>
      <c r="B599" s="213">
        <v>115</v>
      </c>
      <c r="C599" s="214">
        <v>5.4807863057783734</v>
      </c>
      <c r="D599" s="215">
        <v>0.23852206241496426</v>
      </c>
    </row>
    <row r="600" spans="1:4">
      <c r="A600" s="55" t="s">
        <v>585</v>
      </c>
      <c r="B600" s="212">
        <v>2240</v>
      </c>
      <c r="C600" s="82">
        <v>5.6872401748750976</v>
      </c>
      <c r="D600" s="83">
        <v>4.600374753523543E-2</v>
      </c>
    </row>
    <row r="601" spans="1:4">
      <c r="A601" s="47" t="s">
        <v>620</v>
      </c>
      <c r="B601" s="213">
        <v>156</v>
      </c>
      <c r="C601" s="214">
        <v>5.6580660342825277</v>
      </c>
      <c r="D601" s="215">
        <v>0.15797667810272742</v>
      </c>
    </row>
    <row r="602" spans="1:4">
      <c r="A602" s="55" t="s">
        <v>621</v>
      </c>
      <c r="B602" s="212">
        <v>163</v>
      </c>
      <c r="C602" s="82">
        <v>5.4842962230224259</v>
      </c>
      <c r="D602" s="83">
        <v>0.17365310859077451</v>
      </c>
    </row>
    <row r="603" spans="1:4">
      <c r="A603" s="47" t="s">
        <v>622</v>
      </c>
      <c r="B603" s="213">
        <v>982</v>
      </c>
      <c r="C603" s="214">
        <v>5.7297499133913945</v>
      </c>
      <c r="D603" s="215">
        <v>6.684617418328688E-2</v>
      </c>
    </row>
    <row r="604" spans="1:4">
      <c r="A604" s="55" t="s">
        <v>623</v>
      </c>
      <c r="B604" s="212">
        <v>301</v>
      </c>
      <c r="C604" s="82">
        <v>5.8236234554548192</v>
      </c>
      <c r="D604" s="83">
        <v>0.11752741785932749</v>
      </c>
    </row>
    <row r="605" spans="1:4">
      <c r="A605" s="47" t="s">
        <v>624</v>
      </c>
      <c r="B605" s="213">
        <v>316</v>
      </c>
      <c r="C605" s="214">
        <v>5.5949212160546988</v>
      </c>
      <c r="D605" s="215">
        <v>0.13145436383786346</v>
      </c>
    </row>
    <row r="606" spans="1:4">
      <c r="A606" s="55" t="s">
        <v>625</v>
      </c>
      <c r="B606" s="212">
        <v>1188</v>
      </c>
      <c r="C606" s="82">
        <v>5.6688951502195959</v>
      </c>
      <c r="D606" s="83">
        <v>6.0338274443870001E-2</v>
      </c>
    </row>
    <row r="607" spans="1:4">
      <c r="A607" s="47" t="s">
        <v>626</v>
      </c>
      <c r="B607" s="213">
        <v>1166</v>
      </c>
      <c r="C607" s="214">
        <v>5.6341291530036361</v>
      </c>
      <c r="D607" s="215">
        <v>6.7439330550930862E-2</v>
      </c>
    </row>
    <row r="608" spans="1:4">
      <c r="A608" s="55" t="s">
        <v>627</v>
      </c>
      <c r="B608" s="212">
        <v>341</v>
      </c>
      <c r="C608" s="82">
        <v>5.5671203889294718</v>
      </c>
      <c r="D608" s="83">
        <v>0.13005084516344004</v>
      </c>
    </row>
    <row r="609" spans="1:38">
      <c r="A609" s="47" t="s">
        <v>628</v>
      </c>
      <c r="B609" s="213">
        <v>825</v>
      </c>
      <c r="C609" s="214">
        <v>5.6742005120397963</v>
      </c>
      <c r="D609" s="215">
        <v>7.867431487314859E-2</v>
      </c>
    </row>
    <row r="610" spans="1:38">
      <c r="A610" s="55" t="s">
        <v>629</v>
      </c>
      <c r="B610" s="212">
        <v>217</v>
      </c>
      <c r="C610" s="82">
        <v>5.7120012807734355</v>
      </c>
      <c r="D610" s="83">
        <v>0.13968948276569026</v>
      </c>
    </row>
    <row r="611" spans="1:38">
      <c r="A611" s="47" t="s">
        <v>630</v>
      </c>
      <c r="B611" s="213">
        <v>390</v>
      </c>
      <c r="C611" s="214">
        <v>5.5629044794156437</v>
      </c>
      <c r="D611" s="215">
        <v>0.11460685100306292</v>
      </c>
    </row>
    <row r="612" spans="1:38">
      <c r="A612" s="55" t="s">
        <v>631</v>
      </c>
      <c r="B612" s="212">
        <v>56</v>
      </c>
      <c r="C612" s="82">
        <v>5.5895795311572876</v>
      </c>
      <c r="D612" s="83">
        <v>0.32655206323035224</v>
      </c>
    </row>
    <row r="613" spans="1:38">
      <c r="A613" s="47" t="s">
        <v>632</v>
      </c>
      <c r="B613" s="213">
        <v>334</v>
      </c>
      <c r="C613" s="214">
        <v>5.5552875042975112</v>
      </c>
      <c r="D613" s="215">
        <v>0.12231401666784801</v>
      </c>
    </row>
    <row r="614" spans="1:38">
      <c r="A614" s="55" t="s">
        <v>633</v>
      </c>
      <c r="B614" s="212">
        <v>660</v>
      </c>
      <c r="C614" s="82">
        <v>5.8127140915565452</v>
      </c>
      <c r="D614" s="83">
        <v>7.4219766268098869E-2</v>
      </c>
    </row>
    <row r="615" spans="1:38">
      <c r="A615" s="47" t="s">
        <v>634</v>
      </c>
      <c r="B615" s="213">
        <v>601</v>
      </c>
      <c r="C615" s="214">
        <v>5.6214687621101138</v>
      </c>
      <c r="D615" s="215">
        <v>9.3159499558083447E-2</v>
      </c>
    </row>
    <row r="616" spans="1:38">
      <c r="A616" s="55" t="s">
        <v>635</v>
      </c>
      <c r="B616" s="212">
        <v>224</v>
      </c>
      <c r="C616" s="82">
        <v>5.5562849650468893</v>
      </c>
      <c r="D616" s="83">
        <v>0.15880995289402922</v>
      </c>
    </row>
    <row r="617" spans="1:38">
      <c r="A617" s="47" t="s">
        <v>636</v>
      </c>
      <c r="B617" s="213">
        <v>377</v>
      </c>
      <c r="C617" s="214">
        <v>5.6770069306219968</v>
      </c>
      <c r="D617" s="215">
        <v>0.1144820922153844</v>
      </c>
    </row>
    <row r="619" spans="1:38" ht="18.75">
      <c r="A619" s="343" t="s">
        <v>51</v>
      </c>
      <c r="B619" s="343"/>
      <c r="C619" s="343"/>
      <c r="D619" s="343"/>
      <c r="E619" s="343"/>
      <c r="F619" s="343"/>
      <c r="G619" s="343"/>
      <c r="H619" s="343"/>
      <c r="I619" s="343"/>
      <c r="J619" s="343"/>
      <c r="K619" s="343"/>
      <c r="L619" s="343"/>
      <c r="M619" s="343"/>
      <c r="N619" s="343"/>
      <c r="O619" s="343"/>
      <c r="P619" s="343"/>
      <c r="Q619" s="343"/>
      <c r="R619" s="343"/>
      <c r="S619" s="343"/>
      <c r="T619" s="343"/>
      <c r="U619" s="343"/>
      <c r="V619" s="343"/>
      <c r="W619" s="343"/>
      <c r="X619" s="343"/>
      <c r="Y619" s="343"/>
      <c r="Z619" s="343"/>
      <c r="AA619" s="343"/>
      <c r="AB619" s="343"/>
      <c r="AC619" s="248"/>
      <c r="AD619" s="248"/>
      <c r="AE619" s="248"/>
      <c r="AF619" s="248"/>
      <c r="AG619" s="248"/>
      <c r="AH619" s="248"/>
    </row>
    <row r="620" spans="1:38" ht="63" customHeight="1">
      <c r="A620" s="417" t="s">
        <v>564</v>
      </c>
      <c r="B620" s="417"/>
      <c r="C620" s="417"/>
      <c r="D620" s="417"/>
      <c r="E620" s="417"/>
      <c r="F620" s="417"/>
      <c r="G620" s="417"/>
      <c r="H620" s="417"/>
      <c r="I620" s="417"/>
      <c r="J620" s="417"/>
      <c r="K620" s="417"/>
      <c r="L620" s="417"/>
      <c r="M620" s="417"/>
      <c r="N620" s="417"/>
      <c r="O620" s="417"/>
      <c r="P620" s="417"/>
      <c r="Q620" s="417"/>
      <c r="R620" s="417"/>
      <c r="S620" s="417"/>
      <c r="T620" s="417"/>
      <c r="U620" s="417"/>
      <c r="V620" s="417"/>
      <c r="W620" s="417"/>
      <c r="X620" s="417"/>
      <c r="Y620" s="417"/>
      <c r="Z620" s="417"/>
      <c r="AA620" s="417"/>
      <c r="AB620" s="417"/>
      <c r="AC620" s="248"/>
      <c r="AD620" s="248"/>
      <c r="AE620" s="248"/>
      <c r="AF620" s="248"/>
      <c r="AG620" s="248"/>
      <c r="AH620" s="248"/>
    </row>
    <row r="621" spans="1:38" ht="35.25" customHeight="1">
      <c r="A621" s="62"/>
      <c r="B621" s="395" t="s">
        <v>432</v>
      </c>
      <c r="C621" s="396"/>
      <c r="D621" s="396"/>
      <c r="E621" s="396"/>
      <c r="F621" s="396"/>
      <c r="G621" s="396"/>
      <c r="H621" s="396"/>
      <c r="I621" s="396"/>
      <c r="J621" s="397"/>
      <c r="K621" s="395" t="s">
        <v>433</v>
      </c>
      <c r="L621" s="396"/>
      <c r="M621" s="396"/>
      <c r="N621" s="396"/>
      <c r="O621" s="396"/>
      <c r="P621" s="396"/>
      <c r="Q621" s="396"/>
      <c r="R621" s="396"/>
      <c r="S621" s="397"/>
      <c r="T621" s="395" t="s">
        <v>434</v>
      </c>
      <c r="U621" s="396"/>
      <c r="V621" s="396"/>
      <c r="W621" s="396"/>
      <c r="X621" s="396"/>
      <c r="Y621" s="396"/>
      <c r="Z621" s="396"/>
      <c r="AA621" s="396"/>
      <c r="AB621" s="397"/>
      <c r="AC621" s="248"/>
      <c r="AD621" s="248"/>
      <c r="AE621" s="248"/>
      <c r="AF621" s="248"/>
      <c r="AG621" s="248"/>
      <c r="AH621" s="248"/>
      <c r="AI621" s="248"/>
      <c r="AJ621" s="248"/>
      <c r="AK621" s="248"/>
      <c r="AL621" s="248"/>
    </row>
    <row r="622" spans="1:38" ht="59.25" customHeight="1">
      <c r="A622" s="35" t="s">
        <v>70</v>
      </c>
      <c r="B622" s="36" t="s">
        <v>71</v>
      </c>
      <c r="C622" s="36" t="s">
        <v>469</v>
      </c>
      <c r="D622" s="87" t="s">
        <v>470</v>
      </c>
      <c r="E622" s="36" t="s">
        <v>471</v>
      </c>
      <c r="F622" s="87" t="s">
        <v>472</v>
      </c>
      <c r="G622" s="36" t="s">
        <v>473</v>
      </c>
      <c r="H622" s="87" t="s">
        <v>474</v>
      </c>
      <c r="I622" s="36" t="s">
        <v>300</v>
      </c>
      <c r="J622" s="87" t="s">
        <v>314</v>
      </c>
      <c r="K622" s="63" t="s">
        <v>71</v>
      </c>
      <c r="L622" s="63" t="s">
        <v>469</v>
      </c>
      <c r="M622" s="86" t="s">
        <v>470</v>
      </c>
      <c r="N622" s="63" t="s">
        <v>471</v>
      </c>
      <c r="O622" s="86" t="s">
        <v>472</v>
      </c>
      <c r="P622" s="63" t="s">
        <v>473</v>
      </c>
      <c r="Q622" s="86" t="s">
        <v>474</v>
      </c>
      <c r="R622" s="63" t="s">
        <v>300</v>
      </c>
      <c r="S622" s="86" t="s">
        <v>314</v>
      </c>
      <c r="T622" s="36" t="s">
        <v>71</v>
      </c>
      <c r="U622" s="36" t="s">
        <v>469</v>
      </c>
      <c r="V622" s="87" t="s">
        <v>470</v>
      </c>
      <c r="W622" s="36" t="s">
        <v>471</v>
      </c>
      <c r="X622" s="87" t="s">
        <v>472</v>
      </c>
      <c r="Y622" s="36" t="s">
        <v>473</v>
      </c>
      <c r="Z622" s="87" t="s">
        <v>474</v>
      </c>
      <c r="AA622" s="36" t="s">
        <v>300</v>
      </c>
      <c r="AB622" s="87" t="s">
        <v>314</v>
      </c>
      <c r="AC622" s="248"/>
      <c r="AD622" s="248"/>
      <c r="AE622" s="248"/>
      <c r="AF622" s="248"/>
      <c r="AG622" s="248"/>
      <c r="AH622" s="248"/>
      <c r="AI622" s="248"/>
      <c r="AJ622" s="248"/>
      <c r="AK622" s="248"/>
      <c r="AL622" s="248"/>
    </row>
    <row r="623" spans="1:38" ht="72">
      <c r="A623" s="39"/>
      <c r="B623" s="40" t="s">
        <v>73</v>
      </c>
      <c r="C623" s="40" t="s">
        <v>158</v>
      </c>
      <c r="D623" s="89" t="s">
        <v>87</v>
      </c>
      <c r="E623" s="40" t="s">
        <v>159</v>
      </c>
      <c r="F623" s="89" t="s">
        <v>87</v>
      </c>
      <c r="G623" s="40" t="s">
        <v>160</v>
      </c>
      <c r="H623" s="89" t="s">
        <v>87</v>
      </c>
      <c r="I623" s="40" t="s">
        <v>300</v>
      </c>
      <c r="J623" s="89" t="s">
        <v>87</v>
      </c>
      <c r="K623" s="66" t="s">
        <v>73</v>
      </c>
      <c r="L623" s="66" t="s">
        <v>158</v>
      </c>
      <c r="M623" s="88" t="s">
        <v>87</v>
      </c>
      <c r="N623" s="66" t="s">
        <v>159</v>
      </c>
      <c r="O623" s="88" t="s">
        <v>87</v>
      </c>
      <c r="P623" s="66" t="s">
        <v>160</v>
      </c>
      <c r="Q623" s="260" t="s">
        <v>87</v>
      </c>
      <c r="R623" s="66" t="s">
        <v>300</v>
      </c>
      <c r="S623" s="88" t="s">
        <v>87</v>
      </c>
      <c r="T623" s="40" t="s">
        <v>73</v>
      </c>
      <c r="U623" s="40" t="s">
        <v>158</v>
      </c>
      <c r="V623" s="89" t="s">
        <v>87</v>
      </c>
      <c r="W623" s="40" t="s">
        <v>159</v>
      </c>
      <c r="X623" s="89" t="s">
        <v>87</v>
      </c>
      <c r="Y623" s="40" t="s">
        <v>160</v>
      </c>
      <c r="Z623" s="89" t="s">
        <v>87</v>
      </c>
      <c r="AA623" s="40" t="s">
        <v>300</v>
      </c>
      <c r="AB623" s="89" t="s">
        <v>87</v>
      </c>
    </row>
    <row r="624" spans="1:38">
      <c r="A624" s="43" t="s">
        <v>348</v>
      </c>
      <c r="B624" s="212">
        <v>13997</v>
      </c>
      <c r="C624" s="216">
        <v>6.9488905960501821E-2</v>
      </c>
      <c r="D624" s="92">
        <v>4.3015431734890405E-3</v>
      </c>
      <c r="E624" s="216">
        <v>9.03302013597507E-2</v>
      </c>
      <c r="F624" s="92">
        <v>4.8479940551183825E-3</v>
      </c>
      <c r="G624" s="216">
        <v>0.83164784616154475</v>
      </c>
      <c r="H624" s="92">
        <v>6.3259677926820529E-3</v>
      </c>
      <c r="I624" s="216">
        <v>8.5330465182073927E-3</v>
      </c>
      <c r="J624" s="92">
        <v>1.567310040528438E-3</v>
      </c>
      <c r="K624" s="212">
        <v>13984</v>
      </c>
      <c r="L624" s="218">
        <v>0.12446767803727543</v>
      </c>
      <c r="M624" s="92">
        <v>5.5844087823388308E-3</v>
      </c>
      <c r="N624" s="216">
        <v>0.1510313263365608</v>
      </c>
      <c r="O624" s="92">
        <v>6.0568865231893816E-3</v>
      </c>
      <c r="P624" s="216">
        <v>0.71476908749387102</v>
      </c>
      <c r="Q624" s="261">
        <v>7.635921449937598E-3</v>
      </c>
      <c r="R624" s="216">
        <v>9.7319081323008864E-3</v>
      </c>
      <c r="S624" s="92">
        <v>1.6718707998115148E-3</v>
      </c>
      <c r="T624" s="212">
        <v>13984</v>
      </c>
      <c r="U624" s="216">
        <v>7.0603419523601108E-2</v>
      </c>
      <c r="V624" s="92">
        <v>4.3352507258003267E-3</v>
      </c>
      <c r="W624" s="216">
        <v>9.140734923529395E-2</v>
      </c>
      <c r="X624" s="92">
        <v>4.8761472847168707E-3</v>
      </c>
      <c r="Y624" s="216">
        <v>0.82779566732645504</v>
      </c>
      <c r="Z624" s="92">
        <v>6.3860067472446937E-3</v>
      </c>
      <c r="AA624" s="216">
        <v>1.0193563914653698E-2</v>
      </c>
      <c r="AB624" s="92">
        <v>1.7101059425639006E-3</v>
      </c>
    </row>
    <row r="625" spans="1:28">
      <c r="A625" s="47" t="s">
        <v>349</v>
      </c>
      <c r="B625" s="213">
        <v>10181</v>
      </c>
      <c r="C625" s="217">
        <v>5.5771260126623229E-2</v>
      </c>
      <c r="D625" s="95">
        <v>4.5544025107001592E-3</v>
      </c>
      <c r="E625" s="217">
        <v>6.769418318041226E-2</v>
      </c>
      <c r="F625" s="95">
        <v>4.9843524173121103E-3</v>
      </c>
      <c r="G625" s="217">
        <v>0.87028685890989887</v>
      </c>
      <c r="H625" s="95">
        <v>6.6616176792407278E-3</v>
      </c>
      <c r="I625" s="217">
        <v>6.2476977830547972E-3</v>
      </c>
      <c r="J625" s="95">
        <v>1.585416719608216E-3</v>
      </c>
      <c r="K625" s="213">
        <v>10165</v>
      </c>
      <c r="L625" s="217">
        <v>0.12134498611555503</v>
      </c>
      <c r="M625" s="95">
        <v>6.4794858685394844E-3</v>
      </c>
      <c r="N625" s="217">
        <v>0.1467456119577828</v>
      </c>
      <c r="O625" s="95">
        <v>7.0207394003520456E-3</v>
      </c>
      <c r="P625" s="217">
        <v>0.72367822063620413</v>
      </c>
      <c r="Q625" s="262">
        <v>8.8698017077062409E-3</v>
      </c>
      <c r="R625" s="217">
        <v>8.2311812904523936E-3</v>
      </c>
      <c r="S625" s="95">
        <v>1.8127123451858256E-3</v>
      </c>
      <c r="T625" s="213">
        <v>10167</v>
      </c>
      <c r="U625" s="217">
        <v>5.1967621136293746E-2</v>
      </c>
      <c r="V625" s="95">
        <v>4.4088042604215651E-3</v>
      </c>
      <c r="W625" s="217">
        <v>6.8821771804385493E-2</v>
      </c>
      <c r="X625" s="95">
        <v>5.0259982024442934E-3</v>
      </c>
      <c r="Y625" s="217">
        <v>0.87128348577884585</v>
      </c>
      <c r="Z625" s="95">
        <v>6.644385833423549E-3</v>
      </c>
      <c r="AA625" s="217">
        <v>7.9271212804651117E-3</v>
      </c>
      <c r="AB625" s="95">
        <v>1.7798063707391723E-3</v>
      </c>
    </row>
    <row r="626" spans="1:28">
      <c r="A626" s="43" t="s">
        <v>350</v>
      </c>
      <c r="B626" s="212">
        <v>3816</v>
      </c>
      <c r="C626" s="216">
        <v>8.0298884468340645E-2</v>
      </c>
      <c r="D626" s="92">
        <v>8.8157212594945945E-3</v>
      </c>
      <c r="E626" s="216">
        <v>0.10816816517547961</v>
      </c>
      <c r="F626" s="92">
        <v>1.0067269981012986E-2</v>
      </c>
      <c r="G626" s="216">
        <v>0.80119897013483554</v>
      </c>
      <c r="H626" s="92">
        <v>1.2922202661960154E-2</v>
      </c>
      <c r="I626" s="216">
        <v>1.0333980221343591E-2</v>
      </c>
      <c r="J626" s="92">
        <v>3.3518094175664925E-3</v>
      </c>
      <c r="K626" s="212">
        <v>3819</v>
      </c>
      <c r="L626" s="218">
        <v>0.12692672162460542</v>
      </c>
      <c r="M626" s="92">
        <v>1.0782001840017779E-2</v>
      </c>
      <c r="N626" s="216">
        <v>0.15440622169109808</v>
      </c>
      <c r="O626" s="92">
        <v>1.169920056663218E-2</v>
      </c>
      <c r="P626" s="216">
        <v>0.70775336283336154</v>
      </c>
      <c r="Q626" s="261">
        <v>1.4714256737517094E-2</v>
      </c>
      <c r="R626" s="216">
        <v>1.0913693850936122E-2</v>
      </c>
      <c r="S626" s="92">
        <v>3.4377060019035498E-3</v>
      </c>
      <c r="T626" s="212">
        <v>3817</v>
      </c>
      <c r="U626" s="216">
        <v>8.5248864245439815E-2</v>
      </c>
      <c r="V626" s="92">
        <v>9.0560186752224655E-3</v>
      </c>
      <c r="W626" s="216">
        <v>0.10915683433384854</v>
      </c>
      <c r="X626" s="92">
        <v>1.0106021668753832E-2</v>
      </c>
      <c r="Y626" s="216">
        <v>0.79361959244189906</v>
      </c>
      <c r="Z626" s="92">
        <v>1.3101497878337535E-2</v>
      </c>
      <c r="AA626" s="216">
        <v>1.1974708978813316E-2</v>
      </c>
      <c r="AB626" s="92">
        <v>3.5926742710500224E-3</v>
      </c>
    </row>
    <row r="627" spans="1:28">
      <c r="A627" s="47" t="s">
        <v>568</v>
      </c>
      <c r="B627" s="213">
        <v>11631</v>
      </c>
      <c r="C627" s="217">
        <v>6.9572298742308109E-2</v>
      </c>
      <c r="D627" s="95">
        <v>4.7220776812638568E-3</v>
      </c>
      <c r="E627" s="217">
        <v>9.0650674463938638E-2</v>
      </c>
      <c r="F627" s="95">
        <v>5.3272237259987852E-3</v>
      </c>
      <c r="G627" s="217">
        <v>0.83120880497702243</v>
      </c>
      <c r="H627" s="95">
        <v>6.9469384730525647E-3</v>
      </c>
      <c r="I627" s="217">
        <v>8.5682218167364033E-3</v>
      </c>
      <c r="J627" s="95">
        <v>1.7255463814212335E-3</v>
      </c>
      <c r="K627" s="213">
        <v>11632</v>
      </c>
      <c r="L627" s="217">
        <v>0.12444944761401944</v>
      </c>
      <c r="M627" s="95">
        <v>6.1229168658031973E-3</v>
      </c>
      <c r="N627" s="217">
        <v>0.15091977121792957</v>
      </c>
      <c r="O627" s="95">
        <v>6.6392262960886577E-3</v>
      </c>
      <c r="P627" s="217">
        <v>0.71491288917797968</v>
      </c>
      <c r="Q627" s="262">
        <v>8.3709995456297936E-3</v>
      </c>
      <c r="R627" s="217">
        <v>9.7178919900821528E-3</v>
      </c>
      <c r="S627" s="95">
        <v>1.8343847500469075E-3</v>
      </c>
      <c r="T627" s="213">
        <v>11624</v>
      </c>
      <c r="U627" s="217">
        <v>7.0504648296067923E-2</v>
      </c>
      <c r="V627" s="95">
        <v>4.7525863472995741E-3</v>
      </c>
      <c r="W627" s="217">
        <v>9.1415466271611748E-2</v>
      </c>
      <c r="X627" s="95">
        <v>5.3489681097797026E-3</v>
      </c>
      <c r="Y627" s="217">
        <v>0.82788229008841707</v>
      </c>
      <c r="Z627" s="95">
        <v>7.0030499819806269E-3</v>
      </c>
      <c r="AA627" s="217">
        <v>1.0197595343907075E-2</v>
      </c>
      <c r="AB627" s="95">
        <v>1.8785474670827476E-3</v>
      </c>
    </row>
    <row r="628" spans="1:28">
      <c r="A628" s="43" t="s">
        <v>569</v>
      </c>
      <c r="B628" s="212">
        <v>2366</v>
      </c>
      <c r="C628" s="216">
        <v>5.879819865768951E-2</v>
      </c>
      <c r="D628" s="92">
        <v>9.7216529727723218E-3</v>
      </c>
      <c r="E628" s="216">
        <v>4.9246499855963764E-2</v>
      </c>
      <c r="F628" s="92">
        <v>8.9543180709485623E-3</v>
      </c>
      <c r="G628" s="216">
        <v>0.88793162391731939</v>
      </c>
      <c r="H628" s="92">
        <v>1.2992475121487823E-2</v>
      </c>
      <c r="I628" s="216">
        <v>4.0236775690270128E-3</v>
      </c>
      <c r="J628" s="92">
        <v>2.8572629607879281E-3</v>
      </c>
      <c r="K628" s="212">
        <v>2352</v>
      </c>
      <c r="L628" s="218">
        <v>0.1268198279651907</v>
      </c>
      <c r="M628" s="92">
        <v>1.374081194647458E-2</v>
      </c>
      <c r="N628" s="216">
        <v>0.16542453929486192</v>
      </c>
      <c r="O628" s="92">
        <v>1.5331041050645578E-2</v>
      </c>
      <c r="P628" s="216">
        <v>0.69621531525553915</v>
      </c>
      <c r="Q628" s="261">
        <v>1.8955321012040807E-2</v>
      </c>
      <c r="R628" s="216">
        <v>1.1540317484405094E-2</v>
      </c>
      <c r="S628" s="92">
        <v>4.5542594347330531E-3</v>
      </c>
      <c r="T628" s="212">
        <v>2360</v>
      </c>
      <c r="U628" s="216">
        <v>8.332084310364174E-2</v>
      </c>
      <c r="V628" s="92">
        <v>1.1411806662520802E-2</v>
      </c>
      <c r="W628" s="216">
        <v>9.0362229197362573E-2</v>
      </c>
      <c r="X628" s="92">
        <v>1.1833895359194182E-2</v>
      </c>
      <c r="Y628" s="216">
        <v>0.81664243593448316</v>
      </c>
      <c r="Z628" s="92">
        <v>1.5935390822988955E-2</v>
      </c>
      <c r="AA628" s="216">
        <v>9.674491764510379E-3</v>
      </c>
      <c r="AB628" s="92">
        <v>4.1936638768357596E-3</v>
      </c>
    </row>
    <row r="629" spans="1:28">
      <c r="A629" s="47" t="s">
        <v>570</v>
      </c>
      <c r="B629" s="213">
        <v>606</v>
      </c>
      <c r="C629" s="217">
        <v>4.9561703877723608E-2</v>
      </c>
      <c r="D629" s="95">
        <v>1.806319156217575E-2</v>
      </c>
      <c r="E629" s="217">
        <v>4.2595566280253731E-2</v>
      </c>
      <c r="F629" s="95">
        <v>1.6892338179307406E-2</v>
      </c>
      <c r="G629" s="217">
        <v>0.90477078617818152</v>
      </c>
      <c r="H629" s="95">
        <v>2.4063069997222297E-2</v>
      </c>
      <c r="I629" s="217">
        <v>3.0719436638418428E-3</v>
      </c>
      <c r="J629" s="95">
        <v>6.422508173293949E-3</v>
      </c>
      <c r="K629" s="213">
        <v>602</v>
      </c>
      <c r="L629" s="217">
        <v>0.15664316674566112</v>
      </c>
      <c r="M629" s="95">
        <v>2.9702296683559188E-2</v>
      </c>
      <c r="N629" s="217">
        <v>0.19127701143051065</v>
      </c>
      <c r="O629" s="95">
        <v>3.2083243633064654E-2</v>
      </c>
      <c r="P629" s="217">
        <v>0.64935137945104104</v>
      </c>
      <c r="Q629" s="262">
        <v>3.8792641614702889E-2</v>
      </c>
      <c r="R629" s="217">
        <v>2.7284423727875155E-3</v>
      </c>
      <c r="S629" s="95">
        <v>6.2798507553667232E-3</v>
      </c>
      <c r="T629" s="213">
        <v>604</v>
      </c>
      <c r="U629" s="217">
        <v>8.6100148630452372E-2</v>
      </c>
      <c r="V629" s="95">
        <v>2.307505170983935E-2</v>
      </c>
      <c r="W629" s="217">
        <v>9.7159492173370263E-2</v>
      </c>
      <c r="X629" s="95">
        <v>2.4312625421949653E-2</v>
      </c>
      <c r="Y629" s="217">
        <v>0.81525302890847118</v>
      </c>
      <c r="Z629" s="95">
        <v>3.161434099288131E-2</v>
      </c>
      <c r="AA629" s="217">
        <v>1.4873302877074198E-3</v>
      </c>
      <c r="AB629" s="95">
        <v>5.5868115583195708E-3</v>
      </c>
    </row>
    <row r="630" spans="1:28">
      <c r="A630" s="43" t="s">
        <v>571</v>
      </c>
      <c r="B630" s="212">
        <v>1269</v>
      </c>
      <c r="C630" s="216">
        <v>4.2645045401742687E-2</v>
      </c>
      <c r="D630" s="92">
        <v>1.1506875404103719E-2</v>
      </c>
      <c r="E630" s="216">
        <v>2.7788554216270547E-2</v>
      </c>
      <c r="F630" s="92">
        <v>9.4491586365857572E-3</v>
      </c>
      <c r="G630" s="216">
        <v>0.92437763218985003</v>
      </c>
      <c r="H630" s="92">
        <v>1.4939904648551222E-2</v>
      </c>
      <c r="I630" s="216">
        <v>5.1887681921370457E-3</v>
      </c>
      <c r="J630" s="92">
        <v>4.5876573677885654E-3</v>
      </c>
      <c r="K630" s="212">
        <v>1263</v>
      </c>
      <c r="L630" s="218">
        <v>0.1182265294885622</v>
      </c>
      <c r="M630" s="92">
        <v>1.8221461005929356E-2</v>
      </c>
      <c r="N630" s="216">
        <v>0.17559107038744695</v>
      </c>
      <c r="O630" s="92">
        <v>2.1426794188922467E-2</v>
      </c>
      <c r="P630" s="216">
        <v>0.68909046337492019</v>
      </c>
      <c r="Q630" s="261">
        <v>2.6021071129720137E-2</v>
      </c>
      <c r="R630" s="216">
        <v>1.709193674907198E-2</v>
      </c>
      <c r="S630" s="92">
        <v>7.5946922006924931E-3</v>
      </c>
      <c r="T630" s="212">
        <v>1265</v>
      </c>
      <c r="U630" s="216">
        <v>7.5743745339893018E-2</v>
      </c>
      <c r="V630" s="92">
        <v>1.4974583352492148E-2</v>
      </c>
      <c r="W630" s="216">
        <v>8.5411753494794074E-2</v>
      </c>
      <c r="X630" s="92">
        <v>1.5800017103818547E-2</v>
      </c>
      <c r="Y630" s="216">
        <v>0.82887066275890942</v>
      </c>
      <c r="Z630" s="92">
        <v>2.1195539514838903E-2</v>
      </c>
      <c r="AA630" s="216">
        <v>9.9738384064036022E-3</v>
      </c>
      <c r="AB630" s="92">
        <v>5.9907387315359557E-3</v>
      </c>
    </row>
    <row r="631" spans="1:28">
      <c r="A631" s="47" t="s">
        <v>582</v>
      </c>
      <c r="B631" s="213">
        <v>862</v>
      </c>
      <c r="C631" s="217">
        <v>8.1853484270222973E-2</v>
      </c>
      <c r="D631" s="95">
        <v>1.883009866994112E-2</v>
      </c>
      <c r="E631" s="217">
        <v>6.7055959476275712E-2</v>
      </c>
      <c r="F631" s="95">
        <v>1.7231880219467883E-2</v>
      </c>
      <c r="G631" s="217">
        <v>0.84450670702846187</v>
      </c>
      <c r="H631" s="95">
        <v>2.4730323109538616E-2</v>
      </c>
      <c r="I631" s="217">
        <v>6.5838492250404222E-3</v>
      </c>
      <c r="J631" s="95">
        <v>6.3698033752518837E-3</v>
      </c>
      <c r="K631" s="213">
        <v>860</v>
      </c>
      <c r="L631" s="217">
        <v>0.13484917030812732</v>
      </c>
      <c r="M631" s="95">
        <v>2.3362739234774239E-2</v>
      </c>
      <c r="N631" s="217">
        <v>0.16314786018477118</v>
      </c>
      <c r="O631" s="95">
        <v>2.5237652474160158E-2</v>
      </c>
      <c r="P631" s="217">
        <v>0.6906984642924523</v>
      </c>
      <c r="Q631" s="262">
        <v>3.1473830811464813E-2</v>
      </c>
      <c r="R631" s="217">
        <v>1.1304505214650162E-2</v>
      </c>
      <c r="S631" s="95">
        <v>7.8713384470080871E-3</v>
      </c>
      <c r="T631" s="213">
        <v>862</v>
      </c>
      <c r="U631" s="217">
        <v>8.1491948541829659E-2</v>
      </c>
      <c r="V631" s="95">
        <v>1.8793306096906957E-2</v>
      </c>
      <c r="W631" s="217">
        <v>9.1551954640863936E-2</v>
      </c>
      <c r="X631" s="95">
        <v>1.9780292982516313E-2</v>
      </c>
      <c r="Y631" s="217">
        <v>0.8122294967303858</v>
      </c>
      <c r="Z631" s="95">
        <v>2.6619484143537698E-2</v>
      </c>
      <c r="AA631" s="217">
        <v>1.4726600086921941E-2</v>
      </c>
      <c r="AB631" s="95">
        <v>8.7774993203827232E-3</v>
      </c>
    </row>
    <row r="632" spans="1:28">
      <c r="A632" s="43" t="s">
        <v>583</v>
      </c>
      <c r="B632" s="212">
        <v>1504</v>
      </c>
      <c r="C632" s="216">
        <v>4.9585153266626977E-2</v>
      </c>
      <c r="D632" s="92">
        <v>1.1307293322810479E-2</v>
      </c>
      <c r="E632" s="216">
        <v>4.2129721403085629E-2</v>
      </c>
      <c r="F632" s="92">
        <v>1.0487520565290703E-2</v>
      </c>
      <c r="G632" s="216">
        <v>0.9052845093737748</v>
      </c>
      <c r="H632" s="92">
        <v>1.5157413898247794E-2</v>
      </c>
      <c r="I632" s="216">
        <v>3.0006159565115344E-3</v>
      </c>
      <c r="J632" s="92">
        <v>3.3773562041084768E-3</v>
      </c>
      <c r="K632" s="212">
        <v>1492</v>
      </c>
      <c r="L632" s="218">
        <v>0.12360333125476877</v>
      </c>
      <c r="M632" s="92">
        <v>1.7078158823518E-2</v>
      </c>
      <c r="N632" s="216">
        <v>0.16633656054835103</v>
      </c>
      <c r="O632" s="92">
        <v>1.9296675321217149E-2</v>
      </c>
      <c r="P632" s="216">
        <v>0.69842532601567275</v>
      </c>
      <c r="Q632" s="261">
        <v>2.374314746230868E-2</v>
      </c>
      <c r="R632" s="216">
        <v>1.1634782181207004E-2</v>
      </c>
      <c r="S632" s="92">
        <v>5.8440319075062676E-3</v>
      </c>
      <c r="T632" s="212">
        <v>1498</v>
      </c>
      <c r="U632" s="216">
        <v>8.4058794381106736E-2</v>
      </c>
      <c r="V632" s="92">
        <v>1.4404574866653549E-2</v>
      </c>
      <c r="W632" s="216">
        <v>8.9882179975720303E-2</v>
      </c>
      <c r="X632" s="92">
        <v>1.4840298091739857E-2</v>
      </c>
      <c r="Y632" s="216">
        <v>0.81842303837654806</v>
      </c>
      <c r="Z632" s="92">
        <v>1.9929709595561909E-2</v>
      </c>
      <c r="AA632" s="216">
        <v>7.6359872666241814E-3</v>
      </c>
      <c r="AB632" s="92">
        <v>4.8594512657333683E-3</v>
      </c>
    </row>
    <row r="633" spans="1:28">
      <c r="A633" s="47" t="s">
        <v>572</v>
      </c>
      <c r="B633" s="213">
        <v>294</v>
      </c>
      <c r="C633" s="217">
        <v>0.12125917209531466</v>
      </c>
      <c r="D633" s="95">
        <v>3.8491767219802728E-2</v>
      </c>
      <c r="E633" s="217">
        <v>9.058222341253877E-2</v>
      </c>
      <c r="F633" s="95">
        <v>3.4142777061056798E-2</v>
      </c>
      <c r="G633" s="217">
        <v>0.78585803872591342</v>
      </c>
      <c r="H633" s="95">
        <v>4.7834185827374892E-2</v>
      </c>
      <c r="I633" s="217">
        <v>2.3005657662330094E-3</v>
      </c>
      <c r="J633" s="95">
        <v>1.0930184188187969E-2</v>
      </c>
      <c r="K633" s="213">
        <v>292</v>
      </c>
      <c r="L633" s="217">
        <v>0.12724976260801882</v>
      </c>
      <c r="M633" s="95">
        <v>3.9384984219238688E-2</v>
      </c>
      <c r="N633" s="217">
        <v>0.14580861909018702</v>
      </c>
      <c r="O633" s="95">
        <v>4.1576393113404393E-2</v>
      </c>
      <c r="P633" s="217">
        <v>0.72495710509365263</v>
      </c>
      <c r="Q633" s="262">
        <v>5.2085270665735796E-2</v>
      </c>
      <c r="R633" s="217">
        <v>1.9845132081411907E-3</v>
      </c>
      <c r="S633" s="95">
        <v>1.0804472635783697E-2</v>
      </c>
      <c r="T633" s="213">
        <v>293</v>
      </c>
      <c r="U633" s="217">
        <v>0.10632704547728004</v>
      </c>
      <c r="V633" s="95">
        <v>3.6545805578905841E-2</v>
      </c>
      <c r="W633" s="217">
        <v>0.11416074762123497</v>
      </c>
      <c r="X633" s="95">
        <v>3.7624958783073863E-2</v>
      </c>
      <c r="Y633" s="217">
        <v>0.76846825650137773</v>
      </c>
      <c r="Z633" s="95">
        <v>4.9216506685234362E-2</v>
      </c>
      <c r="AA633" s="217">
        <v>1.1043950400106903E-2</v>
      </c>
      <c r="AB633" s="95">
        <v>1.5272354710826344E-2</v>
      </c>
    </row>
    <row r="634" spans="1:28">
      <c r="A634" s="43" t="s">
        <v>573</v>
      </c>
      <c r="B634" s="212">
        <v>447</v>
      </c>
      <c r="C634" s="216">
        <v>4.9835972460218453E-2</v>
      </c>
      <c r="D634" s="92">
        <v>2.1253625104933983E-2</v>
      </c>
      <c r="E634" s="216">
        <v>5.1912161137165957E-2</v>
      </c>
      <c r="F634" s="92">
        <v>2.1632498029362256E-2</v>
      </c>
      <c r="G634" s="216">
        <v>0.89654543845723866</v>
      </c>
      <c r="H634" s="92">
        <v>2.910774727582368E-2</v>
      </c>
      <c r="I634" s="216">
        <v>1.7064279453771372E-3</v>
      </c>
      <c r="J634" s="92">
        <v>7.3483827418287934E-3</v>
      </c>
      <c r="K634" s="212">
        <v>443</v>
      </c>
      <c r="L634" s="218">
        <v>0.11492427564371584</v>
      </c>
      <c r="M634" s="92">
        <v>3.0559093385412763E-2</v>
      </c>
      <c r="N634" s="216">
        <v>0.19873967848799126</v>
      </c>
      <c r="O634" s="92">
        <v>3.7940168540348949E-2</v>
      </c>
      <c r="P634" s="216">
        <v>0.67682592745396353</v>
      </c>
      <c r="Q634" s="261">
        <v>4.4298123975026991E-2</v>
      </c>
      <c r="R634" s="216">
        <v>9.5101184143307083E-3</v>
      </c>
      <c r="S634" s="92">
        <v>1.1074730638897865E-2</v>
      </c>
      <c r="T634" s="212">
        <v>447</v>
      </c>
      <c r="U634" s="216">
        <v>8.6466162933922508E-2</v>
      </c>
      <c r="V634" s="92">
        <v>2.696959847096381E-2</v>
      </c>
      <c r="W634" s="216">
        <v>9.1045029989454532E-2</v>
      </c>
      <c r="X634" s="92">
        <v>2.7571204137332533E-2</v>
      </c>
      <c r="Y634" s="216">
        <v>0.81987632643064001</v>
      </c>
      <c r="Z634" s="92">
        <v>3.6411797414866651E-2</v>
      </c>
      <c r="AA634" s="216">
        <v>2.6124806459832989E-3</v>
      </c>
      <c r="AB634" s="92">
        <v>7.8650281061768915E-3</v>
      </c>
    </row>
    <row r="635" spans="1:28">
      <c r="A635" s="47" t="s">
        <v>574</v>
      </c>
      <c r="B635" s="213">
        <v>674</v>
      </c>
      <c r="C635" s="217">
        <v>5.0945003801006333E-2</v>
      </c>
      <c r="D635" s="95">
        <v>1.729868569191742E-2</v>
      </c>
      <c r="E635" s="217">
        <v>3.7478702568690722E-2</v>
      </c>
      <c r="F635" s="95">
        <v>1.5088881880720875E-2</v>
      </c>
      <c r="G635" s="217">
        <v>0.91097384952680371</v>
      </c>
      <c r="H635" s="95">
        <v>2.2140278264268374E-2</v>
      </c>
      <c r="I635" s="217">
        <v>6.0244410349868309E-4</v>
      </c>
      <c r="J635" s="95">
        <v>4.5675195439679505E-3</v>
      </c>
      <c r="K635" s="213">
        <v>670</v>
      </c>
      <c r="L635" s="217">
        <v>0.14294556585181539</v>
      </c>
      <c r="M635" s="95">
        <v>2.7129850406329467E-2</v>
      </c>
      <c r="N635" s="217">
        <v>0.17125308325444827</v>
      </c>
      <c r="O635" s="95">
        <v>2.9152667019870775E-2</v>
      </c>
      <c r="P635" s="217">
        <v>0.67451671531159174</v>
      </c>
      <c r="Q635" s="262">
        <v>3.6125756278008916E-2</v>
      </c>
      <c r="R635" s="217">
        <v>1.1284635582144147E-2</v>
      </c>
      <c r="S635" s="95">
        <v>9.1098826598347074E-3</v>
      </c>
      <c r="T635" s="213">
        <v>674</v>
      </c>
      <c r="U635" s="217">
        <v>7.5656383676573971E-2</v>
      </c>
      <c r="V635" s="95">
        <v>2.0617448017034131E-2</v>
      </c>
      <c r="W635" s="217">
        <v>9.7460506057474472E-2</v>
      </c>
      <c r="X635" s="95">
        <v>2.3025991362576159E-2</v>
      </c>
      <c r="Y635" s="217">
        <v>0.82193623704713847</v>
      </c>
      <c r="Z635" s="95">
        <v>2.9506899086288133E-2</v>
      </c>
      <c r="AA635" s="217">
        <v>4.9468732188128351E-3</v>
      </c>
      <c r="AB635" s="95">
        <v>6.7860878150682461E-3</v>
      </c>
    </row>
    <row r="636" spans="1:28">
      <c r="A636" s="43" t="s">
        <v>575</v>
      </c>
      <c r="B636" s="212">
        <v>926</v>
      </c>
      <c r="C636" s="216">
        <v>2.8872740532085595E-2</v>
      </c>
      <c r="D636" s="92">
        <v>1.1348694265368582E-2</v>
      </c>
      <c r="E636" s="216">
        <v>2.9711790571142382E-2</v>
      </c>
      <c r="F636" s="92">
        <v>1.149613395714701E-2</v>
      </c>
      <c r="G636" s="216">
        <v>0.93409462513860708</v>
      </c>
      <c r="H636" s="92">
        <v>1.6484511301804408E-2</v>
      </c>
      <c r="I636" s="216">
        <v>7.3208437581640121E-3</v>
      </c>
      <c r="J636" s="92">
        <v>6.3417993090849429E-3</v>
      </c>
      <c r="K636" s="212">
        <v>922</v>
      </c>
      <c r="L636" s="218">
        <v>0.11606119728765217</v>
      </c>
      <c r="M636" s="92">
        <v>2.1181286528768745E-2</v>
      </c>
      <c r="N636" s="216">
        <v>0.15763139915047125</v>
      </c>
      <c r="O636" s="92">
        <v>2.404048254481668E-2</v>
      </c>
      <c r="P636" s="216">
        <v>0.71359238312460405</v>
      </c>
      <c r="Q636" s="261">
        <v>2.9741258774009099E-2</v>
      </c>
      <c r="R636" s="216">
        <v>1.2715020437269959E-2</v>
      </c>
      <c r="S636" s="92">
        <v>7.941550254889353E-3</v>
      </c>
      <c r="T636" s="212">
        <v>921</v>
      </c>
      <c r="U636" s="216">
        <v>7.3609049394510018E-2</v>
      </c>
      <c r="V636" s="92">
        <v>1.7368472426311132E-2</v>
      </c>
      <c r="W636" s="216">
        <v>6.5388753731613639E-2</v>
      </c>
      <c r="X636" s="92">
        <v>1.6471846475688463E-2</v>
      </c>
      <c r="Y636" s="216">
        <v>0.85097128005510858</v>
      </c>
      <c r="Z636" s="92">
        <v>2.3516039832277753E-2</v>
      </c>
      <c r="AA636" s="216">
        <v>1.0030916818766254E-2</v>
      </c>
      <c r="AB636" s="92">
        <v>7.2042290233541454E-3</v>
      </c>
    </row>
    <row r="637" spans="1:28">
      <c r="A637" s="47" t="s">
        <v>576</v>
      </c>
      <c r="B637" s="213">
        <v>751</v>
      </c>
      <c r="C637" s="217">
        <v>8.1218636938745231E-2</v>
      </c>
      <c r="D637" s="95">
        <v>2.0128797915169205E-2</v>
      </c>
      <c r="E637" s="217">
        <v>6.9899978943218213E-2</v>
      </c>
      <c r="F637" s="95">
        <v>1.8836191229096865E-2</v>
      </c>
      <c r="G637" s="217">
        <v>0.84654297745579044</v>
      </c>
      <c r="H637" s="95">
        <v>2.6362434873918535E-2</v>
      </c>
      <c r="I637" s="217">
        <v>2.3384066622463033E-3</v>
      </c>
      <c r="J637" s="95">
        <v>5.1211926941528924E-3</v>
      </c>
      <c r="K637" s="213">
        <v>748</v>
      </c>
      <c r="L637" s="217">
        <v>0.1288363410990154</v>
      </c>
      <c r="M637" s="95">
        <v>2.4592335626381679E-2</v>
      </c>
      <c r="N637" s="217">
        <v>0.17485382954509174</v>
      </c>
      <c r="O637" s="95">
        <v>2.7810305171186371E-2</v>
      </c>
      <c r="P637" s="217">
        <v>0.67962389662123468</v>
      </c>
      <c r="Q637" s="262">
        <v>3.4058584137203564E-2</v>
      </c>
      <c r="R637" s="217">
        <v>1.6685932734658186E-2</v>
      </c>
      <c r="S637" s="95">
        <v>1.0022827597832079E-2</v>
      </c>
      <c r="T637" s="213">
        <v>749</v>
      </c>
      <c r="U637" s="217">
        <v>9.9644516417292384E-2</v>
      </c>
      <c r="V637" s="95">
        <v>2.2036291897585453E-2</v>
      </c>
      <c r="W637" s="217">
        <v>8.3159369530145022E-2</v>
      </c>
      <c r="X637" s="95">
        <v>2.0366495956539988E-2</v>
      </c>
      <c r="Y637" s="217">
        <v>0.81190188646432049</v>
      </c>
      <c r="Z637" s="95">
        <v>2.8578357781947929E-2</v>
      </c>
      <c r="AA637" s="217">
        <v>5.2942275882425262E-3</v>
      </c>
      <c r="AB637" s="95">
        <v>6.4614029410420487E-3</v>
      </c>
    </row>
    <row r="638" spans="1:28">
      <c r="A638" s="55" t="s">
        <v>577</v>
      </c>
      <c r="B638" s="212">
        <v>762</v>
      </c>
      <c r="C638" s="216">
        <v>2.6462348805384152E-2</v>
      </c>
      <c r="D638" s="92">
        <v>1.2113020530393403E-2</v>
      </c>
      <c r="E638" s="216">
        <v>2.697251268312614E-2</v>
      </c>
      <c r="F638" s="92">
        <v>1.2215591980271431E-2</v>
      </c>
      <c r="G638" s="216">
        <v>0.94343015497176397</v>
      </c>
      <c r="H638" s="92">
        <v>1.7011425436357381E-2</v>
      </c>
      <c r="I638" s="216">
        <v>3.1349835397258743E-3</v>
      </c>
      <c r="J638" s="92">
        <v>5.4541769517266088E-3</v>
      </c>
      <c r="K638" s="212">
        <v>760</v>
      </c>
      <c r="L638" s="218">
        <v>0.12562142712578173</v>
      </c>
      <c r="M638" s="92">
        <v>2.4140131801305285E-2</v>
      </c>
      <c r="N638" s="216">
        <v>0.15788128900693488</v>
      </c>
      <c r="O638" s="92">
        <v>2.6504685303346452E-2</v>
      </c>
      <c r="P638" s="216">
        <v>0.7098247919897136</v>
      </c>
      <c r="Q638" s="261">
        <v>3.2875567378072915E-2</v>
      </c>
      <c r="R638" s="216">
        <v>6.6724918775686879E-3</v>
      </c>
      <c r="S638" s="92">
        <v>6.9288443136678599E-3</v>
      </c>
      <c r="T638" s="212">
        <v>762</v>
      </c>
      <c r="U638" s="216">
        <v>6.5081275436210215E-2</v>
      </c>
      <c r="V638" s="92">
        <v>1.8111353687264874E-2</v>
      </c>
      <c r="W638" s="216">
        <v>0.11477346122479412</v>
      </c>
      <c r="X638" s="92">
        <v>2.3208255853704784E-2</v>
      </c>
      <c r="Y638" s="216">
        <v>0.81231776105675724</v>
      </c>
      <c r="Z638" s="92">
        <v>2.8309523414028408E-2</v>
      </c>
      <c r="AA638" s="216">
        <v>7.8275022822375563E-3</v>
      </c>
      <c r="AB638" s="92">
        <v>7.3301422483019853E-3</v>
      </c>
    </row>
    <row r="639" spans="1:28">
      <c r="A639" s="47" t="s">
        <v>578</v>
      </c>
      <c r="B639" s="213">
        <v>260</v>
      </c>
      <c r="C639" s="217">
        <v>7.2074306583701148E-2</v>
      </c>
      <c r="D639" s="95">
        <v>3.3117482625031142E-2</v>
      </c>
      <c r="E639" s="217">
        <v>6.7641442895155252E-2</v>
      </c>
      <c r="F639" s="95">
        <v>3.2260264580906389E-2</v>
      </c>
      <c r="G639" s="217">
        <v>0.85323517698706142</v>
      </c>
      <c r="H639" s="95">
        <v>4.4206356436690901E-2</v>
      </c>
      <c r="I639" s="217">
        <v>7.0490735340826994E-3</v>
      </c>
      <c r="J639" s="95">
        <v>1.4723334323867554E-2</v>
      </c>
      <c r="K639" s="213">
        <v>258</v>
      </c>
      <c r="L639" s="217">
        <v>0.13435275462415766</v>
      </c>
      <c r="M639" s="95">
        <v>4.2865546517209606E-2</v>
      </c>
      <c r="N639" s="217">
        <v>0.16842039814180962</v>
      </c>
      <c r="O639" s="95">
        <v>4.678788274288035E-2</v>
      </c>
      <c r="P639" s="217">
        <v>0.68245967611731717</v>
      </c>
      <c r="Q639" s="262">
        <v>5.7653511264061708E-2</v>
      </c>
      <c r="R639" s="217">
        <v>1.4767171116715811E-2</v>
      </c>
      <c r="S639" s="95">
        <v>1.8194689988182279E-2</v>
      </c>
      <c r="T639" s="213">
        <v>258</v>
      </c>
      <c r="U639" s="217">
        <v>9.3985966169353161E-2</v>
      </c>
      <c r="V639" s="95">
        <v>3.7098525488693794E-2</v>
      </c>
      <c r="W639" s="217">
        <v>8.0944930751245286E-2</v>
      </c>
      <c r="X639" s="95">
        <v>3.4885629419250268E-2</v>
      </c>
      <c r="Y639" s="217">
        <v>0.80942796340154222</v>
      </c>
      <c r="Z639" s="95">
        <v>4.8982868195409514E-2</v>
      </c>
      <c r="AA639" s="217">
        <v>1.564113967785935E-2</v>
      </c>
      <c r="AB639" s="95">
        <v>1.8536235320760673E-2</v>
      </c>
    </row>
    <row r="640" spans="1:28">
      <c r="A640" s="55" t="s">
        <v>579</v>
      </c>
      <c r="B640" s="212">
        <v>222</v>
      </c>
      <c r="C640" s="216">
        <v>7.9472243627796466E-2</v>
      </c>
      <c r="D640" s="92">
        <v>3.7478243495634861E-2</v>
      </c>
      <c r="E640" s="216">
        <v>4.9692718399989566E-2</v>
      </c>
      <c r="F640" s="92">
        <v>3.1011777674732045E-2</v>
      </c>
      <c r="G640" s="216">
        <v>0.86699689967844717</v>
      </c>
      <c r="H640" s="92">
        <v>4.6093163738037159E-2</v>
      </c>
      <c r="I640" s="216">
        <v>3.8381382937667753E-3</v>
      </c>
      <c r="J640" s="92">
        <v>1.4850586661694148E-2</v>
      </c>
      <c r="K640" s="212">
        <v>219</v>
      </c>
      <c r="L640" s="218">
        <v>0.11765884841162873</v>
      </c>
      <c r="M640" s="92">
        <v>4.4219693265590082E-2</v>
      </c>
      <c r="N640" s="216">
        <v>0.13660416477375445</v>
      </c>
      <c r="O640" s="92">
        <v>4.6901945739407203E-2</v>
      </c>
      <c r="P640" s="216">
        <v>0.73429430961865416</v>
      </c>
      <c r="Q640" s="261">
        <v>5.9453082814281917E-2</v>
      </c>
      <c r="R640" s="216">
        <v>1.1442677195962656E-2</v>
      </c>
      <c r="S640" s="92">
        <v>1.8844539028903727E-2</v>
      </c>
      <c r="T640" s="212">
        <v>221</v>
      </c>
      <c r="U640" s="216">
        <v>9.485524320536555E-2</v>
      </c>
      <c r="V640" s="92">
        <v>4.0363243723453769E-2</v>
      </c>
      <c r="W640" s="216">
        <v>7.3088953418544739E-2</v>
      </c>
      <c r="X640" s="92">
        <v>3.6312095442947057E-2</v>
      </c>
      <c r="Y640" s="216">
        <v>0.8206823567181406</v>
      </c>
      <c r="Z640" s="92">
        <v>5.1775027410606383E-2</v>
      </c>
      <c r="AA640" s="216">
        <v>1.1373446657949331E-2</v>
      </c>
      <c r="AB640" s="92">
        <v>1.8694137731180623E-2</v>
      </c>
    </row>
    <row r="641" spans="1:28">
      <c r="A641" s="47" t="s">
        <v>580</v>
      </c>
      <c r="B641" s="213">
        <v>222</v>
      </c>
      <c r="C641" s="217">
        <v>6.0028023188472508E-2</v>
      </c>
      <c r="D641" s="95">
        <v>3.3449537982297224E-2</v>
      </c>
      <c r="E641" s="217">
        <v>2.3473739717344202E-2</v>
      </c>
      <c r="F641" s="95">
        <v>2.338206067682146E-2</v>
      </c>
      <c r="G641" s="217">
        <v>0.90708438804093594</v>
      </c>
      <c r="H641" s="95">
        <v>3.9932797916922412E-2</v>
      </c>
      <c r="I641" s="217">
        <v>9.4138490532473303E-3</v>
      </c>
      <c r="J641" s="95">
        <v>1.7734170794390498E-2</v>
      </c>
      <c r="K641" s="213">
        <v>218</v>
      </c>
      <c r="L641" s="217">
        <v>0.12558562051778549</v>
      </c>
      <c r="M641" s="95">
        <v>4.5484402533825567E-2</v>
      </c>
      <c r="N641" s="217">
        <v>0.16607962304275328</v>
      </c>
      <c r="O641" s="95">
        <v>5.0667455331137923E-2</v>
      </c>
      <c r="P641" s="217">
        <v>0.70514719502466439</v>
      </c>
      <c r="Q641" s="262">
        <v>6.1427105466024888E-2</v>
      </c>
      <c r="R641" s="217">
        <v>3.1875614147975316E-3</v>
      </c>
      <c r="S641" s="95">
        <v>1.4699254280584563E-2</v>
      </c>
      <c r="T641" s="213">
        <v>221</v>
      </c>
      <c r="U641" s="217">
        <v>7.1490177095286697E-2</v>
      </c>
      <c r="V641" s="95">
        <v>3.5987660440545501E-2</v>
      </c>
      <c r="W641" s="217">
        <v>6.4730384199045463E-2</v>
      </c>
      <c r="X641" s="95">
        <v>3.4568277213211922E-2</v>
      </c>
      <c r="Y641" s="217">
        <v>0.83888014239586328</v>
      </c>
      <c r="Z641" s="95">
        <v>4.9747298343322359E-2</v>
      </c>
      <c r="AA641" s="217">
        <v>2.4899296309804413E-2</v>
      </c>
      <c r="AB641" s="95">
        <v>2.3938293488456837E-2</v>
      </c>
    </row>
    <row r="642" spans="1:28">
      <c r="A642" s="55" t="s">
        <v>581</v>
      </c>
      <c r="B642" s="212">
        <v>122</v>
      </c>
      <c r="C642" s="216">
        <v>3.7385765546414623E-2</v>
      </c>
      <c r="D642" s="92">
        <v>3.9585329031009905E-2</v>
      </c>
      <c r="E642" s="216">
        <v>2.3910664271593999E-2</v>
      </c>
      <c r="F642" s="92">
        <v>3.4504055956531741E-2</v>
      </c>
      <c r="G642" s="216">
        <v>0.93870357018199158</v>
      </c>
      <c r="H642" s="92">
        <v>4.699373420815485E-2</v>
      </c>
      <c r="I642" s="216">
        <v>0</v>
      </c>
      <c r="J642" s="92">
        <v>2.226896426705402E-2</v>
      </c>
      <c r="K642" s="212">
        <v>121</v>
      </c>
      <c r="L642" s="218">
        <v>5.7990865711638806E-2</v>
      </c>
      <c r="M642" s="92">
        <v>4.6279732752176436E-2</v>
      </c>
      <c r="N642" s="216">
        <v>0.23134658886847009</v>
      </c>
      <c r="O642" s="92">
        <v>7.6392798776923454E-2</v>
      </c>
      <c r="P642" s="216">
        <v>0.71066254541989171</v>
      </c>
      <c r="Q642" s="261">
        <v>8.1665872524557467E-2</v>
      </c>
      <c r="R642" s="216">
        <v>0</v>
      </c>
      <c r="S642" s="92">
        <v>2.2445667733440235E-2</v>
      </c>
      <c r="T642" s="212">
        <v>121</v>
      </c>
      <c r="U642" s="216">
        <v>4.3010266311744393E-2</v>
      </c>
      <c r="V642" s="92">
        <v>4.1689237749659533E-2</v>
      </c>
      <c r="W642" s="216">
        <v>7.8578657420389136E-2</v>
      </c>
      <c r="X642" s="92">
        <v>5.1718726802113021E-2</v>
      </c>
      <c r="Y642" s="216">
        <v>0.87841107626786696</v>
      </c>
      <c r="Z642" s="92">
        <v>6.0879658886200755E-2</v>
      </c>
      <c r="AA642" s="216">
        <v>0</v>
      </c>
      <c r="AB642" s="92">
        <v>2.2445667733440235E-2</v>
      </c>
    </row>
    <row r="643" spans="1:28">
      <c r="A643" s="47" t="s">
        <v>584</v>
      </c>
      <c r="B643" s="213">
        <v>116</v>
      </c>
      <c r="C643" s="217">
        <v>8.762597967072748E-2</v>
      </c>
      <c r="D643" s="95">
        <v>5.510461036288819E-2</v>
      </c>
      <c r="E643" s="217">
        <v>0.11462708177564913</v>
      </c>
      <c r="F643" s="95">
        <v>6.0888838419261536E-2</v>
      </c>
      <c r="G643" s="217">
        <v>0.79774693855362311</v>
      </c>
      <c r="H643" s="95">
        <v>7.4645489469401374E-2</v>
      </c>
      <c r="I643" s="217">
        <v>0</v>
      </c>
      <c r="J643" s="95">
        <v>2.3372982186625143E-2</v>
      </c>
      <c r="K643" s="213">
        <v>116</v>
      </c>
      <c r="L643" s="217">
        <v>9.3572503144097402E-2</v>
      </c>
      <c r="M643" s="95">
        <v>5.6463962981754517E-2</v>
      </c>
      <c r="N643" s="217">
        <v>0.12563752480133097</v>
      </c>
      <c r="O643" s="95">
        <v>6.2992107663840891E-2</v>
      </c>
      <c r="P643" s="217">
        <v>0.76703203993597568</v>
      </c>
      <c r="Q643" s="262">
        <v>7.8181072160783002E-2</v>
      </c>
      <c r="R643" s="217">
        <v>1.375793211859562E-2</v>
      </c>
      <c r="S643" s="95">
        <v>3.1127715318864678E-2</v>
      </c>
      <c r="T643" s="213">
        <v>115</v>
      </c>
      <c r="U643" s="217">
        <v>7.8406083028028845E-2</v>
      </c>
      <c r="V643" s="95">
        <v>5.3139027842974508E-2</v>
      </c>
      <c r="W643" s="217">
        <v>0.11674165831187423</v>
      </c>
      <c r="X643" s="95">
        <v>6.1581901374086631E-2</v>
      </c>
      <c r="Y643" s="217">
        <v>0.78379816225009646</v>
      </c>
      <c r="Z643" s="95">
        <v>7.6648745924820724E-2</v>
      </c>
      <c r="AA643" s="217">
        <v>2.1054096410000195E-2</v>
      </c>
      <c r="AB643" s="95">
        <v>3.4676301051171934E-2</v>
      </c>
    </row>
    <row r="644" spans="1:28">
      <c r="A644" s="55" t="s">
        <v>585</v>
      </c>
      <c r="B644" s="212">
        <v>2250</v>
      </c>
      <c r="C644" s="216">
        <v>5.3622958843393589E-2</v>
      </c>
      <c r="D644" s="92">
        <v>9.5557120979423149E-3</v>
      </c>
      <c r="E644" s="216">
        <v>3.7509204138351515E-2</v>
      </c>
      <c r="F644" s="92">
        <v>8.0878896352686303E-3</v>
      </c>
      <c r="G644" s="216">
        <v>0.90412181816511383</v>
      </c>
      <c r="H644" s="92">
        <v>1.2444352432827623E-2</v>
      </c>
      <c r="I644" s="216">
        <v>4.7460188531411231E-3</v>
      </c>
      <c r="J644" s="92">
        <v>3.1505463017790732E-3</v>
      </c>
      <c r="K644" s="212">
        <v>2236</v>
      </c>
      <c r="L644" s="218">
        <v>0.13276632320516782</v>
      </c>
      <c r="M644" s="92">
        <v>1.4368905011750446E-2</v>
      </c>
      <c r="N644" s="216">
        <v>0.17254069957457804</v>
      </c>
      <c r="O644" s="92">
        <v>1.5988446021797859E-2</v>
      </c>
      <c r="P644" s="216">
        <v>0.68354929420003974</v>
      </c>
      <c r="Q644" s="261">
        <v>1.9659143266408146E-2</v>
      </c>
      <c r="R644" s="216">
        <v>1.1143683020210515E-2</v>
      </c>
      <c r="S644" s="92">
        <v>4.6043925213342784E-3</v>
      </c>
      <c r="T644" s="212">
        <v>2245</v>
      </c>
      <c r="U644" s="216">
        <v>8.4192753342081261E-2</v>
      </c>
      <c r="V644" s="92">
        <v>1.1757048551712763E-2</v>
      </c>
      <c r="W644" s="216">
        <v>8.5682347783972657E-2</v>
      </c>
      <c r="X644" s="92">
        <v>1.1849880252848151E-2</v>
      </c>
      <c r="Y644" s="216">
        <v>0.82246922260543864</v>
      </c>
      <c r="Z644" s="92">
        <v>1.6135440824442668E-2</v>
      </c>
      <c r="AA644" s="216">
        <v>7.6556762685049372E-3</v>
      </c>
      <c r="AB644" s="92">
        <v>3.8786759365143984E-3</v>
      </c>
    </row>
    <row r="645" spans="1:28">
      <c r="A645" s="47" t="s">
        <v>620</v>
      </c>
      <c r="B645" s="213">
        <v>155</v>
      </c>
      <c r="C645" s="217">
        <v>1.3469540838329177E-2</v>
      </c>
      <c r="D645" s="95">
        <v>2.5102723633193155E-2</v>
      </c>
      <c r="E645" s="217">
        <v>2.7835392680413205E-2</v>
      </c>
      <c r="F645" s="95">
        <v>3.097435166790289E-2</v>
      </c>
      <c r="G645" s="217">
        <v>0.9586950664812578</v>
      </c>
      <c r="H645" s="95">
        <v>3.5484746673701925E-2</v>
      </c>
      <c r="I645" s="217">
        <v>0</v>
      </c>
      <c r="J645" s="95">
        <v>1.7676616229639286E-2</v>
      </c>
      <c r="K645" s="213">
        <v>155</v>
      </c>
      <c r="L645" s="217">
        <v>0.13037011951172789</v>
      </c>
      <c r="M645" s="95">
        <v>5.4981199581061124E-2</v>
      </c>
      <c r="N645" s="217">
        <v>0.20646542537872453</v>
      </c>
      <c r="O645" s="95">
        <v>6.5033739645296851E-2</v>
      </c>
      <c r="P645" s="217">
        <v>0.6490725742278276</v>
      </c>
      <c r="Q645" s="262">
        <v>7.5881639558968747E-2</v>
      </c>
      <c r="R645" s="217">
        <v>1.4091880881720449E-2</v>
      </c>
      <c r="S645" s="95">
        <v>2.538927296228442E-2</v>
      </c>
      <c r="T645" s="213">
        <v>155</v>
      </c>
      <c r="U645" s="217">
        <v>8.4759357132227944E-2</v>
      </c>
      <c r="V645" s="95">
        <v>4.6551937429924375E-2</v>
      </c>
      <c r="W645" s="217">
        <v>0.1266332192697962</v>
      </c>
      <c r="X645" s="95">
        <v>5.4374197529070308E-2</v>
      </c>
      <c r="Y645" s="217">
        <v>0.78466517711061057</v>
      </c>
      <c r="Z645" s="95">
        <v>6.5969622718920248E-2</v>
      </c>
      <c r="AA645" s="217">
        <v>3.9422464873655081E-3</v>
      </c>
      <c r="AB645" s="95">
        <v>2.0157876890458108E-2</v>
      </c>
    </row>
    <row r="646" spans="1:28">
      <c r="A646" s="55" t="s">
        <v>621</v>
      </c>
      <c r="B646" s="212">
        <v>163</v>
      </c>
      <c r="C646" s="216">
        <v>8.3258710588740126E-2</v>
      </c>
      <c r="D646" s="92">
        <v>4.5000795728392669E-2</v>
      </c>
      <c r="E646" s="216">
        <v>1.9927736936097663E-2</v>
      </c>
      <c r="F646" s="92">
        <v>2.7001375224218985E-2</v>
      </c>
      <c r="G646" s="216">
        <v>0.89681355247516237</v>
      </c>
      <c r="H646" s="92">
        <v>4.893884988957662E-2</v>
      </c>
      <c r="I646" s="216">
        <v>0</v>
      </c>
      <c r="J646" s="92">
        <v>1.6834966591550982E-2</v>
      </c>
      <c r="K646" s="212">
        <v>162</v>
      </c>
      <c r="L646" s="218">
        <v>0.10836504206109042</v>
      </c>
      <c r="M646" s="92">
        <v>5.0042081318856693E-2</v>
      </c>
      <c r="N646" s="216">
        <v>0.2276943567517124</v>
      </c>
      <c r="O646" s="92">
        <v>6.5745052273664742E-2</v>
      </c>
      <c r="P646" s="216">
        <v>0.65158048522434331</v>
      </c>
      <c r="Q646" s="261">
        <v>7.4140427415147661E-2</v>
      </c>
      <c r="R646" s="216">
        <v>1.2360115962854796E-2</v>
      </c>
      <c r="S646" s="92">
        <v>2.3811083593253173E-2</v>
      </c>
      <c r="T646" s="212">
        <v>163</v>
      </c>
      <c r="U646" s="216">
        <v>0.16198683692138904</v>
      </c>
      <c r="V646" s="92">
        <v>5.814595451517697E-2</v>
      </c>
      <c r="W646" s="216">
        <v>0.11791941196232437</v>
      </c>
      <c r="X646" s="92">
        <v>5.1544758270778944E-2</v>
      </c>
      <c r="Y646" s="216">
        <v>0.72009375111628726</v>
      </c>
      <c r="Z646" s="92">
        <v>6.9876107503897819E-2</v>
      </c>
      <c r="AA646" s="216">
        <v>0</v>
      </c>
      <c r="AB646" s="92">
        <v>1.6834966591550982E-2</v>
      </c>
    </row>
    <row r="647" spans="1:28">
      <c r="A647" s="47" t="s">
        <v>622</v>
      </c>
      <c r="B647" s="213">
        <v>984</v>
      </c>
      <c r="C647" s="217">
        <v>3.4115431596392388E-2</v>
      </c>
      <c r="D647" s="95">
        <v>1.1853609172438545E-2</v>
      </c>
      <c r="E647" s="217">
        <v>4.362526716131554E-2</v>
      </c>
      <c r="F647" s="95">
        <v>1.3256294821428097E-2</v>
      </c>
      <c r="G647" s="217">
        <v>0.91474649057224622</v>
      </c>
      <c r="H647" s="95">
        <v>1.7926453463954255E-2</v>
      </c>
      <c r="I647" s="217">
        <v>7.5128106700456969E-3</v>
      </c>
      <c r="J647" s="95">
        <v>6.1743589065851512E-3</v>
      </c>
      <c r="K647" s="213">
        <v>984</v>
      </c>
      <c r="L647" s="217">
        <v>0.13368763152826499</v>
      </c>
      <c r="M647" s="95">
        <v>2.1754944105935085E-2</v>
      </c>
      <c r="N647" s="217">
        <v>0.16506466976155604</v>
      </c>
      <c r="O647" s="95">
        <v>2.3698924575679247E-2</v>
      </c>
      <c r="P647" s="217">
        <v>0.68812673764967369</v>
      </c>
      <c r="Q647" s="262">
        <v>2.9496059072356903E-2</v>
      </c>
      <c r="R647" s="217">
        <v>1.3120961060506258E-2</v>
      </c>
      <c r="S647" s="95">
        <v>7.7575505422681768E-3</v>
      </c>
      <c r="T647" s="213">
        <v>986</v>
      </c>
      <c r="U647" s="217">
        <v>7.1771726923843607E-2</v>
      </c>
      <c r="V647" s="95">
        <v>1.6587619414569002E-2</v>
      </c>
      <c r="W647" s="217">
        <v>8.4883894310030655E-2</v>
      </c>
      <c r="X647" s="95">
        <v>1.7873664581975066E-2</v>
      </c>
      <c r="Y647" s="217">
        <v>0.83217541453924815</v>
      </c>
      <c r="Z647" s="95">
        <v>2.3830150932651596E-2</v>
      </c>
      <c r="AA647" s="217">
        <v>1.116896422687837E-2</v>
      </c>
      <c r="AB647" s="95">
        <v>7.2394188489709977E-3</v>
      </c>
    </row>
    <row r="648" spans="1:28">
      <c r="A648" s="55" t="s">
        <v>623</v>
      </c>
      <c r="B648" s="212">
        <v>302</v>
      </c>
      <c r="C648" s="216">
        <v>5.0799312856889135E-2</v>
      </c>
      <c r="D648" s="92">
        <v>2.6435169285153527E-2</v>
      </c>
      <c r="E648" s="216">
        <v>2.8298841945643773E-2</v>
      </c>
      <c r="F648" s="92">
        <v>2.0856510364485867E-2</v>
      </c>
      <c r="G648" s="216">
        <v>0.9195933231013883</v>
      </c>
      <c r="H648" s="92">
        <v>3.203637584982303E-2</v>
      </c>
      <c r="I648" s="216">
        <v>1.3085220960785148E-3</v>
      </c>
      <c r="J648" s="92">
        <v>1.0075594860734836E-2</v>
      </c>
      <c r="K648" s="212">
        <v>298</v>
      </c>
      <c r="L648" s="218">
        <v>0.12889205017327079</v>
      </c>
      <c r="M648" s="92">
        <v>3.9180845836078317E-2</v>
      </c>
      <c r="N648" s="216">
        <v>0.17107099525833167</v>
      </c>
      <c r="O648" s="92">
        <v>4.377135098754583E-2</v>
      </c>
      <c r="P648" s="216">
        <v>0.6935665365560999</v>
      </c>
      <c r="Q648" s="261">
        <v>5.3179435450402102E-2</v>
      </c>
      <c r="R648" s="216">
        <v>6.4704180122973432E-3</v>
      </c>
      <c r="S648" s="92">
        <v>1.3039951621043298E-2</v>
      </c>
      <c r="T648" s="212">
        <v>300</v>
      </c>
      <c r="U648" s="216">
        <v>5.0933177650859245E-2</v>
      </c>
      <c r="V648" s="92">
        <v>2.6559502255394746E-2</v>
      </c>
      <c r="W648" s="216">
        <v>9.3107302184040036E-2</v>
      </c>
      <c r="X648" s="92">
        <v>3.4175736762595756E-2</v>
      </c>
      <c r="Y648" s="216">
        <v>0.85463291711976042</v>
      </c>
      <c r="Z648" s="92">
        <v>4.0962645487027792E-2</v>
      </c>
      <c r="AA648" s="216">
        <v>1.3266030453399494E-3</v>
      </c>
      <c r="AB648" s="92">
        <v>1.0147512701500092E-2</v>
      </c>
    </row>
    <row r="649" spans="1:28">
      <c r="A649" s="47" t="s">
        <v>624</v>
      </c>
      <c r="B649" s="213">
        <v>320</v>
      </c>
      <c r="C649" s="217">
        <v>4.8635269073308465E-2</v>
      </c>
      <c r="D649" s="95">
        <v>2.5158559236047203E-2</v>
      </c>
      <c r="E649" s="217">
        <v>5.0285259270649876E-2</v>
      </c>
      <c r="F649" s="95">
        <v>2.5511916800410959E-2</v>
      </c>
      <c r="G649" s="217">
        <v>0.90107947165604185</v>
      </c>
      <c r="H649" s="95">
        <v>3.3899398742242633E-2</v>
      </c>
      <c r="I649" s="217">
        <v>0</v>
      </c>
      <c r="J649" s="95">
        <v>8.7027280798693558E-3</v>
      </c>
      <c r="K649" s="213">
        <v>317</v>
      </c>
      <c r="L649" s="217">
        <v>0.16926405917832252</v>
      </c>
      <c r="M649" s="95">
        <v>4.2260560928763131E-2</v>
      </c>
      <c r="N649" s="217">
        <v>0.18556301619434123</v>
      </c>
      <c r="O649" s="95">
        <v>4.3746379787879715E-2</v>
      </c>
      <c r="P649" s="217">
        <v>0.62961285971292558</v>
      </c>
      <c r="Q649" s="262">
        <v>5.3954703162738114E-2</v>
      </c>
      <c r="R649" s="217">
        <v>1.556006491441168E-2</v>
      </c>
      <c r="S649" s="95">
        <v>1.6226697045617203E-2</v>
      </c>
      <c r="T649" s="213">
        <v>317</v>
      </c>
      <c r="U649" s="217">
        <v>8.4617920390883297E-2</v>
      </c>
      <c r="V649" s="95">
        <v>3.1913249790087937E-2</v>
      </c>
      <c r="W649" s="217">
        <v>0.10590775917001544</v>
      </c>
      <c r="X649" s="95">
        <v>3.5041197179922885E-2</v>
      </c>
      <c r="Y649" s="217">
        <v>0.80050552065330505</v>
      </c>
      <c r="Z649" s="95">
        <v>4.4920555155929562E-2</v>
      </c>
      <c r="AA649" s="217">
        <v>8.9687997857971543E-3</v>
      </c>
      <c r="AB649" s="95">
        <v>1.3607737357602599E-2</v>
      </c>
    </row>
    <row r="650" spans="1:28">
      <c r="A650" s="55" t="s">
        <v>625</v>
      </c>
      <c r="B650" s="212">
        <v>1194</v>
      </c>
      <c r="C650" s="216">
        <v>6.4603100940516564E-2</v>
      </c>
      <c r="D650" s="92">
        <v>1.4352274351865368E-2</v>
      </c>
      <c r="E650" s="216">
        <v>5.5802347696451919E-2</v>
      </c>
      <c r="F650" s="92">
        <v>1.342808115675808E-2</v>
      </c>
      <c r="G650" s="216">
        <v>0.8756085138695231</v>
      </c>
      <c r="H650" s="92">
        <v>1.9152214003951E-2</v>
      </c>
      <c r="I650" s="216">
        <v>3.9860374935093371E-3</v>
      </c>
      <c r="J650" s="92">
        <v>4.3280902704104923E-3</v>
      </c>
      <c r="K650" s="212">
        <v>1184</v>
      </c>
      <c r="L650" s="218">
        <v>0.11830306149704395</v>
      </c>
      <c r="M650" s="92">
        <v>1.8828205263684502E-2</v>
      </c>
      <c r="N650" s="216">
        <v>0.16078106039520632</v>
      </c>
      <c r="O650" s="92">
        <v>2.1375596175157708E-2</v>
      </c>
      <c r="P650" s="216">
        <v>0.71187379817219765</v>
      </c>
      <c r="Q650" s="261">
        <v>2.629867798327706E-2</v>
      </c>
      <c r="R650" s="216">
        <v>9.0420799355518406E-3</v>
      </c>
      <c r="S650" s="92">
        <v>5.9687037186427587E-3</v>
      </c>
      <c r="T650" s="212">
        <v>1189</v>
      </c>
      <c r="U650" s="216">
        <v>7.8316710470410986E-2</v>
      </c>
      <c r="V650" s="92">
        <v>1.5684825937559408E-2</v>
      </c>
      <c r="W650" s="216">
        <v>8.5639501311797303E-2</v>
      </c>
      <c r="X650" s="92">
        <v>1.6321866702683565E-2</v>
      </c>
      <c r="Y650" s="216">
        <v>0.8262039831506961</v>
      </c>
      <c r="Z650" s="92">
        <v>2.1996214041334273E-2</v>
      </c>
      <c r="AA650" s="216">
        <v>9.8398050670961759E-3</v>
      </c>
      <c r="AB650" s="92">
        <v>6.1692784427772405E-3</v>
      </c>
    </row>
    <row r="651" spans="1:28">
      <c r="A651" s="47" t="s">
        <v>626</v>
      </c>
      <c r="B651" s="213">
        <v>1171</v>
      </c>
      <c r="C651" s="217">
        <v>4.7346581438111483E-2</v>
      </c>
      <c r="D651" s="95">
        <v>1.2581315255156518E-2</v>
      </c>
      <c r="E651" s="217">
        <v>3.6228081603758434E-2</v>
      </c>
      <c r="F651" s="95">
        <v>1.1128268696289497E-2</v>
      </c>
      <c r="G651" s="217">
        <v>0.91230548724780802</v>
      </c>
      <c r="H651" s="95">
        <v>1.6621916670110534E-2</v>
      </c>
      <c r="I651" s="217">
        <v>4.1198497103222109E-3</v>
      </c>
      <c r="J651" s="95">
        <v>4.433612441573997E-3</v>
      </c>
      <c r="K651" s="213">
        <v>1167</v>
      </c>
      <c r="L651" s="217">
        <v>0.14461897743296054</v>
      </c>
      <c r="M651" s="95">
        <v>2.0627697118917897E-2</v>
      </c>
      <c r="N651" s="217">
        <v>0.17061714670398676</v>
      </c>
      <c r="O651" s="95">
        <v>2.2043111973006048E-2</v>
      </c>
      <c r="P651" s="217">
        <v>0.66813060978622574</v>
      </c>
      <c r="Q651" s="262">
        <v>2.7533064538634525E-2</v>
      </c>
      <c r="R651" s="217">
        <v>1.6633266076828346E-2</v>
      </c>
      <c r="S651" s="95">
        <v>7.8304125309104841E-3</v>
      </c>
      <c r="T651" s="213">
        <v>1170</v>
      </c>
      <c r="U651" s="217">
        <v>9.3809139717995885E-2</v>
      </c>
      <c r="V651" s="95">
        <v>1.7130759728300513E-2</v>
      </c>
      <c r="W651" s="217">
        <v>0.1003191751138556</v>
      </c>
      <c r="X651" s="95">
        <v>1.7641318825284174E-2</v>
      </c>
      <c r="Y651" s="217">
        <v>0.7964817350564255</v>
      </c>
      <c r="Z651" s="95">
        <v>2.3544263860910658E-2</v>
      </c>
      <c r="AA651" s="217">
        <v>9.3899501117242871E-3</v>
      </c>
      <c r="AB651" s="95">
        <v>6.1050366172875599E-3</v>
      </c>
    </row>
    <row r="652" spans="1:28">
      <c r="A652" s="55" t="s">
        <v>627</v>
      </c>
      <c r="B652" s="212">
        <v>343</v>
      </c>
      <c r="C652" s="216">
        <v>6.1659067600960953E-2</v>
      </c>
      <c r="D652" s="92">
        <v>2.6790143900134903E-2</v>
      </c>
      <c r="E652" s="216">
        <v>2.1720687144872207E-2</v>
      </c>
      <c r="F652" s="92">
        <v>1.7475319096885687E-2</v>
      </c>
      <c r="G652" s="216">
        <v>0.91487804599286227</v>
      </c>
      <c r="H652" s="92">
        <v>3.0711374974006604E-2</v>
      </c>
      <c r="I652" s="216">
        <v>1.7421992613038256E-3</v>
      </c>
      <c r="J652" s="92">
        <v>9.254498248267325E-3</v>
      </c>
      <c r="K652" s="212">
        <v>342</v>
      </c>
      <c r="L652" s="218">
        <v>0.13901278400791495</v>
      </c>
      <c r="M652" s="92">
        <v>3.7660454823324439E-2</v>
      </c>
      <c r="N652" s="216">
        <v>0.17969130133394612</v>
      </c>
      <c r="O652" s="92">
        <v>4.1609362233808976E-2</v>
      </c>
      <c r="P652" s="216">
        <v>0.65404961622150493</v>
      </c>
      <c r="Q652" s="261">
        <v>5.1206737756463935E-2</v>
      </c>
      <c r="R652" s="216">
        <v>2.7246298436631653E-2</v>
      </c>
      <c r="S652" s="92">
        <v>1.9125870414771991E-2</v>
      </c>
      <c r="T652" s="212">
        <v>341</v>
      </c>
      <c r="U652" s="216">
        <v>0.10788494666410905</v>
      </c>
      <c r="V652" s="92">
        <v>3.401456322131112E-2</v>
      </c>
      <c r="W652" s="216">
        <v>0.10340994938365966</v>
      </c>
      <c r="X652" s="92">
        <v>3.3421740097205652E-2</v>
      </c>
      <c r="Y652" s="216">
        <v>0.77946681233746518</v>
      </c>
      <c r="Z652" s="92">
        <v>4.4876494713564162E-2</v>
      </c>
      <c r="AA652" s="216">
        <v>9.2382916147642283E-3</v>
      </c>
      <c r="AB652" s="92">
        <v>1.3057477759912237E-2</v>
      </c>
    </row>
    <row r="653" spans="1:28">
      <c r="A653" s="47" t="s">
        <v>628</v>
      </c>
      <c r="B653" s="213">
        <v>828</v>
      </c>
      <c r="C653" s="217">
        <v>3.8723309242959726E-2</v>
      </c>
      <c r="D653" s="95">
        <v>1.3739475226442114E-2</v>
      </c>
      <c r="E653" s="217">
        <v>4.4968786037494886E-2</v>
      </c>
      <c r="F653" s="95">
        <v>1.4697708259108634E-2</v>
      </c>
      <c r="G653" s="217">
        <v>0.91075552073296029</v>
      </c>
      <c r="H653" s="95">
        <v>1.9963706376996408E-2</v>
      </c>
      <c r="I653" s="217">
        <v>5.5523839865843907E-3</v>
      </c>
      <c r="J653" s="95">
        <v>6.1498352251555559E-3</v>
      </c>
      <c r="K653" s="213">
        <v>825</v>
      </c>
      <c r="L653" s="217">
        <v>0.147982065823904</v>
      </c>
      <c r="M653" s="95">
        <v>2.4781438529957588E-2</v>
      </c>
      <c r="N653" s="217">
        <v>0.16517366985973286</v>
      </c>
      <c r="O653" s="95">
        <v>2.5894896363236636E-2</v>
      </c>
      <c r="P653" s="217">
        <v>0.67657762943040722</v>
      </c>
      <c r="Q653" s="262">
        <v>3.2515784733466384E-2</v>
      </c>
      <c r="R653" s="217">
        <v>1.0266634885955181E-2</v>
      </c>
      <c r="S653" s="95">
        <v>7.7569019983463883E-3</v>
      </c>
      <c r="T653" s="213">
        <v>829</v>
      </c>
      <c r="U653" s="217">
        <v>8.5420893988641014E-2</v>
      </c>
      <c r="V653" s="95">
        <v>1.9571749976423997E-2</v>
      </c>
      <c r="W653" s="217">
        <v>9.8477279003150078E-2</v>
      </c>
      <c r="X653" s="95">
        <v>2.0826168219150499E-2</v>
      </c>
      <c r="Y653" s="217">
        <v>0.80662149850863685</v>
      </c>
      <c r="Z653" s="95">
        <v>2.7447123512084219E-2</v>
      </c>
      <c r="AA653" s="217">
        <v>9.4803284995719946E-3</v>
      </c>
      <c r="AB653" s="95">
        <v>7.4941128593373346E-3</v>
      </c>
    </row>
    <row r="654" spans="1:28">
      <c r="A654" s="55" t="s">
        <v>629</v>
      </c>
      <c r="B654" s="212">
        <v>216</v>
      </c>
      <c r="C654" s="216">
        <v>5.9139903466126915E-2</v>
      </c>
      <c r="D654" s="92">
        <v>3.3749255835394509E-2</v>
      </c>
      <c r="E654" s="216">
        <v>4.1854876339304209E-2</v>
      </c>
      <c r="F654" s="92">
        <v>2.9439081866934665E-2</v>
      </c>
      <c r="G654" s="216">
        <v>0.89767694225384798</v>
      </c>
      <c r="H654" s="92">
        <v>4.2114900799080889E-2</v>
      </c>
      <c r="I654" s="216">
        <v>1.3282779407203017E-3</v>
      </c>
      <c r="J654" s="92">
        <v>1.3676110384893785E-2</v>
      </c>
      <c r="K654" s="212">
        <v>216</v>
      </c>
      <c r="L654" s="218">
        <v>0.12710816605701958</v>
      </c>
      <c r="M654" s="92">
        <v>4.591732022804812E-2</v>
      </c>
      <c r="N654" s="216">
        <v>0.22174632488973267</v>
      </c>
      <c r="O654" s="92">
        <v>5.6466362581140947E-2</v>
      </c>
      <c r="P654" s="216">
        <v>0.65114550905324753</v>
      </c>
      <c r="Q654" s="261">
        <v>6.4382127536245629E-2</v>
      </c>
      <c r="R654" s="216">
        <v>0</v>
      </c>
      <c r="S654" s="92">
        <v>1.279791493160288E-2</v>
      </c>
      <c r="T654" s="212">
        <v>217</v>
      </c>
      <c r="U654" s="216">
        <v>6.7002788031061508E-2</v>
      </c>
      <c r="V654" s="92">
        <v>3.5400447307666914E-2</v>
      </c>
      <c r="W654" s="216">
        <v>8.1069291241932351E-2</v>
      </c>
      <c r="X654" s="92">
        <v>3.824015921620022E-2</v>
      </c>
      <c r="Y654" s="216">
        <v>0.85061200125858449</v>
      </c>
      <c r="Z654" s="92">
        <v>4.8782621398115789E-2</v>
      </c>
      <c r="AA654" s="216">
        <v>1.3159194684209316E-3</v>
      </c>
      <c r="AB654" s="92">
        <v>1.3610563693890373E-2</v>
      </c>
    </row>
    <row r="655" spans="1:28">
      <c r="A655" s="47" t="s">
        <v>630</v>
      </c>
      <c r="B655" s="213">
        <v>390</v>
      </c>
      <c r="C655" s="217">
        <v>3.7801299698726726E-2</v>
      </c>
      <c r="D655" s="95">
        <v>2.0324264737389304E-2</v>
      </c>
      <c r="E655" s="217">
        <v>4.3505007871701709E-2</v>
      </c>
      <c r="F655" s="95">
        <v>2.1568463950622049E-2</v>
      </c>
      <c r="G655" s="217">
        <v>0.91348082306589451</v>
      </c>
      <c r="H655" s="95">
        <v>2.8938476037798547E-2</v>
      </c>
      <c r="I655" s="217">
        <v>5.2128693636779499E-3</v>
      </c>
      <c r="J655" s="95">
        <v>1.0141792433997182E-2</v>
      </c>
      <c r="K655" s="213">
        <v>386</v>
      </c>
      <c r="L655" s="217">
        <v>0.19354128715005145</v>
      </c>
      <c r="M655" s="95">
        <v>4.0255552789441845E-2</v>
      </c>
      <c r="N655" s="217">
        <v>0.15321165268854056</v>
      </c>
      <c r="O655" s="95">
        <v>3.6821413415325958E-2</v>
      </c>
      <c r="P655" s="217">
        <v>0.64710997066350862</v>
      </c>
      <c r="Q655" s="262">
        <v>4.8442437952071371E-2</v>
      </c>
      <c r="R655" s="217">
        <v>6.1370894979007225E-3</v>
      </c>
      <c r="S655" s="95">
        <v>1.0658742635356185E-2</v>
      </c>
      <c r="T655" s="213">
        <v>387</v>
      </c>
      <c r="U655" s="217">
        <v>0.11000997102375361</v>
      </c>
      <c r="V655" s="95">
        <v>3.2144768629102441E-2</v>
      </c>
      <c r="W655" s="217">
        <v>0.11730436216946184</v>
      </c>
      <c r="X655" s="95">
        <v>3.3011702553434344E-2</v>
      </c>
      <c r="Y655" s="217">
        <v>0.77098373082924465</v>
      </c>
      <c r="Z655" s="95">
        <v>4.2680347749199231E-2</v>
      </c>
      <c r="AA655" s="217">
        <v>1.7019359775408576E-3</v>
      </c>
      <c r="AB655" s="95">
        <v>8.311936153518034E-3</v>
      </c>
    </row>
    <row r="656" spans="1:28">
      <c r="A656" s="55" t="s">
        <v>631</v>
      </c>
      <c r="B656" s="212">
        <v>56</v>
      </c>
      <c r="C656" s="216">
        <v>4.0151093340901979E-2</v>
      </c>
      <c r="D656" s="92">
        <v>6.6228875154346278E-2</v>
      </c>
      <c r="E656" s="216">
        <v>1.9031513019228594E-2</v>
      </c>
      <c r="F656" s="92">
        <v>5.6853771230750014E-2</v>
      </c>
      <c r="G656" s="216">
        <v>0.9408173936398696</v>
      </c>
      <c r="H656" s="92">
        <v>7.3360166789770101E-2</v>
      </c>
      <c r="I656" s="216">
        <v>0</v>
      </c>
      <c r="J656" s="92">
        <v>4.6348119143587135E-2</v>
      </c>
      <c r="K656" s="212">
        <v>55</v>
      </c>
      <c r="L656" s="218">
        <v>0.20688113169307093</v>
      </c>
      <c r="M656" s="92">
        <v>0.10902849990772968</v>
      </c>
      <c r="N656" s="216">
        <v>7.9718517751811213E-2</v>
      </c>
      <c r="O656" s="92">
        <v>8.0885900886114317E-2</v>
      </c>
      <c r="P656" s="216">
        <v>0.71340035055511786</v>
      </c>
      <c r="Q656" s="261">
        <v>0.1194410281940544</v>
      </c>
      <c r="R656" s="216">
        <v>0</v>
      </c>
      <c r="S656" s="92">
        <v>4.7119904748779487E-2</v>
      </c>
      <c r="T656" s="212">
        <v>55</v>
      </c>
      <c r="U656" s="216">
        <v>0.17401997218990367</v>
      </c>
      <c r="V656" s="92">
        <v>0.10338577939266211</v>
      </c>
      <c r="W656" s="216">
        <v>0.10312955359603958</v>
      </c>
      <c r="X656" s="92">
        <v>8.7576274498138623E-2</v>
      </c>
      <c r="Y656" s="216">
        <v>0.72285047421405679</v>
      </c>
      <c r="Z656" s="92">
        <v>0.11841990068220329</v>
      </c>
      <c r="AA656" s="216">
        <v>0</v>
      </c>
      <c r="AB656" s="92">
        <v>4.7119904748779487E-2</v>
      </c>
    </row>
    <row r="657" spans="1:28">
      <c r="A657" s="47" t="s">
        <v>632</v>
      </c>
      <c r="B657" s="213">
        <v>334</v>
      </c>
      <c r="C657" s="217">
        <v>3.7128027817798059E-2</v>
      </c>
      <c r="D657" s="95">
        <v>2.1971080566979644E-2</v>
      </c>
      <c r="E657" s="217">
        <v>5.0517247421796148E-2</v>
      </c>
      <c r="F657" s="95">
        <v>2.4977823867371612E-2</v>
      </c>
      <c r="G657" s="217">
        <v>0.90564824408613231</v>
      </c>
      <c r="H657" s="95">
        <v>3.2512381424896812E-2</v>
      </c>
      <c r="I657" s="217">
        <v>6.7064806742735995E-3</v>
      </c>
      <c r="J657" s="95">
        <v>1.2107465053658223E-2</v>
      </c>
      <c r="K657" s="213">
        <v>331</v>
      </c>
      <c r="L657" s="217">
        <v>0.18976230267253499</v>
      </c>
      <c r="M657" s="95">
        <v>4.3164011426440704E-2</v>
      </c>
      <c r="N657" s="217">
        <v>0.17403119186939611</v>
      </c>
      <c r="O657" s="95">
        <v>4.1790756082497382E-2</v>
      </c>
      <c r="P657" s="217">
        <v>0.62833086751795197</v>
      </c>
      <c r="Q657" s="262">
        <v>5.2849787192133832E-2</v>
      </c>
      <c r="R657" s="217">
        <v>7.8756379401186353E-3</v>
      </c>
      <c r="S657" s="95">
        <v>1.2725641809640666E-2</v>
      </c>
      <c r="T657" s="213">
        <v>332</v>
      </c>
      <c r="U657" s="217">
        <v>9.2207156259242598E-2</v>
      </c>
      <c r="V657" s="95">
        <v>3.230082439439988E-2</v>
      </c>
      <c r="W657" s="217">
        <v>0.12124673815380226</v>
      </c>
      <c r="X657" s="95">
        <v>3.6177671368878075E-2</v>
      </c>
      <c r="Y657" s="217">
        <v>0.78437081778318141</v>
      </c>
      <c r="Z657" s="95">
        <v>4.5125113953136751E-2</v>
      </c>
      <c r="AA657" s="217">
        <v>2.1752878037745297E-3</v>
      </c>
      <c r="AB657" s="95">
        <v>9.7810152333466429E-3</v>
      </c>
    </row>
    <row r="658" spans="1:28">
      <c r="A658" s="55" t="s">
        <v>633</v>
      </c>
      <c r="B658" s="212">
        <v>664</v>
      </c>
      <c r="C658" s="216">
        <v>4.0503248107478428E-2</v>
      </c>
      <c r="D658" s="92">
        <v>1.5741884016980168E-2</v>
      </c>
      <c r="E658" s="216">
        <v>2.620051366887759E-2</v>
      </c>
      <c r="F658" s="92">
        <v>1.2993423490185708E-2</v>
      </c>
      <c r="G658" s="216">
        <v>0.92717354194328738</v>
      </c>
      <c r="H658" s="92">
        <v>2.0429750847486494E-2</v>
      </c>
      <c r="I658" s="216">
        <v>6.1226962803571225E-3</v>
      </c>
      <c r="J658" s="92">
        <v>7.3401521382364691E-3</v>
      </c>
      <c r="K658" s="212">
        <v>656</v>
      </c>
      <c r="L658" s="218">
        <v>0.11147941484034028</v>
      </c>
      <c r="M658" s="92">
        <v>2.4725877271991027E-2</v>
      </c>
      <c r="N658" s="216">
        <v>0.1632174535523094</v>
      </c>
      <c r="O658" s="92">
        <v>2.8914520654910979E-2</v>
      </c>
      <c r="P658" s="216">
        <v>0.71271226274547583</v>
      </c>
      <c r="Q658" s="261">
        <v>3.5273844188820652E-2</v>
      </c>
      <c r="R658" s="216">
        <v>1.2590868861873987E-2</v>
      </c>
      <c r="S658" s="92">
        <v>9.6305136311070298E-3</v>
      </c>
      <c r="T658" s="212">
        <v>660</v>
      </c>
      <c r="U658" s="216">
        <v>6.6277423926685952E-2</v>
      </c>
      <c r="V658" s="92">
        <v>1.9657358507959341E-2</v>
      </c>
      <c r="W658" s="216">
        <v>7.6214199165029126E-2</v>
      </c>
      <c r="X658" s="92">
        <v>2.0907551179373932E-2</v>
      </c>
      <c r="Y658" s="216">
        <v>0.84760420007355319</v>
      </c>
      <c r="Z658" s="92">
        <v>2.8051448266844175E-2</v>
      </c>
      <c r="AA658" s="216">
        <v>9.9041768347316594E-3</v>
      </c>
      <c r="AB658" s="92">
        <v>8.7437654700711926E-3</v>
      </c>
    </row>
    <row r="659" spans="1:28">
      <c r="A659" s="47" t="s">
        <v>634</v>
      </c>
      <c r="B659" s="213">
        <v>605</v>
      </c>
      <c r="C659" s="217">
        <v>4.6358337229156214E-2</v>
      </c>
      <c r="D659" s="95">
        <v>1.7551929192974016E-2</v>
      </c>
      <c r="E659" s="217">
        <v>3.0541783012491105E-2</v>
      </c>
      <c r="F659" s="95">
        <v>1.4609216070881529E-2</v>
      </c>
      <c r="G659" s="217">
        <v>0.91953028792182512</v>
      </c>
      <c r="H659" s="95">
        <v>2.2386191760300454E-2</v>
      </c>
      <c r="I659" s="217">
        <v>3.5695918365281337E-3</v>
      </c>
      <c r="J659" s="95">
        <v>6.674986568620824E-3</v>
      </c>
      <c r="K659" s="213">
        <v>607</v>
      </c>
      <c r="L659" s="217">
        <v>0.12974145894610117</v>
      </c>
      <c r="M659" s="95">
        <v>2.7402284598288591E-2</v>
      </c>
      <c r="N659" s="217">
        <v>0.19670844165203247</v>
      </c>
      <c r="O659" s="95">
        <v>3.2285011909495544E-2</v>
      </c>
      <c r="P659" s="217">
        <v>0.64877643766264104</v>
      </c>
      <c r="Q659" s="262">
        <v>3.8647717377109231E-2</v>
      </c>
      <c r="R659" s="217">
        <v>2.4773661739225985E-2</v>
      </c>
      <c r="S659" s="95">
        <v>1.3321466067189282E-2</v>
      </c>
      <c r="T659" s="213">
        <v>605</v>
      </c>
      <c r="U659" s="217">
        <v>9.199751888311343E-2</v>
      </c>
      <c r="V659" s="95">
        <v>2.3727176713697649E-2</v>
      </c>
      <c r="W659" s="217">
        <v>0.10120405112572954</v>
      </c>
      <c r="X659" s="95">
        <v>2.4720985154640777E-2</v>
      </c>
      <c r="Y659" s="217">
        <v>0.79670498193268446</v>
      </c>
      <c r="Z659" s="95">
        <v>3.2732060872759948E-2</v>
      </c>
      <c r="AA659" s="217">
        <v>1.0093448058473986E-2</v>
      </c>
      <c r="AB659" s="95">
        <v>9.2879625716549806E-3</v>
      </c>
    </row>
    <row r="660" spans="1:28">
      <c r="A660" s="55" t="s">
        <v>635</v>
      </c>
      <c r="B660" s="212">
        <v>226</v>
      </c>
      <c r="C660" s="216">
        <v>6.4580398257249497E-2</v>
      </c>
      <c r="D660" s="92">
        <v>3.4121743725679839E-2</v>
      </c>
      <c r="E660" s="216">
        <v>1.5880758815406338E-2</v>
      </c>
      <c r="F660" s="92">
        <v>2.0306230784574504E-2</v>
      </c>
      <c r="G660" s="216">
        <v>0.91680951628951901</v>
      </c>
      <c r="H660" s="92">
        <v>3.782340424842378E-2</v>
      </c>
      <c r="I660" s="216">
        <v>2.7293266378246358E-3</v>
      </c>
      <c r="J660" s="92">
        <v>1.3986368815046299E-2</v>
      </c>
      <c r="K660" s="212">
        <v>226</v>
      </c>
      <c r="L660" s="218">
        <v>0.11863528865660009</v>
      </c>
      <c r="M660" s="92">
        <v>4.3653919021473503E-2</v>
      </c>
      <c r="N660" s="216">
        <v>0.2075815852939536</v>
      </c>
      <c r="O660" s="92">
        <v>5.3962920886718106E-2</v>
      </c>
      <c r="P660" s="216">
        <v>0.63606035740593647</v>
      </c>
      <c r="Q660" s="261">
        <v>6.3537170252619166E-2</v>
      </c>
      <c r="R660" s="216">
        <v>3.7722768643509264E-2</v>
      </c>
      <c r="S660" s="92">
        <v>2.7558058212334136E-2</v>
      </c>
      <c r="T660" s="212">
        <v>224</v>
      </c>
      <c r="U660" s="216">
        <v>9.4862860217359804E-2</v>
      </c>
      <c r="V660" s="92">
        <v>4.0081614213391931E-2</v>
      </c>
      <c r="W660" s="216">
        <v>0.10744705496417234</v>
      </c>
      <c r="X660" s="92">
        <v>4.2148795929399921E-2</v>
      </c>
      <c r="Y660" s="216">
        <v>0.78797805460414916</v>
      </c>
      <c r="Z660" s="92">
        <v>5.4604316253364905E-2</v>
      </c>
      <c r="AA660" s="216">
        <v>9.7120302143178881E-3</v>
      </c>
      <c r="AB660" s="92">
        <v>1.7759695433586409E-2</v>
      </c>
    </row>
    <row r="661" spans="1:28">
      <c r="A661" s="47" t="s">
        <v>636</v>
      </c>
      <c r="B661" s="213">
        <v>379</v>
      </c>
      <c r="C661" s="217">
        <v>3.0746283985902418E-2</v>
      </c>
      <c r="D661" s="95">
        <v>1.8947885078840914E-2</v>
      </c>
      <c r="E661" s="217">
        <v>4.3102858843190914E-2</v>
      </c>
      <c r="F661" s="95">
        <v>2.1818776569404709E-2</v>
      </c>
      <c r="G661" s="217">
        <v>0.92186135417831483</v>
      </c>
      <c r="H661" s="95">
        <v>2.8123359856379891E-2</v>
      </c>
      <c r="I661" s="217">
        <v>4.2895029925926189E-3</v>
      </c>
      <c r="J661" s="95">
        <v>9.896075610695847E-3</v>
      </c>
      <c r="K661" s="213">
        <v>381</v>
      </c>
      <c r="L661" s="217">
        <v>0.13921366654026907</v>
      </c>
      <c r="M661" s="95">
        <v>3.5678788502546167E-2</v>
      </c>
      <c r="N661" s="217">
        <v>0.18743497734410206</v>
      </c>
      <c r="O661" s="95">
        <v>4.0041877576463013E-2</v>
      </c>
      <c r="P661" s="217">
        <v>0.65962170194689818</v>
      </c>
      <c r="Q661" s="262">
        <v>4.8354491596747901E-2</v>
      </c>
      <c r="R661" s="217">
        <v>1.3729654168732043E-2</v>
      </c>
      <c r="S661" s="95">
        <v>1.3837294639726928E-2</v>
      </c>
      <c r="T661" s="213">
        <v>381</v>
      </c>
      <c r="U661" s="217">
        <v>8.9570461303669802E-2</v>
      </c>
      <c r="V661" s="95">
        <v>2.9722477406005168E-2</v>
      </c>
      <c r="W661" s="217">
        <v>9.5915979647650751E-2</v>
      </c>
      <c r="X661" s="95">
        <v>3.0594353284747838E-2</v>
      </c>
      <c r="Y661" s="217">
        <v>0.80409703497181761</v>
      </c>
      <c r="Z661" s="95">
        <v>4.0699924347125133E-2</v>
      </c>
      <c r="AA661" s="217">
        <v>1.0416524076863115E-2</v>
      </c>
      <c r="AB661" s="95">
        <v>1.2592621777194342E-2</v>
      </c>
    </row>
  </sheetData>
  <mergeCells count="60">
    <mergeCell ref="K621:S621"/>
    <mergeCell ref="B621:J621"/>
    <mergeCell ref="A575:D575"/>
    <mergeCell ref="T621:AB621"/>
    <mergeCell ref="A444:S444"/>
    <mergeCell ref="A576:D576"/>
    <mergeCell ref="A577:D577"/>
    <mergeCell ref="K533:S533"/>
    <mergeCell ref="T533:AB533"/>
    <mergeCell ref="B445:J445"/>
    <mergeCell ref="A489:D489"/>
    <mergeCell ref="A487:D487"/>
    <mergeCell ref="A3:D3"/>
    <mergeCell ref="A4:D4"/>
    <mergeCell ref="A5:D5"/>
    <mergeCell ref="A47:BD47"/>
    <mergeCell ref="A224:AH224"/>
    <mergeCell ref="A223:AH223"/>
    <mergeCell ref="A179:D179"/>
    <mergeCell ref="A180:D180"/>
    <mergeCell ref="A181:D181"/>
    <mergeCell ref="M49:W49"/>
    <mergeCell ref="A48:BD48"/>
    <mergeCell ref="M137:W137"/>
    <mergeCell ref="A135:W135"/>
    <mergeCell ref="A620:AB620"/>
    <mergeCell ref="A619:AB619"/>
    <mergeCell ref="X225:AH225"/>
    <mergeCell ref="A311:D311"/>
    <mergeCell ref="A268:L268"/>
    <mergeCell ref="B225:L225"/>
    <mergeCell ref="M225:W225"/>
    <mergeCell ref="B269:L269"/>
    <mergeCell ref="AC533:AK533"/>
    <mergeCell ref="A312:D312"/>
    <mergeCell ref="A313:D313"/>
    <mergeCell ref="A488:D488"/>
    <mergeCell ref="K445:S445"/>
    <mergeCell ref="A399:D399"/>
    <mergeCell ref="A400:D400"/>
    <mergeCell ref="A443:S443"/>
    <mergeCell ref="X49:AH49"/>
    <mergeCell ref="AI49:AS49"/>
    <mergeCell ref="B49:L49"/>
    <mergeCell ref="AT49:BD49"/>
    <mergeCell ref="B137:L137"/>
    <mergeCell ref="A136:W136"/>
    <mergeCell ref="A91:D91"/>
    <mergeCell ref="A92:D92"/>
    <mergeCell ref="A93:D93"/>
    <mergeCell ref="C260:AH260"/>
    <mergeCell ref="AL533:AT533"/>
    <mergeCell ref="A532:AT532"/>
    <mergeCell ref="A531:AT531"/>
    <mergeCell ref="B533:J533"/>
    <mergeCell ref="B357:J357"/>
    <mergeCell ref="K357:S357"/>
    <mergeCell ref="A356:S356"/>
    <mergeCell ref="A355:S355"/>
    <mergeCell ref="A401:D401"/>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89"/>
  <sheetViews>
    <sheetView zoomScaleNormal="100" workbookViewId="0"/>
  </sheetViews>
  <sheetFormatPr defaultColWidth="21.28515625" defaultRowHeight="15"/>
  <cols>
    <col min="1" max="1" width="45.5703125" customWidth="1"/>
  </cols>
  <sheetData>
    <row r="1" spans="1:4" ht="31.5">
      <c r="A1" s="31" t="s">
        <v>52</v>
      </c>
    </row>
    <row r="3" spans="1:4" ht="18.75">
      <c r="A3" s="427" t="s">
        <v>17</v>
      </c>
      <c r="B3" s="427"/>
      <c r="C3" s="427"/>
      <c r="D3" s="427"/>
    </row>
    <row r="4" spans="1:4" ht="176.25" customHeight="1">
      <c r="A4" s="418" t="s">
        <v>435</v>
      </c>
      <c r="B4" s="418"/>
      <c r="C4" s="418"/>
      <c r="D4" s="418"/>
    </row>
    <row r="5" spans="1:4" ht="36.75" customHeight="1">
      <c r="A5" s="401" t="s">
        <v>148</v>
      </c>
      <c r="B5" s="401"/>
      <c r="C5" s="401"/>
      <c r="D5" s="401"/>
    </row>
    <row r="6" spans="1:4" ht="72">
      <c r="A6" s="35" t="s">
        <v>70</v>
      </c>
      <c r="B6" s="36" t="s">
        <v>71</v>
      </c>
      <c r="C6" s="37" t="s">
        <v>550</v>
      </c>
      <c r="D6" s="38" t="s">
        <v>72</v>
      </c>
    </row>
    <row r="7" spans="1:4" ht="60">
      <c r="A7" s="39"/>
      <c r="B7" s="40" t="s">
        <v>73</v>
      </c>
      <c r="C7" s="126" t="s">
        <v>149</v>
      </c>
      <c r="D7" s="42" t="s">
        <v>75</v>
      </c>
    </row>
    <row r="8" spans="1:4">
      <c r="A8" s="43" t="s">
        <v>348</v>
      </c>
      <c r="B8" s="219">
        <v>4275</v>
      </c>
      <c r="C8" s="82">
        <v>4.2385792530181288</v>
      </c>
      <c r="D8" s="83">
        <v>4.3532973073410114E-2</v>
      </c>
    </row>
    <row r="9" spans="1:4">
      <c r="A9" s="47" t="s">
        <v>349</v>
      </c>
      <c r="B9" s="47">
        <v>3994</v>
      </c>
      <c r="C9" s="221">
        <v>4.055070682855435</v>
      </c>
      <c r="D9" s="222">
        <v>4.4276035278054293E-2</v>
      </c>
    </row>
    <row r="10" spans="1:4">
      <c r="A10" s="43" t="s">
        <v>350</v>
      </c>
      <c r="B10" s="51">
        <v>281</v>
      </c>
      <c r="C10" s="82">
        <v>4.8525911245161026</v>
      </c>
      <c r="D10" s="83">
        <v>0.19225820332976956</v>
      </c>
    </row>
    <row r="11" spans="1:4">
      <c r="A11" s="47" t="s">
        <v>568</v>
      </c>
      <c r="B11" s="47">
        <v>2898</v>
      </c>
      <c r="C11" s="221">
        <v>4.232097771292552</v>
      </c>
      <c r="D11" s="222">
        <v>5.4129484930920714E-2</v>
      </c>
    </row>
    <row r="12" spans="1:4">
      <c r="A12" s="43" t="s">
        <v>569</v>
      </c>
      <c r="B12" s="51">
        <v>1377</v>
      </c>
      <c r="C12" s="82">
        <v>4.5107122311551642</v>
      </c>
      <c r="D12" s="83">
        <v>7.0219114713737693E-2</v>
      </c>
    </row>
    <row r="13" spans="1:4">
      <c r="A13" s="47" t="s">
        <v>570</v>
      </c>
      <c r="B13" s="47">
        <v>441</v>
      </c>
      <c r="C13" s="221">
        <v>4.5440144001439631</v>
      </c>
      <c r="D13" s="222">
        <v>0.12148350047758405</v>
      </c>
    </row>
    <row r="14" spans="1:4">
      <c r="A14" s="43" t="s">
        <v>571</v>
      </c>
      <c r="B14" s="51">
        <v>823</v>
      </c>
      <c r="C14" s="82">
        <v>4.5185428801810978</v>
      </c>
      <c r="D14" s="83">
        <v>9.0559133498678557E-2</v>
      </c>
    </row>
    <row r="15" spans="1:4">
      <c r="A15" s="47" t="s">
        <v>582</v>
      </c>
      <c r="B15" s="47">
        <v>394</v>
      </c>
      <c r="C15" s="221">
        <v>4.1245056435218848</v>
      </c>
      <c r="D15" s="222">
        <v>0.13451686296358817</v>
      </c>
    </row>
    <row r="16" spans="1:4">
      <c r="A16" s="43" t="s">
        <v>583</v>
      </c>
      <c r="B16" s="51">
        <v>983</v>
      </c>
      <c r="C16" s="82">
        <v>4.6144384485981993</v>
      </c>
      <c r="D16" s="83">
        <v>8.0561863670189887E-2</v>
      </c>
    </row>
    <row r="17" spans="1:4">
      <c r="A17" s="47" t="s">
        <v>572</v>
      </c>
      <c r="B17" s="47">
        <v>74</v>
      </c>
      <c r="C17" s="221">
        <v>4.0153029948382262</v>
      </c>
      <c r="D17" s="222">
        <v>0.26153782887052462</v>
      </c>
    </row>
    <row r="18" spans="1:4">
      <c r="A18" s="43" t="s">
        <v>573</v>
      </c>
      <c r="B18" s="219">
        <v>263</v>
      </c>
      <c r="C18" s="82">
        <v>4.1504508199147692</v>
      </c>
      <c r="D18" s="83">
        <v>0.15606388125193726</v>
      </c>
    </row>
    <row r="19" spans="1:4">
      <c r="A19" s="47" t="s">
        <v>574</v>
      </c>
      <c r="B19" s="220">
        <v>417</v>
      </c>
      <c r="C19" s="221">
        <v>4.4299124958396208</v>
      </c>
      <c r="D19" s="222">
        <v>0.1248741065494695</v>
      </c>
    </row>
    <row r="20" spans="1:4">
      <c r="A20" s="43" t="s">
        <v>575</v>
      </c>
      <c r="B20" s="81">
        <v>605</v>
      </c>
      <c r="C20" s="82">
        <v>4.8629960370508147</v>
      </c>
      <c r="D20" s="83">
        <v>0.10419011149423346</v>
      </c>
    </row>
    <row r="21" spans="1:4">
      <c r="A21" s="47" t="s">
        <v>576</v>
      </c>
      <c r="B21" s="220">
        <v>422</v>
      </c>
      <c r="C21" s="221">
        <v>4.165327958551222</v>
      </c>
      <c r="D21" s="222">
        <v>0.12927489897027725</v>
      </c>
    </row>
    <row r="22" spans="1:4">
      <c r="A22" s="55" t="s">
        <v>577</v>
      </c>
      <c r="B22" s="219">
        <v>494</v>
      </c>
      <c r="C22" s="82">
        <v>4.7339911121739613</v>
      </c>
      <c r="D22" s="83">
        <v>0.11227136975850192</v>
      </c>
    </row>
    <row r="23" spans="1:4">
      <c r="A23" s="47" t="s">
        <v>578</v>
      </c>
      <c r="B23" s="220">
        <v>143</v>
      </c>
      <c r="C23" s="221">
        <v>4.4580755408994666</v>
      </c>
      <c r="D23" s="222">
        <v>0.19822982482775772</v>
      </c>
    </row>
    <row r="24" spans="1:4">
      <c r="A24" s="55" t="s">
        <v>579</v>
      </c>
      <c r="B24" s="219">
        <v>119</v>
      </c>
      <c r="C24" s="82">
        <v>4.7440193903471242</v>
      </c>
      <c r="D24" s="83">
        <v>0.25647250242237546</v>
      </c>
    </row>
    <row r="25" spans="1:4">
      <c r="A25" s="47" t="s">
        <v>580</v>
      </c>
      <c r="B25" s="220">
        <v>116</v>
      </c>
      <c r="C25" s="221">
        <v>4.5770129940801958</v>
      </c>
      <c r="D25" s="222">
        <v>0.22867585314544722</v>
      </c>
    </row>
    <row r="26" spans="1:4">
      <c r="A26" s="55" t="s">
        <v>581</v>
      </c>
      <c r="B26" s="219">
        <v>75</v>
      </c>
      <c r="C26" s="82">
        <v>4.9515901763001811</v>
      </c>
      <c r="D26" s="83">
        <v>0.30399097938794967</v>
      </c>
    </row>
    <row r="27" spans="1:4">
      <c r="A27" s="47" t="s">
        <v>584</v>
      </c>
      <c r="B27" s="220">
        <v>4</v>
      </c>
      <c r="C27" s="433" t="s">
        <v>656</v>
      </c>
      <c r="D27" s="434"/>
    </row>
    <row r="28" spans="1:4">
      <c r="A28" s="55" t="s">
        <v>585</v>
      </c>
      <c r="B28" s="219">
        <v>1373</v>
      </c>
      <c r="C28" s="82">
        <v>4.5131671981482162</v>
      </c>
      <c r="D28" s="83">
        <v>7.0300768888181139E-2</v>
      </c>
    </row>
    <row r="29" spans="1:4">
      <c r="A29" s="47" t="s">
        <v>620</v>
      </c>
      <c r="B29" s="220">
        <v>118</v>
      </c>
      <c r="C29" s="221">
        <v>4.9802177985714726</v>
      </c>
      <c r="D29" s="222">
        <v>0.21418350552030957</v>
      </c>
    </row>
    <row r="30" spans="1:4">
      <c r="A30" s="55" t="s">
        <v>621</v>
      </c>
      <c r="B30" s="219">
        <v>114</v>
      </c>
      <c r="C30" s="82">
        <v>4.6298610436313359</v>
      </c>
      <c r="D30" s="83">
        <v>0.22952921141432966</v>
      </c>
    </row>
    <row r="31" spans="1:4">
      <c r="A31" s="47" t="s">
        <v>622</v>
      </c>
      <c r="B31" s="220">
        <v>647</v>
      </c>
      <c r="C31" s="221">
        <v>4.4865375800493519</v>
      </c>
      <c r="D31" s="222">
        <v>0.10278701319958455</v>
      </c>
    </row>
    <row r="32" spans="1:4">
      <c r="A32" s="55" t="s">
        <v>623</v>
      </c>
      <c r="B32" s="219">
        <v>196</v>
      </c>
      <c r="C32" s="82">
        <v>4.4793392187388452</v>
      </c>
      <c r="D32" s="83">
        <v>0.19650745618453236</v>
      </c>
    </row>
    <row r="33" spans="1:79">
      <c r="A33" s="47" t="s">
        <v>624</v>
      </c>
      <c r="B33" s="220">
        <v>221</v>
      </c>
      <c r="C33" s="221">
        <v>4.3096229679433744</v>
      </c>
      <c r="D33" s="222">
        <v>0.15593269450381356</v>
      </c>
    </row>
    <row r="34" spans="1:79">
      <c r="A34" s="55" t="s">
        <v>625</v>
      </c>
      <c r="B34" s="219">
        <v>659</v>
      </c>
      <c r="C34" s="82">
        <v>4.6847462513765858</v>
      </c>
      <c r="D34" s="83">
        <v>9.7385738593272736E-2</v>
      </c>
    </row>
    <row r="35" spans="1:79">
      <c r="A35" s="47" t="s">
        <v>626</v>
      </c>
      <c r="B35" s="220">
        <v>718</v>
      </c>
      <c r="C35" s="221">
        <v>4.2283708166215446</v>
      </c>
      <c r="D35" s="222">
        <v>9.7912584727459312E-2</v>
      </c>
    </row>
    <row r="36" spans="1:79">
      <c r="A36" s="55" t="s">
        <v>627</v>
      </c>
      <c r="B36" s="219">
        <v>195</v>
      </c>
      <c r="C36" s="82">
        <v>4.0469368687110183</v>
      </c>
      <c r="D36" s="83">
        <v>0.19005876275716044</v>
      </c>
    </row>
    <row r="37" spans="1:79">
      <c r="A37" s="47" t="s">
        <v>628</v>
      </c>
      <c r="B37" s="220">
        <v>523</v>
      </c>
      <c r="C37" s="221">
        <v>4.3329316425232047</v>
      </c>
      <c r="D37" s="222">
        <v>0.11387571409296648</v>
      </c>
    </row>
    <row r="38" spans="1:79">
      <c r="A38" s="55" t="s">
        <v>629</v>
      </c>
      <c r="B38" s="219">
        <v>157</v>
      </c>
      <c r="C38" s="82">
        <v>4.6329908611317734</v>
      </c>
      <c r="D38" s="83">
        <v>0.19599352469865136</v>
      </c>
    </row>
    <row r="39" spans="1:79">
      <c r="A39" s="47" t="s">
        <v>630</v>
      </c>
      <c r="B39" s="220">
        <v>284</v>
      </c>
      <c r="C39" s="221">
        <v>4.4256246859235855</v>
      </c>
      <c r="D39" s="222">
        <v>0.15270789378154578</v>
      </c>
    </row>
    <row r="40" spans="1:79">
      <c r="A40" s="55" t="s">
        <v>631</v>
      </c>
      <c r="B40" s="219">
        <v>34</v>
      </c>
      <c r="C40" s="353" t="s">
        <v>656</v>
      </c>
      <c r="D40" s="355"/>
    </row>
    <row r="41" spans="1:79">
      <c r="A41" s="47" t="s">
        <v>632</v>
      </c>
      <c r="B41" s="220">
        <v>250</v>
      </c>
      <c r="C41" s="221">
        <v>4.4760967879785358</v>
      </c>
      <c r="D41" s="222">
        <v>0.16159198061765281</v>
      </c>
    </row>
    <row r="42" spans="1:79">
      <c r="A42" s="55" t="s">
        <v>633</v>
      </c>
      <c r="B42" s="219">
        <v>445</v>
      </c>
      <c r="C42" s="82">
        <v>4.7433858899183967</v>
      </c>
      <c r="D42" s="83">
        <v>0.11816709462624422</v>
      </c>
    </row>
    <row r="43" spans="1:79">
      <c r="A43" s="47" t="s">
        <v>634</v>
      </c>
      <c r="B43" s="220">
        <v>378</v>
      </c>
      <c r="C43" s="221">
        <v>4.107559554158315</v>
      </c>
      <c r="D43" s="222">
        <v>0.13383912909172074</v>
      </c>
    </row>
    <row r="44" spans="1:79">
      <c r="A44" s="55" t="s">
        <v>635</v>
      </c>
      <c r="B44" s="219">
        <v>136</v>
      </c>
      <c r="C44" s="82">
        <v>3.9996400185922196</v>
      </c>
      <c r="D44" s="83">
        <v>0.21666255340791962</v>
      </c>
    </row>
    <row r="45" spans="1:79">
      <c r="A45" s="47" t="s">
        <v>636</v>
      </c>
      <c r="B45" s="220">
        <v>242</v>
      </c>
      <c r="C45" s="221">
        <v>4.1968166365113726</v>
      </c>
      <c r="D45" s="222">
        <v>0.1694138967125407</v>
      </c>
    </row>
    <row r="46" spans="1:79">
      <c r="W46" s="248"/>
      <c r="X46" s="248"/>
      <c r="Y46" s="248"/>
      <c r="Z46" s="248"/>
      <c r="AA46" s="248"/>
      <c r="AB46" s="248"/>
      <c r="AC46" s="248"/>
      <c r="AD46" s="248"/>
      <c r="AE46" s="248"/>
      <c r="AF46" s="248"/>
      <c r="AG46" s="248"/>
      <c r="AH46" s="248"/>
      <c r="AI46" s="248"/>
      <c r="AJ46" s="248"/>
      <c r="AK46" s="248"/>
      <c r="AL46" s="248"/>
      <c r="AM46" s="248"/>
      <c r="AN46" s="248"/>
      <c r="AO46" s="248"/>
      <c r="AP46" s="248"/>
      <c r="AQ46" s="248"/>
      <c r="AR46" s="248"/>
      <c r="AS46" s="248"/>
      <c r="AT46" s="248"/>
      <c r="AU46" s="248"/>
      <c r="AV46" s="248"/>
      <c r="AW46" s="248"/>
      <c r="AX46" s="248"/>
      <c r="AY46" s="248"/>
      <c r="AZ46" s="248"/>
      <c r="BA46" s="248"/>
      <c r="BB46" s="248"/>
      <c r="BC46" s="248"/>
      <c r="BD46" s="248"/>
      <c r="BE46" s="248"/>
      <c r="BF46" s="248"/>
      <c r="BG46" s="248"/>
      <c r="BH46" s="248"/>
      <c r="BI46" s="248"/>
      <c r="BJ46" s="248"/>
      <c r="BK46" s="248"/>
      <c r="BL46" s="248"/>
      <c r="BM46" s="248"/>
      <c r="BN46" s="248"/>
      <c r="BO46" s="248"/>
      <c r="BP46" s="248"/>
      <c r="BQ46" s="248"/>
      <c r="BR46" s="248"/>
      <c r="BS46" s="248"/>
      <c r="BT46" s="248"/>
      <c r="BU46" s="248"/>
      <c r="BV46" s="248"/>
      <c r="BW46" s="248"/>
      <c r="BX46" s="248"/>
      <c r="BY46" s="248"/>
      <c r="BZ46" s="248"/>
      <c r="CA46" s="248"/>
    </row>
    <row r="47" spans="1:79" ht="18.75">
      <c r="A47" s="425" t="s">
        <v>53</v>
      </c>
      <c r="B47" s="425"/>
      <c r="C47" s="425"/>
      <c r="D47" s="425"/>
      <c r="E47" s="425"/>
      <c r="F47" s="425"/>
      <c r="G47" s="425"/>
      <c r="H47" s="425"/>
      <c r="I47" s="425"/>
      <c r="J47" s="425"/>
      <c r="K47" s="425"/>
      <c r="L47" s="425"/>
      <c r="M47" s="425"/>
      <c r="N47" s="425"/>
      <c r="O47" s="425"/>
      <c r="P47" s="425"/>
      <c r="Q47" s="425"/>
      <c r="R47" s="425"/>
      <c r="S47" s="425"/>
      <c r="T47" s="425"/>
      <c r="U47" s="425"/>
      <c r="V47" s="425"/>
      <c r="W47" s="425"/>
      <c r="X47" s="425"/>
      <c r="Y47" s="425"/>
      <c r="Z47" s="425"/>
      <c r="AA47" s="425"/>
      <c r="AB47" s="425"/>
      <c r="AC47" s="425"/>
      <c r="AD47" s="425"/>
      <c r="AE47" s="425"/>
      <c r="AF47" s="425"/>
      <c r="AG47" s="425"/>
      <c r="AH47" s="425"/>
      <c r="AI47" s="425"/>
      <c r="AJ47" s="425"/>
      <c r="AK47" s="425"/>
      <c r="AL47" s="425"/>
      <c r="AM47" s="425"/>
      <c r="AN47" s="425"/>
      <c r="AO47" s="425"/>
      <c r="AP47" s="425"/>
      <c r="AQ47" s="425"/>
      <c r="AR47" s="425"/>
      <c r="AS47" s="425"/>
      <c r="AT47" s="425"/>
      <c r="AU47" s="425"/>
      <c r="AV47" s="425"/>
      <c r="AW47" s="425"/>
      <c r="AX47" s="425"/>
      <c r="AY47" s="425"/>
      <c r="AZ47" s="425"/>
      <c r="BA47" s="425"/>
      <c r="BB47" s="425"/>
      <c r="BC47" s="425"/>
      <c r="BD47" s="425"/>
      <c r="BE47" s="425"/>
      <c r="BF47" s="425"/>
      <c r="BG47" s="425"/>
      <c r="BH47" s="425"/>
      <c r="BI47" s="425"/>
      <c r="BJ47" s="425"/>
      <c r="BK47" s="425"/>
      <c r="BL47" s="425"/>
      <c r="BM47" s="425"/>
      <c r="BN47" s="425"/>
      <c r="BO47" s="425"/>
      <c r="BP47" s="425"/>
      <c r="BQ47" s="425"/>
      <c r="BR47" s="425"/>
      <c r="BS47" s="425"/>
      <c r="BT47" s="425"/>
      <c r="BU47" s="425"/>
      <c r="BV47" s="425"/>
      <c r="BW47" s="425"/>
      <c r="BX47" s="425"/>
      <c r="BY47" s="425"/>
      <c r="BZ47" s="425"/>
    </row>
    <row r="48" spans="1:79" ht="85.5" customHeight="1">
      <c r="A48" s="432" t="s">
        <v>565</v>
      </c>
      <c r="B48" s="432"/>
      <c r="C48" s="432"/>
      <c r="D48" s="432"/>
      <c r="E48" s="432"/>
      <c r="F48" s="432"/>
      <c r="G48" s="432"/>
      <c r="H48" s="432"/>
      <c r="I48" s="432"/>
      <c r="J48" s="432"/>
      <c r="K48" s="432"/>
      <c r="L48" s="432"/>
      <c r="M48" s="432"/>
      <c r="N48" s="432"/>
      <c r="O48" s="432"/>
      <c r="P48" s="432"/>
      <c r="Q48" s="432"/>
      <c r="R48" s="432"/>
      <c r="S48" s="432"/>
      <c r="T48" s="432"/>
      <c r="U48" s="432"/>
      <c r="V48" s="432"/>
      <c r="W48" s="432"/>
      <c r="X48" s="432"/>
      <c r="Y48" s="432"/>
      <c r="Z48" s="432"/>
      <c r="AA48" s="432"/>
      <c r="AB48" s="432"/>
      <c r="AC48" s="432"/>
      <c r="AD48" s="432"/>
      <c r="AE48" s="432"/>
      <c r="AF48" s="432"/>
      <c r="AG48" s="432"/>
      <c r="AH48" s="432"/>
      <c r="AI48" s="432"/>
      <c r="AJ48" s="432"/>
      <c r="AK48" s="432"/>
      <c r="AL48" s="432"/>
      <c r="AM48" s="432"/>
      <c r="AN48" s="432"/>
      <c r="AO48" s="432"/>
      <c r="AP48" s="432"/>
      <c r="AQ48" s="432"/>
      <c r="AR48" s="432"/>
      <c r="AS48" s="432"/>
      <c r="AT48" s="432"/>
      <c r="AU48" s="432"/>
      <c r="AV48" s="432"/>
      <c r="AW48" s="432"/>
      <c r="AX48" s="432"/>
      <c r="AY48" s="432"/>
      <c r="AZ48" s="432"/>
      <c r="BA48" s="432"/>
      <c r="BB48" s="432"/>
      <c r="BC48" s="432"/>
      <c r="BD48" s="432"/>
      <c r="BE48" s="432"/>
      <c r="BF48" s="432"/>
      <c r="BG48" s="432"/>
      <c r="BH48" s="432"/>
      <c r="BI48" s="432"/>
      <c r="BJ48" s="432"/>
      <c r="BK48" s="432"/>
      <c r="BL48" s="432"/>
      <c r="BM48" s="432"/>
      <c r="BN48" s="432"/>
      <c r="BO48" s="432"/>
      <c r="BP48" s="432"/>
      <c r="BQ48" s="432"/>
      <c r="BR48" s="432"/>
      <c r="BS48" s="432"/>
      <c r="BT48" s="432"/>
      <c r="BU48" s="432"/>
      <c r="BV48" s="432"/>
      <c r="BW48" s="432"/>
      <c r="BX48" s="432"/>
      <c r="BY48" s="432"/>
      <c r="BZ48" s="432"/>
    </row>
    <row r="49" spans="1:78" ht="33.75" customHeight="1">
      <c r="A49" s="62"/>
      <c r="B49" s="349" t="s">
        <v>436</v>
      </c>
      <c r="C49" s="349"/>
      <c r="D49" s="349"/>
      <c r="E49" s="349"/>
      <c r="F49" s="349"/>
      <c r="G49" s="349"/>
      <c r="H49" s="349"/>
      <c r="I49" s="404" t="s">
        <v>437</v>
      </c>
      <c r="J49" s="405"/>
      <c r="K49" s="405"/>
      <c r="L49" s="405"/>
      <c r="M49" s="405"/>
      <c r="N49" s="405"/>
      <c r="O49" s="406"/>
      <c r="P49" s="404" t="s">
        <v>438</v>
      </c>
      <c r="Q49" s="405"/>
      <c r="R49" s="405"/>
      <c r="S49" s="405"/>
      <c r="T49" s="405"/>
      <c r="U49" s="405"/>
      <c r="V49" s="406"/>
      <c r="W49" s="404" t="s">
        <v>439</v>
      </c>
      <c r="X49" s="405"/>
      <c r="Y49" s="405"/>
      <c r="Z49" s="405"/>
      <c r="AA49" s="405"/>
      <c r="AB49" s="405"/>
      <c r="AC49" s="406"/>
      <c r="AD49" s="404" t="s">
        <v>440</v>
      </c>
      <c r="AE49" s="405"/>
      <c r="AF49" s="405"/>
      <c r="AG49" s="405"/>
      <c r="AH49" s="405"/>
      <c r="AI49" s="405"/>
      <c r="AJ49" s="406"/>
      <c r="AK49" s="404" t="s">
        <v>441</v>
      </c>
      <c r="AL49" s="405"/>
      <c r="AM49" s="405"/>
      <c r="AN49" s="405"/>
      <c r="AO49" s="405"/>
      <c r="AP49" s="405"/>
      <c r="AQ49" s="406"/>
      <c r="AR49" s="404" t="s">
        <v>442</v>
      </c>
      <c r="AS49" s="405"/>
      <c r="AT49" s="405"/>
      <c r="AU49" s="405"/>
      <c r="AV49" s="405"/>
      <c r="AW49" s="405"/>
      <c r="AX49" s="406"/>
      <c r="AY49" s="404" t="s">
        <v>443</v>
      </c>
      <c r="AZ49" s="405"/>
      <c r="BA49" s="405"/>
      <c r="BB49" s="405"/>
      <c r="BC49" s="405"/>
      <c r="BD49" s="405"/>
      <c r="BE49" s="406"/>
      <c r="BF49" s="404" t="s">
        <v>444</v>
      </c>
      <c r="BG49" s="405"/>
      <c r="BH49" s="405"/>
      <c r="BI49" s="405"/>
      <c r="BJ49" s="405"/>
      <c r="BK49" s="405"/>
      <c r="BL49" s="406"/>
      <c r="BM49" s="349" t="s">
        <v>445</v>
      </c>
      <c r="BN49" s="349"/>
      <c r="BO49" s="349"/>
      <c r="BP49" s="349"/>
      <c r="BQ49" s="349"/>
      <c r="BR49" s="349"/>
      <c r="BS49" s="349"/>
      <c r="BT49" s="349" t="s">
        <v>446</v>
      </c>
      <c r="BU49" s="349"/>
      <c r="BV49" s="349"/>
      <c r="BW49" s="349"/>
      <c r="BX49" s="349"/>
      <c r="BY49" s="349"/>
      <c r="BZ49" s="349"/>
    </row>
    <row r="50" spans="1:78" ht="72">
      <c r="A50" s="35" t="s">
        <v>70</v>
      </c>
      <c r="B50" s="36" t="s">
        <v>71</v>
      </c>
      <c r="C50" s="36" t="s">
        <v>450</v>
      </c>
      <c r="D50" s="87" t="s">
        <v>532</v>
      </c>
      <c r="E50" s="36" t="s">
        <v>448</v>
      </c>
      <c r="F50" s="87" t="s">
        <v>449</v>
      </c>
      <c r="G50" s="36" t="s">
        <v>447</v>
      </c>
      <c r="H50" s="87" t="s">
        <v>451</v>
      </c>
      <c r="I50" s="63" t="s">
        <v>71</v>
      </c>
      <c r="J50" s="63" t="s">
        <v>450</v>
      </c>
      <c r="K50" s="86" t="s">
        <v>532</v>
      </c>
      <c r="L50" s="63" t="s">
        <v>448</v>
      </c>
      <c r="M50" s="86" t="s">
        <v>449</v>
      </c>
      <c r="N50" s="63" t="s">
        <v>447</v>
      </c>
      <c r="O50" s="86" t="s">
        <v>451</v>
      </c>
      <c r="P50" s="36" t="s">
        <v>71</v>
      </c>
      <c r="Q50" s="36" t="s">
        <v>450</v>
      </c>
      <c r="R50" s="87" t="s">
        <v>532</v>
      </c>
      <c r="S50" s="36" t="s">
        <v>448</v>
      </c>
      <c r="T50" s="87" t="s">
        <v>449</v>
      </c>
      <c r="U50" s="36" t="s">
        <v>447</v>
      </c>
      <c r="V50" s="87" t="s">
        <v>451</v>
      </c>
      <c r="W50" s="63" t="s">
        <v>71</v>
      </c>
      <c r="X50" s="63" t="s">
        <v>450</v>
      </c>
      <c r="Y50" s="86" t="s">
        <v>532</v>
      </c>
      <c r="Z50" s="63" t="s">
        <v>448</v>
      </c>
      <c r="AA50" s="86" t="s">
        <v>449</v>
      </c>
      <c r="AB50" s="63" t="s">
        <v>447</v>
      </c>
      <c r="AC50" s="86" t="s">
        <v>451</v>
      </c>
      <c r="AD50" s="36" t="s">
        <v>71</v>
      </c>
      <c r="AE50" s="36" t="s">
        <v>450</v>
      </c>
      <c r="AF50" s="87" t="s">
        <v>532</v>
      </c>
      <c r="AG50" s="36" t="s">
        <v>448</v>
      </c>
      <c r="AH50" s="87" t="s">
        <v>449</v>
      </c>
      <c r="AI50" s="36" t="s">
        <v>447</v>
      </c>
      <c r="AJ50" s="87" t="s">
        <v>451</v>
      </c>
      <c r="AK50" s="63" t="s">
        <v>71</v>
      </c>
      <c r="AL50" s="63" t="s">
        <v>450</v>
      </c>
      <c r="AM50" s="86" t="s">
        <v>532</v>
      </c>
      <c r="AN50" s="63" t="s">
        <v>448</v>
      </c>
      <c r="AO50" s="86" t="s">
        <v>449</v>
      </c>
      <c r="AP50" s="63" t="s">
        <v>447</v>
      </c>
      <c r="AQ50" s="86" t="s">
        <v>451</v>
      </c>
      <c r="AR50" s="36" t="s">
        <v>71</v>
      </c>
      <c r="AS50" s="36" t="s">
        <v>450</v>
      </c>
      <c r="AT50" s="87" t="s">
        <v>532</v>
      </c>
      <c r="AU50" s="36" t="s">
        <v>448</v>
      </c>
      <c r="AV50" s="87" t="s">
        <v>449</v>
      </c>
      <c r="AW50" s="36" t="s">
        <v>447</v>
      </c>
      <c r="AX50" s="87" t="s">
        <v>451</v>
      </c>
      <c r="AY50" s="63" t="s">
        <v>71</v>
      </c>
      <c r="AZ50" s="63" t="s">
        <v>450</v>
      </c>
      <c r="BA50" s="86" t="s">
        <v>532</v>
      </c>
      <c r="BB50" s="63" t="s">
        <v>448</v>
      </c>
      <c r="BC50" s="86" t="s">
        <v>449</v>
      </c>
      <c r="BD50" s="63" t="s">
        <v>447</v>
      </c>
      <c r="BE50" s="86" t="s">
        <v>451</v>
      </c>
      <c r="BF50" s="36" t="s">
        <v>71</v>
      </c>
      <c r="BG50" s="36" t="s">
        <v>450</v>
      </c>
      <c r="BH50" s="87" t="s">
        <v>532</v>
      </c>
      <c r="BI50" s="36" t="s">
        <v>448</v>
      </c>
      <c r="BJ50" s="87" t="s">
        <v>449</v>
      </c>
      <c r="BK50" s="36" t="s">
        <v>447</v>
      </c>
      <c r="BL50" s="87" t="s">
        <v>451</v>
      </c>
      <c r="BM50" s="63" t="s">
        <v>71</v>
      </c>
      <c r="BN50" s="63" t="s">
        <v>450</v>
      </c>
      <c r="BO50" s="86" t="s">
        <v>532</v>
      </c>
      <c r="BP50" s="63" t="s">
        <v>448</v>
      </c>
      <c r="BQ50" s="86" t="s">
        <v>449</v>
      </c>
      <c r="BR50" s="63" t="s">
        <v>447</v>
      </c>
      <c r="BS50" s="86" t="s">
        <v>451</v>
      </c>
      <c r="BT50" s="36" t="s">
        <v>71</v>
      </c>
      <c r="BU50" s="36" t="s">
        <v>450</v>
      </c>
      <c r="BV50" s="87" t="s">
        <v>532</v>
      </c>
      <c r="BW50" s="36" t="s">
        <v>448</v>
      </c>
      <c r="BX50" s="87" t="s">
        <v>449</v>
      </c>
      <c r="BY50" s="36" t="s">
        <v>447</v>
      </c>
      <c r="BZ50" s="87" t="s">
        <v>451</v>
      </c>
    </row>
    <row r="51" spans="1:78" ht="60">
      <c r="A51" s="39"/>
      <c r="B51" s="40" t="s">
        <v>73</v>
      </c>
      <c r="C51" s="40" t="s">
        <v>160</v>
      </c>
      <c r="D51" s="89" t="s">
        <v>87</v>
      </c>
      <c r="E51" s="40" t="s">
        <v>159</v>
      </c>
      <c r="F51" s="89" t="s">
        <v>87</v>
      </c>
      <c r="G51" s="40" t="s">
        <v>158</v>
      </c>
      <c r="H51" s="89" t="s">
        <v>87</v>
      </c>
      <c r="I51" s="66" t="s">
        <v>73</v>
      </c>
      <c r="J51" s="66" t="s">
        <v>160</v>
      </c>
      <c r="K51" s="88" t="s">
        <v>87</v>
      </c>
      <c r="L51" s="66" t="s">
        <v>159</v>
      </c>
      <c r="M51" s="88" t="s">
        <v>87</v>
      </c>
      <c r="N51" s="66" t="s">
        <v>158</v>
      </c>
      <c r="O51" s="88" t="s">
        <v>87</v>
      </c>
      <c r="P51" s="40" t="s">
        <v>73</v>
      </c>
      <c r="Q51" s="40" t="s">
        <v>160</v>
      </c>
      <c r="R51" s="89" t="s">
        <v>87</v>
      </c>
      <c r="S51" s="40" t="s">
        <v>159</v>
      </c>
      <c r="T51" s="89" t="s">
        <v>87</v>
      </c>
      <c r="U51" s="40" t="s">
        <v>158</v>
      </c>
      <c r="V51" s="89" t="s">
        <v>87</v>
      </c>
      <c r="W51" s="66" t="s">
        <v>73</v>
      </c>
      <c r="X51" s="66" t="s">
        <v>160</v>
      </c>
      <c r="Y51" s="88" t="s">
        <v>87</v>
      </c>
      <c r="Z51" s="66" t="s">
        <v>159</v>
      </c>
      <c r="AA51" s="88" t="s">
        <v>87</v>
      </c>
      <c r="AB51" s="66" t="s">
        <v>158</v>
      </c>
      <c r="AC51" s="88" t="s">
        <v>87</v>
      </c>
      <c r="AD51" s="40" t="s">
        <v>73</v>
      </c>
      <c r="AE51" s="40" t="s">
        <v>160</v>
      </c>
      <c r="AF51" s="89" t="s">
        <v>87</v>
      </c>
      <c r="AG51" s="40" t="s">
        <v>159</v>
      </c>
      <c r="AH51" s="89" t="s">
        <v>87</v>
      </c>
      <c r="AI51" s="40" t="s">
        <v>158</v>
      </c>
      <c r="AJ51" s="89" t="s">
        <v>87</v>
      </c>
      <c r="AK51" s="66" t="s">
        <v>73</v>
      </c>
      <c r="AL51" s="66" t="s">
        <v>160</v>
      </c>
      <c r="AM51" s="88" t="s">
        <v>87</v>
      </c>
      <c r="AN51" s="66" t="s">
        <v>159</v>
      </c>
      <c r="AO51" s="88" t="s">
        <v>87</v>
      </c>
      <c r="AP51" s="66" t="s">
        <v>158</v>
      </c>
      <c r="AQ51" s="88" t="s">
        <v>87</v>
      </c>
      <c r="AR51" s="40" t="s">
        <v>73</v>
      </c>
      <c r="AS51" s="40" t="s">
        <v>160</v>
      </c>
      <c r="AT51" s="89" t="s">
        <v>87</v>
      </c>
      <c r="AU51" s="40" t="s">
        <v>159</v>
      </c>
      <c r="AV51" s="89" t="s">
        <v>87</v>
      </c>
      <c r="AW51" s="40" t="s">
        <v>158</v>
      </c>
      <c r="AX51" s="89" t="s">
        <v>87</v>
      </c>
      <c r="AY51" s="66" t="s">
        <v>73</v>
      </c>
      <c r="AZ51" s="66" t="s">
        <v>160</v>
      </c>
      <c r="BA51" s="88" t="s">
        <v>87</v>
      </c>
      <c r="BB51" s="66" t="s">
        <v>159</v>
      </c>
      <c r="BC51" s="88" t="s">
        <v>87</v>
      </c>
      <c r="BD51" s="66" t="s">
        <v>158</v>
      </c>
      <c r="BE51" s="88" t="s">
        <v>87</v>
      </c>
      <c r="BF51" s="40" t="s">
        <v>73</v>
      </c>
      <c r="BG51" s="40" t="s">
        <v>160</v>
      </c>
      <c r="BH51" s="89" t="s">
        <v>87</v>
      </c>
      <c r="BI51" s="40" t="s">
        <v>159</v>
      </c>
      <c r="BJ51" s="89" t="s">
        <v>87</v>
      </c>
      <c r="BK51" s="40" t="s">
        <v>158</v>
      </c>
      <c r="BL51" s="89" t="s">
        <v>87</v>
      </c>
      <c r="BM51" s="66" t="s">
        <v>73</v>
      </c>
      <c r="BN51" s="66" t="s">
        <v>160</v>
      </c>
      <c r="BO51" s="88" t="s">
        <v>87</v>
      </c>
      <c r="BP51" s="66" t="s">
        <v>159</v>
      </c>
      <c r="BQ51" s="88" t="s">
        <v>87</v>
      </c>
      <c r="BR51" s="66" t="s">
        <v>158</v>
      </c>
      <c r="BS51" s="88" t="s">
        <v>87</v>
      </c>
      <c r="BT51" s="40" t="s">
        <v>73</v>
      </c>
      <c r="BU51" s="40" t="s">
        <v>160</v>
      </c>
      <c r="BV51" s="89" t="s">
        <v>87</v>
      </c>
      <c r="BW51" s="40" t="s">
        <v>159</v>
      </c>
      <c r="BX51" s="89" t="s">
        <v>87</v>
      </c>
      <c r="BY51" s="40" t="s">
        <v>158</v>
      </c>
      <c r="BZ51" s="89" t="s">
        <v>87</v>
      </c>
    </row>
    <row r="52" spans="1:78">
      <c r="A52" s="43" t="s">
        <v>348</v>
      </c>
      <c r="B52" s="212">
        <v>5956</v>
      </c>
      <c r="C52" s="216">
        <v>0.37049069428944598</v>
      </c>
      <c r="D52" s="92">
        <v>1.2511735318604604E-2</v>
      </c>
      <c r="E52" s="216">
        <v>0.1599777478250527</v>
      </c>
      <c r="F52" s="92">
        <v>9.5023841602421659E-3</v>
      </c>
      <c r="G52" s="216">
        <v>0.46953155788551576</v>
      </c>
      <c r="H52" s="92">
        <v>1.2929154394251645E-2</v>
      </c>
      <c r="I52" s="212">
        <v>5922</v>
      </c>
      <c r="J52" s="216">
        <v>0.3202704189255845</v>
      </c>
      <c r="K52" s="92">
        <v>1.2123252485466772E-2</v>
      </c>
      <c r="L52" s="216">
        <v>0.20725273765163249</v>
      </c>
      <c r="M52" s="92">
        <v>1.0534634910465399E-2</v>
      </c>
      <c r="N52" s="216">
        <v>0.47247684342279844</v>
      </c>
      <c r="O52" s="92">
        <v>1.2970630604819199E-2</v>
      </c>
      <c r="P52" s="212">
        <v>5468</v>
      </c>
      <c r="Q52" s="216">
        <v>0.30206896910918485</v>
      </c>
      <c r="R52" s="92">
        <v>1.2415814816631163E-2</v>
      </c>
      <c r="S52" s="216">
        <v>0.18346284940323676</v>
      </c>
      <c r="T52" s="92">
        <v>1.046962551040026E-2</v>
      </c>
      <c r="U52" s="216">
        <v>0.51446818148759343</v>
      </c>
      <c r="V52" s="92">
        <v>1.3512799261988374E-2</v>
      </c>
      <c r="W52" s="212">
        <v>5447</v>
      </c>
      <c r="X52" s="216">
        <v>0.35307457444302009</v>
      </c>
      <c r="Y52" s="92">
        <v>1.294739336443374E-2</v>
      </c>
      <c r="Z52" s="216">
        <v>0.10886926160360699</v>
      </c>
      <c r="AA52" s="92">
        <v>8.4472826242000202E-3</v>
      </c>
      <c r="AB52" s="216">
        <v>0.53805616395338862</v>
      </c>
      <c r="AC52" s="92">
        <v>1.3505235281819442E-2</v>
      </c>
      <c r="AD52" s="212">
        <v>6309</v>
      </c>
      <c r="AE52" s="216">
        <v>0.49453297063703761</v>
      </c>
      <c r="AF52" s="92">
        <v>1.2585085660763469E-2</v>
      </c>
      <c r="AG52" s="216">
        <v>0.14843995879291633</v>
      </c>
      <c r="AH52" s="92">
        <v>8.9549662678002472E-3</v>
      </c>
      <c r="AI52" s="216">
        <v>0.35702707057006011</v>
      </c>
      <c r="AJ52" s="92">
        <v>1.2061005418285576E-2</v>
      </c>
      <c r="AK52" s="212">
        <v>5518</v>
      </c>
      <c r="AL52" s="216">
        <v>0.52547463879812939</v>
      </c>
      <c r="AM52" s="92">
        <v>1.3439657691013346E-2</v>
      </c>
      <c r="AN52" s="216">
        <v>0.15759180430687189</v>
      </c>
      <c r="AO52" s="92">
        <v>9.8126758486079737E-3</v>
      </c>
      <c r="AP52" s="216">
        <v>0.31693355689501318</v>
      </c>
      <c r="AQ52" s="92">
        <v>1.2524086529603429E-2</v>
      </c>
      <c r="AR52" s="212">
        <v>6397</v>
      </c>
      <c r="AS52" s="216">
        <v>0.60834290820929027</v>
      </c>
      <c r="AT52" s="92">
        <v>1.2202439694925581E-2</v>
      </c>
      <c r="AU52" s="216">
        <v>0.14008316377450217</v>
      </c>
      <c r="AV52" s="92">
        <v>8.6819811996107551E-3</v>
      </c>
      <c r="AW52" s="216">
        <v>0.25157392801621475</v>
      </c>
      <c r="AX52" s="92">
        <v>1.084931357554981E-2</v>
      </c>
      <c r="AY52" s="212">
        <v>5390</v>
      </c>
      <c r="AZ52" s="216">
        <v>0.24103991578375566</v>
      </c>
      <c r="BA52" s="92">
        <v>1.1650550775255196E-2</v>
      </c>
      <c r="BB52" s="216">
        <v>0.16863534246044068</v>
      </c>
      <c r="BC52" s="92">
        <v>1.0202264964101456E-2</v>
      </c>
      <c r="BD52" s="216">
        <v>0.59032474175581984</v>
      </c>
      <c r="BE52" s="92">
        <v>1.3392163596050935E-2</v>
      </c>
      <c r="BF52" s="212">
        <v>6291</v>
      </c>
      <c r="BG52" s="216">
        <v>0.43285923832274098</v>
      </c>
      <c r="BH52" s="92">
        <v>1.2489813994813911E-2</v>
      </c>
      <c r="BI52" s="216">
        <v>0.1933525925834344</v>
      </c>
      <c r="BJ52" s="92">
        <v>9.9589891674521595E-3</v>
      </c>
      <c r="BK52" s="216">
        <v>0.37378816909383761</v>
      </c>
      <c r="BL52" s="92">
        <v>1.2196193659193085E-2</v>
      </c>
      <c r="BM52" s="212">
        <v>6457</v>
      </c>
      <c r="BN52" s="216">
        <v>0.47806856692483712</v>
      </c>
      <c r="BO52" s="92">
        <v>1.2428893438964349E-2</v>
      </c>
      <c r="BP52" s="216">
        <v>0.13367186186627561</v>
      </c>
      <c r="BQ52" s="92">
        <v>8.4733001245156179E-3</v>
      </c>
      <c r="BR52" s="216">
        <v>0.38825957120890364</v>
      </c>
      <c r="BS52" s="92">
        <v>1.2126596623413729E-2</v>
      </c>
      <c r="BT52" s="212">
        <v>4556</v>
      </c>
      <c r="BU52" s="216">
        <v>0.45051591088299064</v>
      </c>
      <c r="BV52" s="92">
        <v>1.4736147791075243E-2</v>
      </c>
      <c r="BW52" s="216">
        <v>0.16245235770160246</v>
      </c>
      <c r="BX52" s="92">
        <v>1.0932865046227843E-2</v>
      </c>
      <c r="BY52" s="216">
        <v>0.38703173141542258</v>
      </c>
      <c r="BZ52" s="92">
        <v>1.442647875141443E-2</v>
      </c>
    </row>
    <row r="53" spans="1:78">
      <c r="A53" s="47" t="s">
        <v>349</v>
      </c>
      <c r="B53" s="213">
        <v>5550</v>
      </c>
      <c r="C53" s="217">
        <v>0.38847304466882099</v>
      </c>
      <c r="D53" s="95">
        <v>1.3080720773607194E-2</v>
      </c>
      <c r="E53" s="217">
        <v>0.15890324539520123</v>
      </c>
      <c r="F53" s="95">
        <v>9.8172179131273581E-3</v>
      </c>
      <c r="G53" s="217">
        <v>0.45262370993599282</v>
      </c>
      <c r="H53" s="95">
        <v>1.3358002837709698E-2</v>
      </c>
      <c r="I53" s="213">
        <v>5547</v>
      </c>
      <c r="J53" s="217">
        <v>0.34842666060615252</v>
      </c>
      <c r="K53" s="95">
        <v>1.2791261576870834E-2</v>
      </c>
      <c r="L53" s="217">
        <v>0.21645049950628806</v>
      </c>
      <c r="M53" s="95">
        <v>1.1058727314933278E-2</v>
      </c>
      <c r="N53" s="217">
        <v>0.43512283988757489</v>
      </c>
      <c r="O53" s="95">
        <v>1.3308609639994364E-2</v>
      </c>
      <c r="P53" s="213">
        <v>5112</v>
      </c>
      <c r="Q53" s="217">
        <v>0.32866869232172857</v>
      </c>
      <c r="R53" s="95">
        <v>1.3135829378071577E-2</v>
      </c>
      <c r="S53" s="217">
        <v>0.1871438296797075</v>
      </c>
      <c r="T53" s="95">
        <v>1.0911328310163483E-2</v>
      </c>
      <c r="U53" s="217">
        <v>0.48418747799857975</v>
      </c>
      <c r="V53" s="95">
        <v>1.3973904949301797E-2</v>
      </c>
      <c r="W53" s="213">
        <v>5068</v>
      </c>
      <c r="X53" s="217">
        <v>0.3962727834225182</v>
      </c>
      <c r="Y53" s="95">
        <v>1.3736410790152219E-2</v>
      </c>
      <c r="Z53" s="217">
        <v>0.11936256301415138</v>
      </c>
      <c r="AA53" s="95">
        <v>9.1147424722684469E-3</v>
      </c>
      <c r="AB53" s="217">
        <v>0.48436465356334829</v>
      </c>
      <c r="AC53" s="95">
        <v>1.4034542823167717E-2</v>
      </c>
      <c r="AD53" s="213">
        <v>5874</v>
      </c>
      <c r="AE53" s="217">
        <v>0.51061691895571304</v>
      </c>
      <c r="AF53" s="95">
        <v>1.3040294930018449E-2</v>
      </c>
      <c r="AG53" s="217">
        <v>0.15647670014792994</v>
      </c>
      <c r="AH53" s="95">
        <v>9.4831487834469985E-3</v>
      </c>
      <c r="AI53" s="217">
        <v>0.33290638089637303</v>
      </c>
      <c r="AJ53" s="95">
        <v>1.2294384680554087E-2</v>
      </c>
      <c r="AK53" s="213">
        <v>5156</v>
      </c>
      <c r="AL53" s="217">
        <v>0.53898350481879531</v>
      </c>
      <c r="AM53" s="95">
        <v>1.3878840109256026E-2</v>
      </c>
      <c r="AN53" s="217">
        <v>0.16639969075272215</v>
      </c>
      <c r="AO53" s="95">
        <v>1.0376004971847158E-2</v>
      </c>
      <c r="AP53" s="217">
        <v>0.29461680442849547</v>
      </c>
      <c r="AQ53" s="95">
        <v>1.2694475282381528E-2</v>
      </c>
      <c r="AR53" s="213">
        <v>5971</v>
      </c>
      <c r="AS53" s="217">
        <v>0.64401070625015966</v>
      </c>
      <c r="AT53" s="95">
        <v>1.2389459010041251E-2</v>
      </c>
      <c r="AU53" s="217">
        <v>0.1492546452857231</v>
      </c>
      <c r="AV53" s="95">
        <v>9.2258453436001864E-3</v>
      </c>
      <c r="AW53" s="217">
        <v>0.20673464846413378</v>
      </c>
      <c r="AX53" s="95">
        <v>1.048164117595389E-2</v>
      </c>
      <c r="AY53" s="213">
        <v>5052</v>
      </c>
      <c r="AZ53" s="217">
        <v>0.25823944813279925</v>
      </c>
      <c r="BA53" s="95">
        <v>1.2313298109162462E-2</v>
      </c>
      <c r="BB53" s="217">
        <v>0.17417349923654613</v>
      </c>
      <c r="BC53" s="95">
        <v>1.0673706464127512E-2</v>
      </c>
      <c r="BD53" s="217">
        <v>0.56758705263067077</v>
      </c>
      <c r="BE53" s="95">
        <v>1.3934726204684621E-2</v>
      </c>
      <c r="BF53" s="213">
        <v>5856</v>
      </c>
      <c r="BG53" s="217">
        <v>0.44419665227829086</v>
      </c>
      <c r="BH53" s="95">
        <v>1.2981747126674574E-2</v>
      </c>
      <c r="BI53" s="217">
        <v>0.19600221765628845</v>
      </c>
      <c r="BJ53" s="95">
        <v>1.0375590566453752E-2</v>
      </c>
      <c r="BK53" s="217">
        <v>0.35980113006543574</v>
      </c>
      <c r="BL53" s="95">
        <v>1.2539932161268693E-2</v>
      </c>
      <c r="BM53" s="213">
        <v>6034</v>
      </c>
      <c r="BN53" s="217">
        <v>0.53849602365169658</v>
      </c>
      <c r="BO53" s="95">
        <v>1.2831107111497899E-2</v>
      </c>
      <c r="BP53" s="217">
        <v>0.14204966945947903</v>
      </c>
      <c r="BQ53" s="95">
        <v>8.9915962159253359E-3</v>
      </c>
      <c r="BR53" s="217">
        <v>0.31945430688884119</v>
      </c>
      <c r="BS53" s="95">
        <v>1.2002164627389858E-2</v>
      </c>
      <c r="BT53" s="213">
        <v>4248</v>
      </c>
      <c r="BU53" s="217">
        <v>0.48320448927244791</v>
      </c>
      <c r="BV53" s="95">
        <v>1.5327053575894485E-2</v>
      </c>
      <c r="BW53" s="217">
        <v>0.17079028002360352</v>
      </c>
      <c r="BX53" s="95">
        <v>1.1550729697439813E-2</v>
      </c>
      <c r="BY53" s="217">
        <v>0.34600523070396039</v>
      </c>
      <c r="BZ53" s="95">
        <v>1.4591657557280648E-2</v>
      </c>
    </row>
    <row r="54" spans="1:78">
      <c r="A54" s="43" t="s">
        <v>350</v>
      </c>
      <c r="B54" s="212">
        <v>406</v>
      </c>
      <c r="C54" s="216">
        <v>0.31028988831789983</v>
      </c>
      <c r="D54" s="92">
        <v>4.5768120806405306E-2</v>
      </c>
      <c r="E54" s="216">
        <v>0.16357493678704668</v>
      </c>
      <c r="F54" s="92">
        <v>3.6827326790664749E-2</v>
      </c>
      <c r="G54" s="216">
        <v>0.52613517489505268</v>
      </c>
      <c r="H54" s="92">
        <v>4.9320278852422357E-2</v>
      </c>
      <c r="I54" s="212">
        <v>375</v>
      </c>
      <c r="J54" s="216">
        <v>0.21929809867090463</v>
      </c>
      <c r="K54" s="92">
        <v>4.2712866502012371E-2</v>
      </c>
      <c r="L54" s="216">
        <v>0.17426824468730712</v>
      </c>
      <c r="M54" s="92">
        <v>3.9271278656824421E-2</v>
      </c>
      <c r="N54" s="216">
        <v>0.60643365664178683</v>
      </c>
      <c r="O54" s="92">
        <v>5.0214288137453954E-2</v>
      </c>
      <c r="P54" s="212">
        <v>356</v>
      </c>
      <c r="Q54" s="216">
        <v>0.21137750988461954</v>
      </c>
      <c r="R54" s="92">
        <v>4.3274055656972517E-2</v>
      </c>
      <c r="S54" s="216">
        <v>0.17091258826019451</v>
      </c>
      <c r="T54" s="92">
        <v>4.0013156048342872E-2</v>
      </c>
      <c r="U54" s="216">
        <v>0.61770990185518482</v>
      </c>
      <c r="V54" s="92">
        <v>5.1256497812854254E-2</v>
      </c>
      <c r="W54" s="212">
        <v>379</v>
      </c>
      <c r="X54" s="216">
        <v>0.21340357065761784</v>
      </c>
      <c r="Y54" s="92">
        <v>4.20827474893073E-2</v>
      </c>
      <c r="Z54" s="216">
        <v>7.4941698964861456E-2</v>
      </c>
      <c r="AA54" s="92">
        <v>2.7626682320154458E-2</v>
      </c>
      <c r="AB54" s="216">
        <v>0.7116547303775197</v>
      </c>
      <c r="AC54" s="92">
        <v>4.6398558492673735E-2</v>
      </c>
      <c r="AD54" s="212">
        <v>435</v>
      </c>
      <c r="AE54" s="216">
        <v>0.44080889442412685</v>
      </c>
      <c r="AF54" s="92">
        <v>4.7397891097609071E-2</v>
      </c>
      <c r="AG54" s="216">
        <v>0.12159539945304126</v>
      </c>
      <c r="AH54" s="92">
        <v>3.1573388660635991E-2</v>
      </c>
      <c r="AI54" s="216">
        <v>0.43759570612283044</v>
      </c>
      <c r="AJ54" s="92">
        <v>4.7361003677771921E-2</v>
      </c>
      <c r="AK54" s="212">
        <v>362</v>
      </c>
      <c r="AL54" s="216">
        <v>0.47726263714819245</v>
      </c>
      <c r="AM54" s="92">
        <v>5.2217938719598858E-2</v>
      </c>
      <c r="AN54" s="216">
        <v>0.12615720163851249</v>
      </c>
      <c r="AO54" s="92">
        <v>3.5185643231653067E-2</v>
      </c>
      <c r="AP54" s="216">
        <v>0.39658016121329409</v>
      </c>
      <c r="AQ54" s="92">
        <v>5.1165310611946797E-2</v>
      </c>
      <c r="AR54" s="212">
        <v>426</v>
      </c>
      <c r="AS54" s="216">
        <v>0.48556482316850286</v>
      </c>
      <c r="AT54" s="92">
        <v>4.8204552942377576E-2</v>
      </c>
      <c r="AU54" s="216">
        <v>0.10851247540050477</v>
      </c>
      <c r="AV54" s="92">
        <v>3.0434932621178693E-2</v>
      </c>
      <c r="AW54" s="216">
        <v>0.4059227014309913</v>
      </c>
      <c r="AX54" s="92">
        <v>4.7379060942925683E-2</v>
      </c>
      <c r="AY54" s="212">
        <v>338</v>
      </c>
      <c r="AZ54" s="216">
        <v>0.18057630310196704</v>
      </c>
      <c r="BA54" s="92">
        <v>4.1933007871289382E-2</v>
      </c>
      <c r="BB54" s="216">
        <v>0.14916638484659603</v>
      </c>
      <c r="BC54" s="92">
        <v>3.8959883466594493E-2</v>
      </c>
      <c r="BD54" s="216">
        <v>0.67025731205143568</v>
      </c>
      <c r="BE54" s="92">
        <v>5.0919791733677694E-2</v>
      </c>
      <c r="BF54" s="212">
        <v>435</v>
      </c>
      <c r="BG54" s="216">
        <v>0.39534251375533103</v>
      </c>
      <c r="BH54" s="92">
        <v>4.6689543518013819E-2</v>
      </c>
      <c r="BI54" s="216">
        <v>0.18458469767769078</v>
      </c>
      <c r="BJ54" s="92">
        <v>3.7254025364586899E-2</v>
      </c>
      <c r="BK54" s="216">
        <v>0.42007278856697733</v>
      </c>
      <c r="BL54" s="92">
        <v>4.712485496065888E-2</v>
      </c>
      <c r="BM54" s="212">
        <v>423</v>
      </c>
      <c r="BN54" s="216">
        <v>0.26767403684795732</v>
      </c>
      <c r="BO54" s="92">
        <v>4.2961903297575682E-2</v>
      </c>
      <c r="BP54" s="216">
        <v>0.10450225938550252</v>
      </c>
      <c r="BQ54" s="92">
        <v>3.0066026886303492E-2</v>
      </c>
      <c r="BR54" s="216">
        <v>0.62782370376653907</v>
      </c>
      <c r="BS54" s="92">
        <v>4.6815776496627423E-2</v>
      </c>
      <c r="BT54" s="212">
        <v>308</v>
      </c>
      <c r="BU54" s="216">
        <v>0.3402060011741519</v>
      </c>
      <c r="BV54" s="92">
        <v>5.3722506634310468E-2</v>
      </c>
      <c r="BW54" s="216">
        <v>0.13431545166851949</v>
      </c>
      <c r="BX54" s="92">
        <v>3.9171169783900638E-2</v>
      </c>
      <c r="BY54" s="216">
        <v>0.52547854715732867</v>
      </c>
      <c r="BZ54" s="92">
        <v>5.6542176448864799E-2</v>
      </c>
    </row>
    <row r="55" spans="1:78">
      <c r="A55" s="47" t="s">
        <v>568</v>
      </c>
      <c r="B55" s="213">
        <v>4259</v>
      </c>
      <c r="C55" s="217">
        <v>0.37252836631990272</v>
      </c>
      <c r="D55" s="95">
        <v>1.4810760662407742E-2</v>
      </c>
      <c r="E55" s="217">
        <v>0.1605005096539279</v>
      </c>
      <c r="F55" s="95">
        <v>1.125301503753889E-2</v>
      </c>
      <c r="G55" s="217">
        <v>0.46697112402617547</v>
      </c>
      <c r="H55" s="95">
        <v>1.5282503218447232E-2</v>
      </c>
      <c r="I55" s="213">
        <v>4131</v>
      </c>
      <c r="J55" s="217">
        <v>0.32061241837126714</v>
      </c>
      <c r="K55" s="95">
        <v>1.4517881199107806E-2</v>
      </c>
      <c r="L55" s="217">
        <v>0.20824253572741547</v>
      </c>
      <c r="M55" s="95">
        <v>1.2635421279258567E-2</v>
      </c>
      <c r="N55" s="217">
        <v>0.47114504590132378</v>
      </c>
      <c r="O55" s="95">
        <v>1.5525272970018785E-2</v>
      </c>
      <c r="P55" s="213">
        <v>3723</v>
      </c>
      <c r="Q55" s="217">
        <v>0.30185834854155169</v>
      </c>
      <c r="R55" s="95">
        <v>1.5042168168017418E-2</v>
      </c>
      <c r="S55" s="217">
        <v>0.18342058620144261</v>
      </c>
      <c r="T55" s="95">
        <v>1.2687762836881986E-2</v>
      </c>
      <c r="U55" s="217">
        <v>0.51472106525701067</v>
      </c>
      <c r="V55" s="95">
        <v>1.6373155801959131E-2</v>
      </c>
      <c r="W55" s="213">
        <v>3831</v>
      </c>
      <c r="X55" s="217">
        <v>0.3539837213273565</v>
      </c>
      <c r="Y55" s="95">
        <v>1.5445532826458989E-2</v>
      </c>
      <c r="Z55" s="217">
        <v>0.10942580488558956</v>
      </c>
      <c r="AA55" s="95">
        <v>1.009833555471509E-2</v>
      </c>
      <c r="AB55" s="217">
        <v>0.53659047378705982</v>
      </c>
      <c r="AC55" s="95">
        <v>1.6104739597476984E-2</v>
      </c>
      <c r="AD55" s="213">
        <v>4515</v>
      </c>
      <c r="AE55" s="217">
        <v>0.49793064364549139</v>
      </c>
      <c r="AF55" s="95">
        <v>1.4875621393125904E-2</v>
      </c>
      <c r="AG55" s="217">
        <v>0.14884451899548984</v>
      </c>
      <c r="AH55" s="95">
        <v>1.0598718871722331E-2</v>
      </c>
      <c r="AI55" s="217">
        <v>0.35322483735902493</v>
      </c>
      <c r="AJ55" s="95">
        <v>1.4221563320910359E-2</v>
      </c>
      <c r="AK55" s="213">
        <v>3933</v>
      </c>
      <c r="AL55" s="217">
        <v>0.52995848805696111</v>
      </c>
      <c r="AM55" s="95">
        <v>1.5908817900235999E-2</v>
      </c>
      <c r="AN55" s="217">
        <v>0.15784538956597643</v>
      </c>
      <c r="AO55" s="95">
        <v>1.1631807528553631E-2</v>
      </c>
      <c r="AP55" s="217">
        <v>0.31219612237706779</v>
      </c>
      <c r="AQ55" s="95">
        <v>1.4772900676205151E-2</v>
      </c>
      <c r="AR55" s="213">
        <v>4572</v>
      </c>
      <c r="AS55" s="217">
        <v>0.60715145007915117</v>
      </c>
      <c r="AT55" s="95">
        <v>1.4439971911983084E-2</v>
      </c>
      <c r="AU55" s="217">
        <v>0.14047203088820209</v>
      </c>
      <c r="AV55" s="95">
        <v>1.0282951481962366E-2</v>
      </c>
      <c r="AW55" s="217">
        <v>0.25237651903265057</v>
      </c>
      <c r="AX55" s="95">
        <v>1.2846245235645785E-2</v>
      </c>
      <c r="AY55" s="213">
        <v>3696</v>
      </c>
      <c r="AZ55" s="217">
        <v>0.24137217359937982</v>
      </c>
      <c r="BA55" s="95">
        <v>1.4075326032477615E-2</v>
      </c>
      <c r="BB55" s="217">
        <v>0.16965782001490218</v>
      </c>
      <c r="BC55" s="95">
        <v>1.235116208980264E-2</v>
      </c>
      <c r="BD55" s="217">
        <v>0.58897000638572439</v>
      </c>
      <c r="BE55" s="95">
        <v>1.6178111460871256E-2</v>
      </c>
      <c r="BF55" s="213">
        <v>4514</v>
      </c>
      <c r="BG55" s="217">
        <v>0.43497464996437352</v>
      </c>
      <c r="BH55" s="95">
        <v>1.4751270758392446E-2</v>
      </c>
      <c r="BI55" s="217">
        <v>0.19356030334315047</v>
      </c>
      <c r="BJ55" s="95">
        <v>1.1762024122017297E-2</v>
      </c>
      <c r="BK55" s="217">
        <v>0.37146504669248104</v>
      </c>
      <c r="BL55" s="95">
        <v>1.4378307615156564E-2</v>
      </c>
      <c r="BM55" s="213">
        <v>4606</v>
      </c>
      <c r="BN55" s="217">
        <v>0.47445956014261265</v>
      </c>
      <c r="BO55" s="95">
        <v>1.4709001403560708E-2</v>
      </c>
      <c r="BP55" s="217">
        <v>0.13439439900226366</v>
      </c>
      <c r="BQ55" s="95">
        <v>1.0056862401153655E-2</v>
      </c>
      <c r="BR55" s="217">
        <v>0.39114604085513105</v>
      </c>
      <c r="BS55" s="95">
        <v>1.43755447086048E-2</v>
      </c>
      <c r="BT55" s="213">
        <v>3245</v>
      </c>
      <c r="BU55" s="217">
        <v>0.45296316360735572</v>
      </c>
      <c r="BV55" s="95">
        <v>1.7466248696657877E-2</v>
      </c>
      <c r="BW55" s="217">
        <v>0.16335054782892086</v>
      </c>
      <c r="BX55" s="95">
        <v>1.2984638679222881E-2</v>
      </c>
      <c r="BY55" s="217">
        <v>0.38368628856372872</v>
      </c>
      <c r="BZ55" s="95">
        <v>1.706376115520658E-2</v>
      </c>
    </row>
    <row r="56" spans="1:78">
      <c r="A56" s="43" t="s">
        <v>569</v>
      </c>
      <c r="B56" s="212">
        <v>1697</v>
      </c>
      <c r="C56" s="216">
        <v>0.26971212043996884</v>
      </c>
      <c r="D56" s="92">
        <v>2.1535233822895902E-2</v>
      </c>
      <c r="E56" s="216">
        <v>0.13412314964163519</v>
      </c>
      <c r="F56" s="92">
        <v>1.6570301788593825E-2</v>
      </c>
      <c r="G56" s="216">
        <v>0.59616472991839353</v>
      </c>
      <c r="H56" s="92">
        <v>2.3795907956015376E-2</v>
      </c>
      <c r="I56" s="212">
        <v>1791</v>
      </c>
      <c r="J56" s="216">
        <v>0.30483278246500789</v>
      </c>
      <c r="K56" s="92">
        <v>2.1739369294734561E-2</v>
      </c>
      <c r="L56" s="216">
        <v>0.16257388493392685</v>
      </c>
      <c r="M56" s="92">
        <v>1.7450318776583321E-2</v>
      </c>
      <c r="N56" s="216">
        <v>0.53259333260106134</v>
      </c>
      <c r="O56" s="92">
        <v>2.3553052969008371E-2</v>
      </c>
      <c r="P56" s="212">
        <v>1745</v>
      </c>
      <c r="Q56" s="216">
        <v>0.31097210733056202</v>
      </c>
      <c r="R56" s="92">
        <v>2.2145199232473201E-2</v>
      </c>
      <c r="S56" s="216">
        <v>0.18524935644510715</v>
      </c>
      <c r="T56" s="92">
        <v>1.8606985493957551E-2</v>
      </c>
      <c r="U56" s="216">
        <v>0.50377853622432855</v>
      </c>
      <c r="V56" s="92">
        <v>2.391072532045822E-2</v>
      </c>
      <c r="W56" s="212">
        <v>1616</v>
      </c>
      <c r="X56" s="216">
        <v>0.31108610870717279</v>
      </c>
      <c r="Y56" s="92">
        <v>2.3013016359646039E-2</v>
      </c>
      <c r="Z56" s="216">
        <v>8.3165605870279574E-2</v>
      </c>
      <c r="AA56" s="92">
        <v>1.3798018982064035E-2</v>
      </c>
      <c r="AB56" s="216">
        <v>0.60574828542254555</v>
      </c>
      <c r="AC56" s="92">
        <v>2.4285973961645804E-2</v>
      </c>
      <c r="AD56" s="212">
        <v>1794</v>
      </c>
      <c r="AE56" s="216">
        <v>0.32354920813886773</v>
      </c>
      <c r="AF56" s="92">
        <v>2.2072965013826194E-2</v>
      </c>
      <c r="AG56" s="216">
        <v>0.12808095855332943</v>
      </c>
      <c r="AH56" s="92">
        <v>1.5805477583259973E-2</v>
      </c>
      <c r="AI56" s="216">
        <v>0.54836983330779909</v>
      </c>
      <c r="AJ56" s="92">
        <v>2.3473211845445398E-2</v>
      </c>
      <c r="AK56" s="212">
        <v>1585</v>
      </c>
      <c r="AL56" s="216">
        <v>0.30691438774928892</v>
      </c>
      <c r="AM56" s="92">
        <v>2.3150554435677411E-2</v>
      </c>
      <c r="AN56" s="216">
        <v>0.14523107255762774</v>
      </c>
      <c r="AO56" s="92">
        <v>1.7722557434551114E-2</v>
      </c>
      <c r="AP56" s="216">
        <v>0.54785453969308306</v>
      </c>
      <c r="AQ56" s="92">
        <v>2.4971800738931575E-2</v>
      </c>
      <c r="AR56" s="212">
        <v>1825</v>
      </c>
      <c r="AS56" s="216">
        <v>0.66749151554856057</v>
      </c>
      <c r="AT56" s="92">
        <v>2.2037750946854874E-2</v>
      </c>
      <c r="AU56" s="216">
        <v>0.12077829049894541</v>
      </c>
      <c r="AV56" s="92">
        <v>1.5284380948654539E-2</v>
      </c>
      <c r="AW56" s="216">
        <v>0.21173019395248893</v>
      </c>
      <c r="AX56" s="92">
        <v>1.9125987090464543E-2</v>
      </c>
      <c r="AY56" s="212">
        <v>1694</v>
      </c>
      <c r="AZ56" s="216">
        <v>0.22674936734561402</v>
      </c>
      <c r="BA56" s="92">
        <v>2.0343658787874835E-2</v>
      </c>
      <c r="BB56" s="216">
        <v>0.12465815266455756</v>
      </c>
      <c r="BC56" s="92">
        <v>1.6081467250100394E-2</v>
      </c>
      <c r="BD56" s="216">
        <v>0.64859247998982472</v>
      </c>
      <c r="BE56" s="92">
        <v>2.3176700219457422E-2</v>
      </c>
      <c r="BF56" s="212">
        <v>1777</v>
      </c>
      <c r="BG56" s="216">
        <v>0.32515421940358236</v>
      </c>
      <c r="BH56" s="92">
        <v>2.2206529919586614E-2</v>
      </c>
      <c r="BI56" s="216">
        <v>0.18277711362474552</v>
      </c>
      <c r="BJ56" s="92">
        <v>1.8343601166502473E-2</v>
      </c>
      <c r="BK56" s="216">
        <v>0.4920686669716694</v>
      </c>
      <c r="BL56" s="92">
        <v>2.3692650014129672E-2</v>
      </c>
      <c r="BM56" s="212">
        <v>1851</v>
      </c>
      <c r="BN56" s="216">
        <v>0.65687016115371988</v>
      </c>
      <c r="BO56" s="92">
        <v>2.2051044206017684E-2</v>
      </c>
      <c r="BP56" s="216">
        <v>9.7875090178029089E-2</v>
      </c>
      <c r="BQ56" s="92">
        <v>1.385268529346512E-2</v>
      </c>
      <c r="BR56" s="216">
        <v>0.24525474866824637</v>
      </c>
      <c r="BS56" s="92">
        <v>1.9993768647204473E-2</v>
      </c>
      <c r="BT56" s="212">
        <v>1311</v>
      </c>
      <c r="BU56" s="216">
        <v>0.33063352610368468</v>
      </c>
      <c r="BV56" s="92">
        <v>2.5956338984266643E-2</v>
      </c>
      <c r="BW56" s="216">
        <v>0.11845315264357562</v>
      </c>
      <c r="BX56" s="92">
        <v>1.7897579494379732E-2</v>
      </c>
      <c r="BY56" s="216">
        <v>0.55091332125274173</v>
      </c>
      <c r="BZ56" s="92">
        <v>2.7433907002774073E-2</v>
      </c>
    </row>
    <row r="57" spans="1:78">
      <c r="A57" s="47" t="s">
        <v>570</v>
      </c>
      <c r="B57" s="213">
        <v>521</v>
      </c>
      <c r="C57" s="217">
        <v>0.2607736797448002</v>
      </c>
      <c r="D57" s="95">
        <v>3.8410267480398545E-2</v>
      </c>
      <c r="E57" s="217">
        <v>0.12114558197647947</v>
      </c>
      <c r="F57" s="95">
        <v>2.8771431865963839E-2</v>
      </c>
      <c r="G57" s="217">
        <v>0.61808073827871912</v>
      </c>
      <c r="H57" s="95">
        <v>4.2428076556931753E-2</v>
      </c>
      <c r="I57" s="213">
        <v>535</v>
      </c>
      <c r="J57" s="217">
        <v>0.27247902880483876</v>
      </c>
      <c r="K57" s="95">
        <v>3.8429240586351755E-2</v>
      </c>
      <c r="L57" s="217">
        <v>0.15115458828976519</v>
      </c>
      <c r="M57" s="95">
        <v>3.1073123709264169E-2</v>
      </c>
      <c r="N57" s="217">
        <v>0.57636638290539433</v>
      </c>
      <c r="O57" s="95">
        <v>4.2575212250075975E-2</v>
      </c>
      <c r="P57" s="213">
        <v>525</v>
      </c>
      <c r="Q57" s="217">
        <v>0.27221058486841226</v>
      </c>
      <c r="R57" s="95">
        <v>3.8780435848547894E-2</v>
      </c>
      <c r="S57" s="217">
        <v>0.17297343070585997</v>
      </c>
      <c r="T57" s="95">
        <v>3.3073766987341421E-2</v>
      </c>
      <c r="U57" s="217">
        <v>0.55481598442572655</v>
      </c>
      <c r="V57" s="95">
        <v>4.3220144881447077E-2</v>
      </c>
      <c r="W57" s="213">
        <v>504</v>
      </c>
      <c r="X57" s="217">
        <v>0.36677256794578417</v>
      </c>
      <c r="Y57" s="95">
        <v>4.2789437887016661E-2</v>
      </c>
      <c r="Z57" s="217">
        <v>8.0899033584823671E-2</v>
      </c>
      <c r="AA57" s="95">
        <v>2.4640655646305749E-2</v>
      </c>
      <c r="AB57" s="217">
        <v>0.55232839846939119</v>
      </c>
      <c r="AC57" s="95">
        <v>4.412800735138301E-2</v>
      </c>
      <c r="AD57" s="213">
        <v>537</v>
      </c>
      <c r="AE57" s="217">
        <v>0.30838767517038002</v>
      </c>
      <c r="AF57" s="95">
        <v>3.9761361580768539E-2</v>
      </c>
      <c r="AG57" s="217">
        <v>0.13036273400915538</v>
      </c>
      <c r="AH57" s="95">
        <v>2.9207809739667155E-2</v>
      </c>
      <c r="AI57" s="217">
        <v>0.56124959082046377</v>
      </c>
      <c r="AJ57" s="95">
        <v>4.2674346774176794E-2</v>
      </c>
      <c r="AK57" s="213">
        <v>488</v>
      </c>
      <c r="AL57" s="217">
        <v>0.31676822334520738</v>
      </c>
      <c r="AM57" s="95">
        <v>4.1999788391115421E-2</v>
      </c>
      <c r="AN57" s="217">
        <v>0.12494313817777174</v>
      </c>
      <c r="AO57" s="95">
        <v>3.0123098580322662E-2</v>
      </c>
      <c r="AP57" s="217">
        <v>0.5582886384770207</v>
      </c>
      <c r="AQ57" s="95">
        <v>4.4781080410583984E-2</v>
      </c>
      <c r="AR57" s="213">
        <v>540</v>
      </c>
      <c r="AS57" s="217">
        <v>0.66611591513936663</v>
      </c>
      <c r="AT57" s="95">
        <v>4.0476010710296016E-2</v>
      </c>
      <c r="AU57" s="217">
        <v>0.11487869570179431</v>
      </c>
      <c r="AV57" s="95">
        <v>2.7633993778301225E-2</v>
      </c>
      <c r="AW57" s="217">
        <v>0.2190053891588386</v>
      </c>
      <c r="AX57" s="95">
        <v>3.55832605218597E-2</v>
      </c>
      <c r="AY57" s="213">
        <v>517</v>
      </c>
      <c r="AZ57" s="217">
        <v>0.24257468414789077</v>
      </c>
      <c r="BA57" s="95">
        <v>3.7661574965737632E-2</v>
      </c>
      <c r="BB57" s="217">
        <v>0.13719269064829048</v>
      </c>
      <c r="BC57" s="95">
        <v>3.0401570107390221E-2</v>
      </c>
      <c r="BD57" s="217">
        <v>0.62023262520381783</v>
      </c>
      <c r="BE57" s="95">
        <v>4.2545243849311055E-2</v>
      </c>
      <c r="BF57" s="213">
        <v>530</v>
      </c>
      <c r="BG57" s="217">
        <v>0.34942812741352908</v>
      </c>
      <c r="BH57" s="95">
        <v>4.1296089252622105E-2</v>
      </c>
      <c r="BI57" s="217">
        <v>0.14113661446832371</v>
      </c>
      <c r="BJ57" s="95">
        <v>3.0370887997182433E-2</v>
      </c>
      <c r="BK57" s="217">
        <v>0.50943525811814605</v>
      </c>
      <c r="BL57" s="95">
        <v>4.3266641673162042E-2</v>
      </c>
      <c r="BM57" s="213">
        <v>548</v>
      </c>
      <c r="BN57" s="217">
        <v>0.6462121017384419</v>
      </c>
      <c r="BO57" s="95">
        <v>4.0729820692809879E-2</v>
      </c>
      <c r="BP57" s="217">
        <v>0.10814616673472306</v>
      </c>
      <c r="BQ57" s="95">
        <v>2.673919455170555E-2</v>
      </c>
      <c r="BR57" s="217">
        <v>0.24564173152683411</v>
      </c>
      <c r="BS57" s="95">
        <v>3.6736047139470332E-2</v>
      </c>
      <c r="BT57" s="213">
        <v>423</v>
      </c>
      <c r="BU57" s="217">
        <v>0.3398776709786096</v>
      </c>
      <c r="BV57" s="95">
        <v>4.5893568840002341E-2</v>
      </c>
      <c r="BW57" s="217">
        <v>9.2256415452744031E-2</v>
      </c>
      <c r="BX57" s="95">
        <v>2.8522627432911979E-2</v>
      </c>
      <c r="BY57" s="217">
        <v>0.56786591356864646</v>
      </c>
      <c r="BZ57" s="95">
        <v>4.7953930331412285E-2</v>
      </c>
    </row>
    <row r="58" spans="1:78">
      <c r="A58" s="43" t="s">
        <v>571</v>
      </c>
      <c r="B58" s="212">
        <v>1025</v>
      </c>
      <c r="C58" s="216">
        <v>0.26424436354022413</v>
      </c>
      <c r="D58" s="92">
        <v>2.7521565319167416E-2</v>
      </c>
      <c r="E58" s="216">
        <v>0.14387023516974168</v>
      </c>
      <c r="F58" s="92">
        <v>2.196876539265848E-2</v>
      </c>
      <c r="G58" s="216">
        <v>0.59188540129003475</v>
      </c>
      <c r="H58" s="92">
        <v>3.0647218997847361E-2</v>
      </c>
      <c r="I58" s="212">
        <v>1090</v>
      </c>
      <c r="J58" s="216">
        <v>0.3035143247111759</v>
      </c>
      <c r="K58" s="92">
        <v>2.7819947246009245E-2</v>
      </c>
      <c r="L58" s="216">
        <v>0.17354467979322533</v>
      </c>
      <c r="M58" s="92">
        <v>2.2962080415664075E-2</v>
      </c>
      <c r="N58" s="216">
        <v>0.52294099549559991</v>
      </c>
      <c r="O58" s="92">
        <v>3.0202095175356398E-2</v>
      </c>
      <c r="P58" s="212">
        <v>1067</v>
      </c>
      <c r="Q58" s="216">
        <v>0.32924068723825622</v>
      </c>
      <c r="R58" s="92">
        <v>2.8733532602638254E-2</v>
      </c>
      <c r="S58" s="216">
        <v>0.19595689479292122</v>
      </c>
      <c r="T58" s="92">
        <v>2.4311010986572665E-2</v>
      </c>
      <c r="U58" s="216">
        <v>0.47480241796882267</v>
      </c>
      <c r="V58" s="92">
        <v>3.0518079662148083E-2</v>
      </c>
      <c r="W58" s="212">
        <v>969</v>
      </c>
      <c r="X58" s="216">
        <v>0.28126119428869972</v>
      </c>
      <c r="Y58" s="92">
        <v>2.8855946661191147E-2</v>
      </c>
      <c r="Z58" s="216">
        <v>8.6062102430502066E-2</v>
      </c>
      <c r="AA58" s="92">
        <v>1.8141990527372663E-2</v>
      </c>
      <c r="AB58" s="216">
        <v>0.63267670328079928</v>
      </c>
      <c r="AC58" s="92">
        <v>3.0918872563197378E-2</v>
      </c>
      <c r="AD58" s="212">
        <v>1091</v>
      </c>
      <c r="AE58" s="216">
        <v>0.32512954216483458</v>
      </c>
      <c r="AF58" s="92">
        <v>2.832578431250226E-2</v>
      </c>
      <c r="AG58" s="216">
        <v>0.12696038829426171</v>
      </c>
      <c r="AH58" s="92">
        <v>2.0214039573917989E-2</v>
      </c>
      <c r="AI58" s="216">
        <v>0.54791006954090482</v>
      </c>
      <c r="AJ58" s="92">
        <v>3.0081858758512194E-2</v>
      </c>
      <c r="AK58" s="212">
        <v>957</v>
      </c>
      <c r="AL58" s="216">
        <v>0.30292389171935058</v>
      </c>
      <c r="AM58" s="92">
        <v>2.9669259476858799E-2</v>
      </c>
      <c r="AN58" s="216">
        <v>0.15339179534426475</v>
      </c>
      <c r="AO58" s="92">
        <v>2.3338505520588297E-2</v>
      </c>
      <c r="AP58" s="216">
        <v>0.54368431293638475</v>
      </c>
      <c r="AQ58" s="92">
        <v>3.2135737987453866E-2</v>
      </c>
      <c r="AR58" s="212">
        <v>1116</v>
      </c>
      <c r="AS58" s="216">
        <v>0.66653713695549821</v>
      </c>
      <c r="AT58" s="92">
        <v>2.8187074841327295E-2</v>
      </c>
      <c r="AU58" s="216">
        <v>0.12732041886139581</v>
      </c>
      <c r="AV58" s="92">
        <v>2.000894712152183E-2</v>
      </c>
      <c r="AW58" s="216">
        <v>0.20614244418310623</v>
      </c>
      <c r="AX58" s="92">
        <v>2.4220964748447905E-2</v>
      </c>
      <c r="AY58" s="212">
        <v>1032</v>
      </c>
      <c r="AZ58" s="216">
        <v>0.21713737399802888</v>
      </c>
      <c r="BA58" s="92">
        <v>2.5665308651885394E-2</v>
      </c>
      <c r="BB58" s="216">
        <v>0.11843539204929472</v>
      </c>
      <c r="BC58" s="92">
        <v>2.0185485309419129E-2</v>
      </c>
      <c r="BD58" s="216">
        <v>0.66442723395267733</v>
      </c>
      <c r="BE58" s="92">
        <v>2.9354184900259848E-2</v>
      </c>
      <c r="BF58" s="212">
        <v>1082</v>
      </c>
      <c r="BG58" s="216">
        <v>0.29724575411214987</v>
      </c>
      <c r="BH58" s="92">
        <v>2.7758030304785911E-2</v>
      </c>
      <c r="BI58" s="216">
        <v>0.20511216773445098</v>
      </c>
      <c r="BJ58" s="92">
        <v>2.455351335457857E-2</v>
      </c>
      <c r="BK58" s="216">
        <v>0.49764207815339956</v>
      </c>
      <c r="BL58" s="92">
        <v>3.0344521508521523E-2</v>
      </c>
      <c r="BM58" s="212">
        <v>1135</v>
      </c>
      <c r="BN58" s="216">
        <v>0.64707366877106098</v>
      </c>
      <c r="BO58" s="92">
        <v>2.8328996340469526E-2</v>
      </c>
      <c r="BP58" s="216">
        <v>9.6713675290290541E-2</v>
      </c>
      <c r="BQ58" s="92">
        <v>1.7629537513900003E-2</v>
      </c>
      <c r="BR58" s="216">
        <v>0.25621265593864823</v>
      </c>
      <c r="BS58" s="92">
        <v>2.5898053161700255E-2</v>
      </c>
      <c r="BT58" s="212">
        <v>772</v>
      </c>
      <c r="BU58" s="216">
        <v>0.33763360784616081</v>
      </c>
      <c r="BV58" s="92">
        <v>3.3973021144318216E-2</v>
      </c>
      <c r="BW58" s="216">
        <v>0.12135801447055332</v>
      </c>
      <c r="BX58" s="92">
        <v>2.3605922298707342E-2</v>
      </c>
      <c r="BY58" s="216">
        <v>0.5410083776832838</v>
      </c>
      <c r="BZ58" s="92">
        <v>3.5778211798065521E-2</v>
      </c>
    </row>
    <row r="59" spans="1:78">
      <c r="A59" s="47" t="s">
        <v>582</v>
      </c>
      <c r="B59" s="213">
        <v>519</v>
      </c>
      <c r="C59" s="217">
        <v>0.36925258249157311</v>
      </c>
      <c r="D59" s="95">
        <v>4.2229057852944618E-2</v>
      </c>
      <c r="E59" s="217">
        <v>0.15629713101104084</v>
      </c>
      <c r="F59" s="95">
        <v>3.1973747960591173E-2</v>
      </c>
      <c r="G59" s="217">
        <v>0.47445028649738669</v>
      </c>
      <c r="H59" s="95">
        <v>4.3670691830521913E-2</v>
      </c>
      <c r="I59" s="213">
        <v>564</v>
      </c>
      <c r="J59" s="217">
        <v>0.39740891932115252</v>
      </c>
      <c r="K59" s="95">
        <v>4.1079002093626214E-2</v>
      </c>
      <c r="L59" s="217">
        <v>0.19960016113188189</v>
      </c>
      <c r="M59" s="95">
        <v>3.3674754232075388E-2</v>
      </c>
      <c r="N59" s="217">
        <v>0.40299091954696531</v>
      </c>
      <c r="O59" s="95">
        <v>4.1173056068763869E-2</v>
      </c>
      <c r="P59" s="213">
        <v>536</v>
      </c>
      <c r="Q59" s="217">
        <v>0.39502555665242928</v>
      </c>
      <c r="R59" s="95">
        <v>4.2088356394038337E-2</v>
      </c>
      <c r="S59" s="217">
        <v>0.20334785245730105</v>
      </c>
      <c r="T59" s="95">
        <v>3.4779348425313911E-2</v>
      </c>
      <c r="U59" s="217">
        <v>0.40162659089026981</v>
      </c>
      <c r="V59" s="95">
        <v>4.2204573142133328E-2</v>
      </c>
      <c r="W59" s="213">
        <v>486</v>
      </c>
      <c r="X59" s="217">
        <v>0.35493647390266969</v>
      </c>
      <c r="Y59" s="95">
        <v>4.3264609398447812E-2</v>
      </c>
      <c r="Z59" s="217">
        <v>0.11117795703242216</v>
      </c>
      <c r="AA59" s="95">
        <v>2.8753084136243508E-2</v>
      </c>
      <c r="AB59" s="217">
        <v>0.53388556906490858</v>
      </c>
      <c r="AC59" s="95">
        <v>4.5073222815427749E-2</v>
      </c>
      <c r="AD59" s="213">
        <v>576</v>
      </c>
      <c r="AE59" s="217">
        <v>0.42176722817228607</v>
      </c>
      <c r="AF59" s="95">
        <v>4.1018394625705001E-2</v>
      </c>
      <c r="AG59" s="217">
        <v>0.15752121694725751</v>
      </c>
      <c r="AH59" s="95">
        <v>3.0435972508061591E-2</v>
      </c>
      <c r="AI59" s="217">
        <v>0.42071155488045603</v>
      </c>
      <c r="AJ59" s="95">
        <v>4.1004604954136173E-2</v>
      </c>
      <c r="AK59" s="213">
        <v>470</v>
      </c>
      <c r="AL59" s="217">
        <v>0.33905593825141367</v>
      </c>
      <c r="AM59" s="95">
        <v>4.3529159500097024E-2</v>
      </c>
      <c r="AN59" s="217">
        <v>0.20026006027417712</v>
      </c>
      <c r="AO59" s="95">
        <v>3.6936017820354314E-2</v>
      </c>
      <c r="AP59" s="217">
        <v>0.46068400147440941</v>
      </c>
      <c r="AQ59" s="95">
        <v>4.5791697767138206E-2</v>
      </c>
      <c r="AR59" s="213">
        <v>581</v>
      </c>
      <c r="AS59" s="217">
        <v>0.69972572488401197</v>
      </c>
      <c r="AT59" s="95">
        <v>3.7952131712527135E-2</v>
      </c>
      <c r="AU59" s="217">
        <v>0.13190885066675193</v>
      </c>
      <c r="AV59" s="95">
        <v>2.8206253880088641E-2</v>
      </c>
      <c r="AW59" s="217">
        <v>0.16836542444923575</v>
      </c>
      <c r="AX59" s="95">
        <v>3.1106916453931054E-2</v>
      </c>
      <c r="AY59" s="213">
        <v>508</v>
      </c>
      <c r="AZ59" s="217">
        <v>0.24132995453342965</v>
      </c>
      <c r="BA59" s="95">
        <v>3.7927891643722879E-2</v>
      </c>
      <c r="BB59" s="217">
        <v>0.14877891565790829</v>
      </c>
      <c r="BC59" s="95">
        <v>3.1692327326229459E-2</v>
      </c>
      <c r="BD59" s="217">
        <v>0.60989112980866234</v>
      </c>
      <c r="BE59" s="95">
        <v>4.3130605701702858E-2</v>
      </c>
      <c r="BF59" s="213">
        <v>556</v>
      </c>
      <c r="BG59" s="217">
        <v>0.38477277549654809</v>
      </c>
      <c r="BH59" s="95">
        <v>4.1136678560891884E-2</v>
      </c>
      <c r="BI59" s="217">
        <v>0.23167171994985761</v>
      </c>
      <c r="BJ59" s="95">
        <v>3.57595974152616E-2</v>
      </c>
      <c r="BK59" s="217">
        <v>0.38355550455359422</v>
      </c>
      <c r="BL59" s="95">
        <v>4.1112536518423469E-2</v>
      </c>
      <c r="BM59" s="213">
        <v>591</v>
      </c>
      <c r="BN59" s="217">
        <v>0.73397028507277895</v>
      </c>
      <c r="BO59" s="95">
        <v>3.6298617684850036E-2</v>
      </c>
      <c r="BP59" s="217">
        <v>0.11206347611874526</v>
      </c>
      <c r="BQ59" s="95">
        <v>2.6124705545248966E-2</v>
      </c>
      <c r="BR59" s="217">
        <v>0.15396623880847474</v>
      </c>
      <c r="BS59" s="95">
        <v>2.9773956876357522E-2</v>
      </c>
      <c r="BT59" s="213">
        <v>376</v>
      </c>
      <c r="BU59" s="217">
        <v>0.36540211150674395</v>
      </c>
      <c r="BV59" s="95">
        <v>4.9445642984331996E-2</v>
      </c>
      <c r="BW59" s="217">
        <v>0.14290990881183832</v>
      </c>
      <c r="BX59" s="95">
        <v>3.629658953093421E-2</v>
      </c>
      <c r="BY59" s="217">
        <v>0.4916879796814182</v>
      </c>
      <c r="BZ59" s="95">
        <v>5.1291977128106951E-2</v>
      </c>
    </row>
    <row r="60" spans="1:78">
      <c r="A60" s="43" t="s">
        <v>583</v>
      </c>
      <c r="B60" s="212">
        <v>1178</v>
      </c>
      <c r="C60" s="216">
        <v>0.23991062298753202</v>
      </c>
      <c r="D60" s="92">
        <v>2.487264247054978E-2</v>
      </c>
      <c r="E60" s="216">
        <v>0.12748446386832518</v>
      </c>
      <c r="F60" s="92">
        <v>1.9483151912267974E-2</v>
      </c>
      <c r="G60" s="216">
        <v>0.63260491314414258</v>
      </c>
      <c r="H60" s="92">
        <v>2.8052087634689086E-2</v>
      </c>
      <c r="I60" s="212">
        <v>1227</v>
      </c>
      <c r="J60" s="216">
        <v>0.27596116943113125</v>
      </c>
      <c r="K60" s="92">
        <v>2.5501136041403055E-2</v>
      </c>
      <c r="L60" s="216">
        <v>0.15102654287823136</v>
      </c>
      <c r="M60" s="92">
        <v>2.0474285198574617E-2</v>
      </c>
      <c r="N60" s="216">
        <v>0.57301228769063717</v>
      </c>
      <c r="O60" s="92">
        <v>2.819819567930041E-2</v>
      </c>
      <c r="P60" s="212">
        <v>1209</v>
      </c>
      <c r="Q60" s="216">
        <v>0.28591765952792231</v>
      </c>
      <c r="R60" s="92">
        <v>2.5966591524497474E-2</v>
      </c>
      <c r="S60" s="216">
        <v>0.17985460075926529</v>
      </c>
      <c r="T60" s="92">
        <v>2.2105329289499286E-2</v>
      </c>
      <c r="U60" s="216">
        <v>0.53422773971281234</v>
      </c>
      <c r="V60" s="92">
        <v>2.8645496511433801E-2</v>
      </c>
      <c r="W60" s="212">
        <v>1130</v>
      </c>
      <c r="X60" s="216">
        <v>0.29823792147218947</v>
      </c>
      <c r="Y60" s="92">
        <v>2.7189240686639943E-2</v>
      </c>
      <c r="Z60" s="216">
        <v>7.4957967666612613E-2</v>
      </c>
      <c r="AA60" s="92">
        <v>1.5781971882661436E-2</v>
      </c>
      <c r="AB60" s="216">
        <v>0.62680411086119781</v>
      </c>
      <c r="AC60" s="92">
        <v>2.8731804394712741E-2</v>
      </c>
      <c r="AD60" s="212">
        <v>1218</v>
      </c>
      <c r="AE60" s="216">
        <v>0.29188533489584151</v>
      </c>
      <c r="AF60" s="92">
        <v>2.6028523225497986E-2</v>
      </c>
      <c r="AG60" s="216">
        <v>0.11858990375798645</v>
      </c>
      <c r="AH60" s="92">
        <v>1.8581192133173254E-2</v>
      </c>
      <c r="AI60" s="216">
        <v>0.58952476134617238</v>
      </c>
      <c r="AJ60" s="92">
        <v>2.814724555128132E-2</v>
      </c>
      <c r="AK60" s="212">
        <v>1115</v>
      </c>
      <c r="AL60" s="216">
        <v>0.29781377834695982</v>
      </c>
      <c r="AM60" s="92">
        <v>2.7360007808879799E-2</v>
      </c>
      <c r="AN60" s="216">
        <v>0.12965007801348585</v>
      </c>
      <c r="AO60" s="92">
        <v>2.0170831257449656E-2</v>
      </c>
      <c r="AP60" s="216">
        <v>0.57253614363955341</v>
      </c>
      <c r="AQ60" s="92">
        <v>2.9580085099954571E-2</v>
      </c>
      <c r="AR60" s="212">
        <v>1244</v>
      </c>
      <c r="AS60" s="216">
        <v>0.65718232175018598</v>
      </c>
      <c r="AT60" s="92">
        <v>2.6881258217656405E-2</v>
      </c>
      <c r="AU60" s="216">
        <v>0.11721849783704802</v>
      </c>
      <c r="AV60" s="92">
        <v>1.8293902053874784E-2</v>
      </c>
      <c r="AW60" s="216">
        <v>0.22559918041276472</v>
      </c>
      <c r="AX60" s="92">
        <v>2.3695861517585695E-2</v>
      </c>
      <c r="AY60" s="212">
        <v>1186</v>
      </c>
      <c r="AZ60" s="216">
        <v>0.2225271733003695</v>
      </c>
      <c r="BA60" s="92">
        <v>2.4151172927135561E-2</v>
      </c>
      <c r="BB60" s="216">
        <v>0.11767334879037675</v>
      </c>
      <c r="BC60" s="92">
        <v>1.8769487158202709E-2</v>
      </c>
      <c r="BD60" s="216">
        <v>0.6597994779092532</v>
      </c>
      <c r="BE60" s="92">
        <v>2.747867060224032E-2</v>
      </c>
      <c r="BF60" s="212">
        <v>1221</v>
      </c>
      <c r="BG60" s="216">
        <v>0.30644165743286833</v>
      </c>
      <c r="BH60" s="92">
        <v>2.6358869435028583E-2</v>
      </c>
      <c r="BI60" s="216">
        <v>0.16743049319560238</v>
      </c>
      <c r="BJ60" s="92">
        <v>2.1389957267050352E-2</v>
      </c>
      <c r="BK60" s="216">
        <v>0.52612784937152857</v>
      </c>
      <c r="BL60" s="92">
        <v>2.8532647190119432E-2</v>
      </c>
      <c r="BM60" s="212">
        <v>1260</v>
      </c>
      <c r="BN60" s="216">
        <v>0.63200390218116487</v>
      </c>
      <c r="BO60" s="92">
        <v>2.7135681138491928E-2</v>
      </c>
      <c r="BP60" s="216">
        <v>9.3299065377150575E-2</v>
      </c>
      <c r="BQ60" s="92">
        <v>1.6462420240867314E-2</v>
      </c>
      <c r="BR60" s="216">
        <v>0.27469703244168348</v>
      </c>
      <c r="BS60" s="92">
        <v>2.5129999931921238E-2</v>
      </c>
      <c r="BT60" s="212">
        <v>935</v>
      </c>
      <c r="BU60" s="216">
        <v>0.32141004796418926</v>
      </c>
      <c r="BV60" s="92">
        <v>3.05000414319909E-2</v>
      </c>
      <c r="BW60" s="216">
        <v>0.11196521667304614</v>
      </c>
      <c r="BX60" s="92">
        <v>2.0712453444954822E-2</v>
      </c>
      <c r="BY60" s="216">
        <v>0.56662473536276525</v>
      </c>
      <c r="BZ60" s="92">
        <v>3.2345241056631537E-2</v>
      </c>
    </row>
    <row r="61" spans="1:78">
      <c r="A61" s="47" t="s">
        <v>572</v>
      </c>
      <c r="B61" s="213">
        <v>89</v>
      </c>
      <c r="C61" s="217">
        <v>0.41782710939167328</v>
      </c>
      <c r="D61" s="95">
        <v>0.10240463171618498</v>
      </c>
      <c r="E61" s="217">
        <v>0.16290522436146862</v>
      </c>
      <c r="F61" s="95">
        <v>7.9225219184633766E-2</v>
      </c>
      <c r="G61" s="217">
        <v>0.41926766624685852</v>
      </c>
      <c r="H61" s="95">
        <v>0.10244975610203425</v>
      </c>
      <c r="I61" s="213">
        <v>92</v>
      </c>
      <c r="J61" s="217">
        <v>0.55191003964230101</v>
      </c>
      <c r="K61" s="95">
        <v>0.1015556546759764</v>
      </c>
      <c r="L61" s="217">
        <v>0.20761069512795491</v>
      </c>
      <c r="M61" s="95">
        <v>8.4529177353465781E-2</v>
      </c>
      <c r="N61" s="217">
        <v>0.24047926522974417</v>
      </c>
      <c r="O61" s="95">
        <v>8.8540161249725927E-2</v>
      </c>
      <c r="P61" s="213">
        <v>90</v>
      </c>
      <c r="Q61" s="217">
        <v>0.37121938373852431</v>
      </c>
      <c r="R61" s="95">
        <v>9.9956791621857707E-2</v>
      </c>
      <c r="S61" s="217">
        <v>0.3476810900171351</v>
      </c>
      <c r="T61" s="95">
        <v>9.8657260848505124E-2</v>
      </c>
      <c r="U61" s="217">
        <v>0.28109952624434076</v>
      </c>
      <c r="V61" s="95">
        <v>9.3643482591396876E-2</v>
      </c>
      <c r="W61" s="213">
        <v>86</v>
      </c>
      <c r="X61" s="217">
        <v>0.32030732881812668</v>
      </c>
      <c r="Y61" s="95">
        <v>9.8998751093212212E-2</v>
      </c>
      <c r="Z61" s="217">
        <v>7.0024605425982864E-2</v>
      </c>
      <c r="AA61" s="95">
        <v>6.0070196696834957E-2</v>
      </c>
      <c r="AB61" s="217">
        <v>0.60966806575589128</v>
      </c>
      <c r="AC61" s="95">
        <v>0.10306809665673219</v>
      </c>
      <c r="AD61" s="213">
        <v>98</v>
      </c>
      <c r="AE61" s="217">
        <v>0.38652197901432328</v>
      </c>
      <c r="AF61" s="95">
        <v>9.6632093169480765E-2</v>
      </c>
      <c r="AG61" s="217">
        <v>0.16903895170190109</v>
      </c>
      <c r="AH61" s="95">
        <v>7.6411509982868372E-2</v>
      </c>
      <c r="AI61" s="217">
        <v>0.44443906928377624</v>
      </c>
      <c r="AJ61" s="95">
        <v>9.8448823080039771E-2</v>
      </c>
      <c r="AK61" s="213">
        <v>81</v>
      </c>
      <c r="AL61" s="217">
        <v>0.36547188573382078</v>
      </c>
      <c r="AM61" s="95">
        <v>0.10483946986763272</v>
      </c>
      <c r="AN61" s="217">
        <v>0.18959888808067912</v>
      </c>
      <c r="AO61" s="95">
        <v>8.7449053163642362E-2</v>
      </c>
      <c r="AP61" s="217">
        <v>0.44492922618550051</v>
      </c>
      <c r="AQ61" s="95">
        <v>0.1078661333165183</v>
      </c>
      <c r="AR61" s="213">
        <v>97</v>
      </c>
      <c r="AS61" s="217">
        <v>0.67757958152895359</v>
      </c>
      <c r="AT61" s="95">
        <v>9.3536420390740491E-2</v>
      </c>
      <c r="AU61" s="217">
        <v>0.12180821041284169</v>
      </c>
      <c r="AV61" s="95">
        <v>6.8383214047276042E-2</v>
      </c>
      <c r="AW61" s="217">
        <v>0.20061220805820512</v>
      </c>
      <c r="AX61" s="95">
        <v>8.1404991813869759E-2</v>
      </c>
      <c r="AY61" s="213">
        <v>85</v>
      </c>
      <c r="AZ61" s="217">
        <v>0.3281543349097612</v>
      </c>
      <c r="BA61" s="95">
        <v>0.10012663494700022</v>
      </c>
      <c r="BB61" s="217">
        <v>0.16818485713072673</v>
      </c>
      <c r="BC61" s="95">
        <v>8.1990149388804306E-2</v>
      </c>
      <c r="BD61" s="217">
        <v>0.50366080795951296</v>
      </c>
      <c r="BE61" s="95">
        <v>0.10599719649574124</v>
      </c>
      <c r="BF61" s="213">
        <v>94</v>
      </c>
      <c r="BG61" s="217">
        <v>0.47089825685810466</v>
      </c>
      <c r="BH61" s="95">
        <v>0.10085771210761872</v>
      </c>
      <c r="BI61" s="217">
        <v>0.22319041424656677</v>
      </c>
      <c r="BJ61" s="95">
        <v>8.5596057491165875E-2</v>
      </c>
      <c r="BK61" s="217">
        <v>0.30591132889532902</v>
      </c>
      <c r="BL61" s="95">
        <v>9.3752162548443818E-2</v>
      </c>
      <c r="BM61" s="213">
        <v>99</v>
      </c>
      <c r="BN61" s="217">
        <v>0.7501736487462779</v>
      </c>
      <c r="BO61" s="95">
        <v>8.6390369340732631E-2</v>
      </c>
      <c r="BP61" s="217">
        <v>0.13579235743044704</v>
      </c>
      <c r="BQ61" s="95">
        <v>7.035428691063135E-2</v>
      </c>
      <c r="BR61" s="217">
        <v>0.11403399382327523</v>
      </c>
      <c r="BS61" s="95">
        <v>6.6061471654203313E-2</v>
      </c>
      <c r="BT61" s="213">
        <v>71</v>
      </c>
      <c r="BU61" s="217">
        <v>0.27662302178124731</v>
      </c>
      <c r="BV61" s="95">
        <v>0.10463477344559494</v>
      </c>
      <c r="BW61" s="217">
        <v>0.16031928572760853</v>
      </c>
      <c r="BX61" s="95">
        <v>8.8422118058236993E-2</v>
      </c>
      <c r="BY61" s="217">
        <v>0.56305769249114435</v>
      </c>
      <c r="BZ61" s="95">
        <v>0.11464415737364</v>
      </c>
    </row>
    <row r="62" spans="1:78">
      <c r="A62" s="43" t="s">
        <v>573</v>
      </c>
      <c r="B62" s="212">
        <v>338</v>
      </c>
      <c r="C62" s="216">
        <v>0.33040535728564036</v>
      </c>
      <c r="D62" s="92">
        <v>5.0945048480634192E-2</v>
      </c>
      <c r="E62" s="216">
        <v>0.18659087317641845</v>
      </c>
      <c r="F62" s="92">
        <v>4.244831049460647E-2</v>
      </c>
      <c r="G62" s="216">
        <v>0.48300376953794177</v>
      </c>
      <c r="H62" s="92">
        <v>5.4043284133062759E-2</v>
      </c>
      <c r="I62" s="212">
        <v>352</v>
      </c>
      <c r="J62" s="216">
        <v>0.3638875590215328</v>
      </c>
      <c r="K62" s="92">
        <v>5.1043866627196718E-2</v>
      </c>
      <c r="L62" s="216">
        <v>0.18961741444085617</v>
      </c>
      <c r="M62" s="92">
        <v>4.1841779637414381E-2</v>
      </c>
      <c r="N62" s="216">
        <v>0.44649502653761147</v>
      </c>
      <c r="O62" s="92">
        <v>5.2702385569736353E-2</v>
      </c>
      <c r="P62" s="212">
        <v>346</v>
      </c>
      <c r="Q62" s="216">
        <v>0.3916878071407966</v>
      </c>
      <c r="R62" s="92">
        <v>5.2212213774086302E-2</v>
      </c>
      <c r="S62" s="216">
        <v>0.21078316719298326</v>
      </c>
      <c r="T62" s="92">
        <v>4.3850996477285874E-2</v>
      </c>
      <c r="U62" s="216">
        <v>0.39752902566622039</v>
      </c>
      <c r="V62" s="92">
        <v>5.234373585899553E-2</v>
      </c>
      <c r="W62" s="212">
        <v>310</v>
      </c>
      <c r="X62" s="216">
        <v>0.38851345202363807</v>
      </c>
      <c r="Y62" s="92">
        <v>5.5048953480055819E-2</v>
      </c>
      <c r="Z62" s="216">
        <v>0.13393166247336899</v>
      </c>
      <c r="AA62" s="92">
        <v>3.8998022535214512E-2</v>
      </c>
      <c r="AB62" s="216">
        <v>0.47755488550299302</v>
      </c>
      <c r="AC62" s="92">
        <v>5.637781674259789E-2</v>
      </c>
      <c r="AD62" s="212">
        <v>352</v>
      </c>
      <c r="AE62" s="216">
        <v>0.36463925134879793</v>
      </c>
      <c r="AF62" s="92">
        <v>5.1065819706447052E-2</v>
      </c>
      <c r="AG62" s="216">
        <v>0.16419134459502607</v>
      </c>
      <c r="AH62" s="92">
        <v>3.9626402857709124E-2</v>
      </c>
      <c r="AI62" s="216">
        <v>0.47116940405617636</v>
      </c>
      <c r="AJ62" s="92">
        <v>5.2913685335612831E-2</v>
      </c>
      <c r="AK62" s="212">
        <v>291</v>
      </c>
      <c r="AL62" s="216">
        <v>0.30357160873720068</v>
      </c>
      <c r="AM62" s="92">
        <v>5.3672597185859594E-2</v>
      </c>
      <c r="AN62" s="216">
        <v>0.15703447542740218</v>
      </c>
      <c r="AO62" s="92">
        <v>4.2870378212941991E-2</v>
      </c>
      <c r="AP62" s="216">
        <v>0.53939391583539742</v>
      </c>
      <c r="AQ62" s="92">
        <v>5.8046144002102611E-2</v>
      </c>
      <c r="AR62" s="212">
        <v>356</v>
      </c>
      <c r="AS62" s="216">
        <v>0.71116468561919088</v>
      </c>
      <c r="AT62" s="92">
        <v>4.7888164982792254E-2</v>
      </c>
      <c r="AU62" s="216">
        <v>0.12718907046418024</v>
      </c>
      <c r="AV62" s="92">
        <v>3.560328851687658E-2</v>
      </c>
      <c r="AW62" s="216">
        <v>0.16164624391662932</v>
      </c>
      <c r="AX62" s="92">
        <v>3.9164421857225233E-2</v>
      </c>
      <c r="AY62" s="212">
        <v>332</v>
      </c>
      <c r="AZ62" s="216">
        <v>0.22051257984053879</v>
      </c>
      <c r="BA62" s="92">
        <v>4.5478350426285119E-2</v>
      </c>
      <c r="BB62" s="216">
        <v>0.17087290445734243</v>
      </c>
      <c r="BC62" s="92">
        <v>4.1438301965548978E-2</v>
      </c>
      <c r="BD62" s="216">
        <v>0.608614515702119</v>
      </c>
      <c r="BE62" s="92">
        <v>5.3282948525023729E-2</v>
      </c>
      <c r="BF62" s="212">
        <v>344</v>
      </c>
      <c r="BG62" s="216">
        <v>0.37222874313365822</v>
      </c>
      <c r="BH62" s="92">
        <v>5.1867165409667564E-2</v>
      </c>
      <c r="BI62" s="216">
        <v>0.20236198830830537</v>
      </c>
      <c r="BJ62" s="92">
        <v>4.3342584049277474E-2</v>
      </c>
      <c r="BK62" s="216">
        <v>0.42540926855803685</v>
      </c>
      <c r="BL62" s="92">
        <v>5.3019557293078813E-2</v>
      </c>
      <c r="BM62" s="212">
        <v>360</v>
      </c>
      <c r="BN62" s="216">
        <v>0.70169721127153706</v>
      </c>
      <c r="BO62" s="92">
        <v>4.806216521945654E-2</v>
      </c>
      <c r="BP62" s="216">
        <v>0.11216752875379471</v>
      </c>
      <c r="BQ62" s="92">
        <v>3.3622600532780822E-2</v>
      </c>
      <c r="BR62" s="216">
        <v>0.1861352599746687</v>
      </c>
      <c r="BS62" s="92">
        <v>4.1089838254067541E-2</v>
      </c>
      <c r="BT62" s="212">
        <v>249</v>
      </c>
      <c r="BU62" s="216">
        <v>0.39206759107276568</v>
      </c>
      <c r="BV62" s="92">
        <v>6.1434246965730251E-2</v>
      </c>
      <c r="BW62" s="216">
        <v>0.13588330312832622</v>
      </c>
      <c r="BX62" s="92">
        <v>4.3842725399310743E-2</v>
      </c>
      <c r="BY62" s="216">
        <v>0.4720491057989078</v>
      </c>
      <c r="BZ62" s="92">
        <v>6.2774237038683234E-2</v>
      </c>
    </row>
    <row r="63" spans="1:78">
      <c r="A63" s="47" t="s">
        <v>574</v>
      </c>
      <c r="B63" s="213">
        <v>511</v>
      </c>
      <c r="C63" s="217">
        <v>0.27613708914042667</v>
      </c>
      <c r="D63" s="95">
        <v>3.9478233224819193E-2</v>
      </c>
      <c r="E63" s="217">
        <v>0.13482881250358891</v>
      </c>
      <c r="F63" s="95">
        <v>3.0365209472014997E-2</v>
      </c>
      <c r="G63" s="217">
        <v>0.58903409835598308</v>
      </c>
      <c r="H63" s="95">
        <v>4.3372004758314715E-2</v>
      </c>
      <c r="I63" s="213">
        <v>544</v>
      </c>
      <c r="J63" s="217">
        <v>0.3161499878009551</v>
      </c>
      <c r="K63" s="95">
        <v>3.977040080244662E-2</v>
      </c>
      <c r="L63" s="217">
        <v>0.1686584360550093</v>
      </c>
      <c r="M63" s="95">
        <v>3.217307800561222E-2</v>
      </c>
      <c r="N63" s="217">
        <v>0.51519157614403421</v>
      </c>
      <c r="O63" s="95">
        <v>4.2698448050184662E-2</v>
      </c>
      <c r="P63" s="213">
        <v>533</v>
      </c>
      <c r="Q63" s="217">
        <v>0.33191217758124436</v>
      </c>
      <c r="R63" s="95">
        <v>4.0680050181760768E-2</v>
      </c>
      <c r="S63" s="217">
        <v>0.20809955657245144</v>
      </c>
      <c r="T63" s="95">
        <v>3.5170112237288262E-2</v>
      </c>
      <c r="U63" s="217">
        <v>0.4599882658463027</v>
      </c>
      <c r="V63" s="95">
        <v>4.3016849361447146E-2</v>
      </c>
      <c r="W63" s="213">
        <v>494</v>
      </c>
      <c r="X63" s="217">
        <v>0.31616410696764913</v>
      </c>
      <c r="Y63" s="95">
        <v>4.172438597013009E-2</v>
      </c>
      <c r="Z63" s="217">
        <v>6.4817331002750181E-2</v>
      </c>
      <c r="AA63" s="95">
        <v>2.2610041309520476E-2</v>
      </c>
      <c r="AB63" s="217">
        <v>0.61901856202959915</v>
      </c>
      <c r="AC63" s="95">
        <v>4.354393293899788E-2</v>
      </c>
      <c r="AD63" s="213">
        <v>552</v>
      </c>
      <c r="AE63" s="217">
        <v>0.33106150542678764</v>
      </c>
      <c r="AF63" s="95">
        <v>3.9952215924875668E-2</v>
      </c>
      <c r="AG63" s="217">
        <v>0.12766024935777379</v>
      </c>
      <c r="AH63" s="95">
        <v>2.8556483222985943E-2</v>
      </c>
      <c r="AI63" s="217">
        <v>0.54127824521543733</v>
      </c>
      <c r="AJ63" s="95">
        <v>4.2266756052149239E-2</v>
      </c>
      <c r="AK63" s="213">
        <v>483</v>
      </c>
      <c r="AL63" s="217">
        <v>0.30462971932980015</v>
      </c>
      <c r="AM63" s="95">
        <v>4.1773309572973212E-2</v>
      </c>
      <c r="AN63" s="217">
        <v>0.17576568707377035</v>
      </c>
      <c r="AO63" s="95">
        <v>3.4699290773819932E-2</v>
      </c>
      <c r="AP63" s="217">
        <v>0.51960459359642874</v>
      </c>
      <c r="AQ63" s="95">
        <v>4.5280050099041604E-2</v>
      </c>
      <c r="AR63" s="213">
        <v>557</v>
      </c>
      <c r="AS63" s="217">
        <v>0.70510015794629699</v>
      </c>
      <c r="AT63" s="95">
        <v>3.8559781523832548E-2</v>
      </c>
      <c r="AU63" s="217">
        <v>0.11213198293726177</v>
      </c>
      <c r="AV63" s="95">
        <v>2.6927788538314717E-2</v>
      </c>
      <c r="AW63" s="217">
        <v>0.18276785911644081</v>
      </c>
      <c r="AX63" s="95">
        <v>3.2789910881321792E-2</v>
      </c>
      <c r="AY63" s="213">
        <v>509</v>
      </c>
      <c r="AZ63" s="217">
        <v>0.25401275321457017</v>
      </c>
      <c r="BA63" s="95">
        <v>3.8533569783609757E-2</v>
      </c>
      <c r="BB63" s="217">
        <v>0.12711476969661864</v>
      </c>
      <c r="BC63" s="95">
        <v>2.9698480817830279E-2</v>
      </c>
      <c r="BD63" s="217">
        <v>0.61887247708880933</v>
      </c>
      <c r="BE63" s="95">
        <v>4.2905111891871447E-2</v>
      </c>
      <c r="BF63" s="213">
        <v>548</v>
      </c>
      <c r="BG63" s="217">
        <v>0.34069229079395852</v>
      </c>
      <c r="BH63" s="95">
        <v>4.0377523877171778E-2</v>
      </c>
      <c r="BI63" s="217">
        <v>0.19270535743468603</v>
      </c>
      <c r="BJ63" s="95">
        <v>3.3722395562341627E-2</v>
      </c>
      <c r="BK63" s="217">
        <v>0.46660235177135434</v>
      </c>
      <c r="BL63" s="95">
        <v>4.246914513242845E-2</v>
      </c>
      <c r="BM63" s="213">
        <v>557</v>
      </c>
      <c r="BN63" s="217">
        <v>0.68536626082940411</v>
      </c>
      <c r="BO63" s="95">
        <v>3.9255785721983252E-2</v>
      </c>
      <c r="BP63" s="217">
        <v>9.644397044131775E-2</v>
      </c>
      <c r="BQ63" s="95">
        <v>2.5255435121831406E-2</v>
      </c>
      <c r="BR63" s="217">
        <v>0.21818976872927723</v>
      </c>
      <c r="BS63" s="95">
        <v>3.4990343707539562E-2</v>
      </c>
      <c r="BT63" s="213">
        <v>402</v>
      </c>
      <c r="BU63" s="217">
        <v>0.30573206023049493</v>
      </c>
      <c r="BV63" s="95">
        <v>4.580962428792492E-2</v>
      </c>
      <c r="BW63" s="217">
        <v>0.12329602898591864</v>
      </c>
      <c r="BX63" s="95">
        <v>3.305116483962444E-2</v>
      </c>
      <c r="BY63" s="217">
        <v>0.570971910783586</v>
      </c>
      <c r="BZ63" s="95">
        <v>4.9136559525828093E-2</v>
      </c>
    </row>
    <row r="64" spans="1:78">
      <c r="A64" s="43" t="s">
        <v>575</v>
      </c>
      <c r="B64" s="212">
        <v>737</v>
      </c>
      <c r="C64" s="216">
        <v>0.20415645962917864</v>
      </c>
      <c r="D64" s="92">
        <v>2.9701072216770957E-2</v>
      </c>
      <c r="E64" s="216">
        <v>9.7925623671949111E-2</v>
      </c>
      <c r="F64" s="92">
        <v>2.2050958439537419E-2</v>
      </c>
      <c r="G64" s="216">
        <v>0.69791791669887049</v>
      </c>
      <c r="H64" s="92">
        <v>3.3769102537005151E-2</v>
      </c>
      <c r="I64" s="212">
        <v>779</v>
      </c>
      <c r="J64" s="216">
        <v>0.22080431365852327</v>
      </c>
      <c r="K64" s="92">
        <v>2.9715050373182623E-2</v>
      </c>
      <c r="L64" s="216">
        <v>0.13964945666502268</v>
      </c>
      <c r="M64" s="92">
        <v>2.491065157676749E-2</v>
      </c>
      <c r="N64" s="216">
        <v>0.63954622967645225</v>
      </c>
      <c r="O64" s="92">
        <v>3.4331811964552095E-2</v>
      </c>
      <c r="P64" s="212">
        <v>754</v>
      </c>
      <c r="Q64" s="216">
        <v>0.23569731442857539</v>
      </c>
      <c r="R64" s="92">
        <v>3.0895125235170566E-2</v>
      </c>
      <c r="S64" s="216">
        <v>0.12975707627809585</v>
      </c>
      <c r="T64" s="92">
        <v>2.4566222266750457E-2</v>
      </c>
      <c r="U64" s="216">
        <v>0.6345456092933266</v>
      </c>
      <c r="V64" s="92">
        <v>3.499627047944983E-2</v>
      </c>
      <c r="W64" s="212">
        <v>703</v>
      </c>
      <c r="X64" s="216">
        <v>0.25710630681008767</v>
      </c>
      <c r="Y64" s="92">
        <v>3.2930284674232362E-2</v>
      </c>
      <c r="Z64" s="216">
        <v>6.9045374275410992E-2</v>
      </c>
      <c r="AA64" s="92">
        <v>1.937841525762302E-2</v>
      </c>
      <c r="AB64" s="216">
        <v>0.67384831891449859</v>
      </c>
      <c r="AC64" s="92">
        <v>3.5289690856612786E-2</v>
      </c>
      <c r="AD64" s="212">
        <v>769</v>
      </c>
      <c r="AE64" s="216">
        <v>0.28012299564154852</v>
      </c>
      <c r="AF64" s="92">
        <v>3.2343015548522425E-2</v>
      </c>
      <c r="AG64" s="216">
        <v>9.9825131205873163E-2</v>
      </c>
      <c r="AH64" s="92">
        <v>2.1761154444910044E-2</v>
      </c>
      <c r="AI64" s="216">
        <v>0.62005187315257559</v>
      </c>
      <c r="AJ64" s="92">
        <v>3.4926373896658855E-2</v>
      </c>
      <c r="AK64" s="212">
        <v>710</v>
      </c>
      <c r="AL64" s="216">
        <v>0.29846654983548471</v>
      </c>
      <c r="AM64" s="92">
        <v>3.4286490464165396E-2</v>
      </c>
      <c r="AN64" s="216">
        <v>0.11410914018667516</v>
      </c>
      <c r="AO64" s="92">
        <v>2.3992534991818679E-2</v>
      </c>
      <c r="AP64" s="216">
        <v>0.58742430997783857</v>
      </c>
      <c r="AQ64" s="92">
        <v>3.6854045239302614E-2</v>
      </c>
      <c r="AR64" s="212">
        <v>791</v>
      </c>
      <c r="AS64" s="216">
        <v>0.6165089684038183</v>
      </c>
      <c r="AT64" s="92">
        <v>3.4499980039745887E-2</v>
      </c>
      <c r="AU64" s="216">
        <v>0.12128124152736433</v>
      </c>
      <c r="AV64" s="92">
        <v>2.3312130957236121E-2</v>
      </c>
      <c r="AW64" s="216">
        <v>0.26220979006881562</v>
      </c>
      <c r="AX64" s="92">
        <v>3.1244491958079754E-2</v>
      </c>
      <c r="AY64" s="212">
        <v>747</v>
      </c>
      <c r="AZ64" s="216">
        <v>0.19399314119528938</v>
      </c>
      <c r="BA64" s="92">
        <v>2.8950082819664661E-2</v>
      </c>
      <c r="BB64" s="216">
        <v>8.8164637275622973E-2</v>
      </c>
      <c r="BC64" s="92">
        <v>2.0923240519310684E-2</v>
      </c>
      <c r="BD64" s="216">
        <v>0.7178422215290865</v>
      </c>
      <c r="BE64" s="92">
        <v>3.2885949501649081E-2</v>
      </c>
      <c r="BF64" s="212">
        <v>767</v>
      </c>
      <c r="BG64" s="216">
        <v>0.26300559435528514</v>
      </c>
      <c r="BH64" s="92">
        <v>3.1759058025372155E-2</v>
      </c>
      <c r="BI64" s="216">
        <v>0.15785690516686304</v>
      </c>
      <c r="BJ64" s="92">
        <v>2.6381379458097858E-2</v>
      </c>
      <c r="BK64" s="216">
        <v>0.57913750047784973</v>
      </c>
      <c r="BL64" s="92">
        <v>3.5564892592138381E-2</v>
      </c>
      <c r="BM64" s="212">
        <v>810</v>
      </c>
      <c r="BN64" s="216">
        <v>0.60356009008916445</v>
      </c>
      <c r="BO64" s="92">
        <v>3.4297473861156544E-2</v>
      </c>
      <c r="BP64" s="216">
        <v>8.242377551071485E-2</v>
      </c>
      <c r="BQ64" s="92">
        <v>1.9494798055809098E-2</v>
      </c>
      <c r="BR64" s="216">
        <v>0.31401613440011894</v>
      </c>
      <c r="BS64" s="92">
        <v>3.2560593095020948E-2</v>
      </c>
      <c r="BT64" s="212">
        <v>572</v>
      </c>
      <c r="BU64" s="216">
        <v>0.31948985510639577</v>
      </c>
      <c r="BV64" s="92">
        <v>3.8896860641698457E-2</v>
      </c>
      <c r="BW64" s="216">
        <v>0.10149932872413453</v>
      </c>
      <c r="BX64" s="92">
        <v>2.5467183529274101E-2</v>
      </c>
      <c r="BY64" s="216">
        <v>0.57901081616946781</v>
      </c>
      <c r="BZ64" s="92">
        <v>4.115044334211073E-2</v>
      </c>
    </row>
    <row r="65" spans="1:78">
      <c r="A65" s="47" t="s">
        <v>576</v>
      </c>
      <c r="B65" s="213">
        <v>545</v>
      </c>
      <c r="C65" s="217">
        <v>0.34241017843604099</v>
      </c>
      <c r="D65" s="95">
        <v>4.053611739160886E-2</v>
      </c>
      <c r="E65" s="217">
        <v>0.12421704430910024</v>
      </c>
      <c r="F65" s="95">
        <v>2.841757582607507E-2</v>
      </c>
      <c r="G65" s="217">
        <v>0.53337277725485854</v>
      </c>
      <c r="H65" s="95">
        <v>4.2585170461606606E-2</v>
      </c>
      <c r="I65" s="213">
        <v>575</v>
      </c>
      <c r="J65" s="217">
        <v>0.38747750734710296</v>
      </c>
      <c r="K65" s="95">
        <v>4.050740564383945E-2</v>
      </c>
      <c r="L65" s="217">
        <v>0.15494671912650163</v>
      </c>
      <c r="M65" s="95">
        <v>3.026396461827123E-2</v>
      </c>
      <c r="N65" s="217">
        <v>0.45757577352639567</v>
      </c>
      <c r="O65" s="95">
        <v>4.1410783225071149E-2</v>
      </c>
      <c r="P65" s="213">
        <v>559</v>
      </c>
      <c r="Q65" s="217">
        <v>0.37101188331442658</v>
      </c>
      <c r="R65" s="95">
        <v>4.0738968400841367E-2</v>
      </c>
      <c r="S65" s="217">
        <v>0.18997573086743377</v>
      </c>
      <c r="T65" s="95">
        <v>3.3211294746819935E-2</v>
      </c>
      <c r="U65" s="217">
        <v>0.43901238581813901</v>
      </c>
      <c r="V65" s="95">
        <v>4.183475703049689E-2</v>
      </c>
      <c r="W65" s="213">
        <v>501</v>
      </c>
      <c r="X65" s="217">
        <v>0.41158600727907141</v>
      </c>
      <c r="Y65" s="95">
        <v>4.3809335743831015E-2</v>
      </c>
      <c r="Z65" s="217">
        <v>8.7464667343596411E-2</v>
      </c>
      <c r="AA65" s="95">
        <v>2.5562957173295483E-2</v>
      </c>
      <c r="AB65" s="217">
        <v>0.50094932537733217</v>
      </c>
      <c r="AC65" s="95">
        <v>4.4499337007099654E-2</v>
      </c>
      <c r="AD65" s="213">
        <v>586</v>
      </c>
      <c r="AE65" s="217">
        <v>0.39858535810755469</v>
      </c>
      <c r="AF65" s="95">
        <v>4.0325292088448254E-2</v>
      </c>
      <c r="AG65" s="217">
        <v>0.14345244995880271</v>
      </c>
      <c r="AH65" s="95">
        <v>2.906354765501239E-2</v>
      </c>
      <c r="AI65" s="217">
        <v>0.45796219193364285</v>
      </c>
      <c r="AJ65" s="95">
        <v>4.1025556581645299E-2</v>
      </c>
      <c r="AK65" s="213">
        <v>499</v>
      </c>
      <c r="AL65" s="217">
        <v>0.3700152735065293</v>
      </c>
      <c r="AM65" s="95">
        <v>4.3079438067450113E-2</v>
      </c>
      <c r="AN65" s="217">
        <v>0.16565402513415164</v>
      </c>
      <c r="AO65" s="95">
        <v>3.3364500356759988E-2</v>
      </c>
      <c r="AP65" s="217">
        <v>0.46433070135931859</v>
      </c>
      <c r="AQ65" s="95">
        <v>4.4475995361349621E-2</v>
      </c>
      <c r="AR65" s="213">
        <v>594</v>
      </c>
      <c r="AS65" s="217">
        <v>0.73124492475568825</v>
      </c>
      <c r="AT65" s="95">
        <v>3.6322484107575409E-2</v>
      </c>
      <c r="AU65" s="217">
        <v>0.11421519282740089</v>
      </c>
      <c r="AV65" s="95">
        <v>2.6267782224486703E-2</v>
      </c>
      <c r="AW65" s="217">
        <v>0.15453988241691097</v>
      </c>
      <c r="AX65" s="95">
        <v>2.9742318675050925E-2</v>
      </c>
      <c r="AY65" s="213">
        <v>526</v>
      </c>
      <c r="AZ65" s="217">
        <v>0.20347159070253185</v>
      </c>
      <c r="BA65" s="95">
        <v>3.511631623337727E-2</v>
      </c>
      <c r="BB65" s="217">
        <v>0.11118997231598388</v>
      </c>
      <c r="BC65" s="95">
        <v>2.7622797772005658E-2</v>
      </c>
      <c r="BD65" s="217">
        <v>0.68533843698148433</v>
      </c>
      <c r="BE65" s="95">
        <v>4.0391125760917017E-2</v>
      </c>
      <c r="BF65" s="213">
        <v>572</v>
      </c>
      <c r="BG65" s="217">
        <v>0.40743530297200453</v>
      </c>
      <c r="BH65" s="95">
        <v>4.0956478150425087E-2</v>
      </c>
      <c r="BI65" s="217">
        <v>0.19068731775956255</v>
      </c>
      <c r="BJ65" s="95">
        <v>3.2877071216406629E-2</v>
      </c>
      <c r="BK65" s="217">
        <v>0.4018773792684332</v>
      </c>
      <c r="BL65" s="95">
        <v>4.0867775430492276E-2</v>
      </c>
      <c r="BM65" s="213">
        <v>598</v>
      </c>
      <c r="BN65" s="217">
        <v>0.74027870355454084</v>
      </c>
      <c r="BO65" s="95">
        <v>3.5813361062499521E-2</v>
      </c>
      <c r="BP65" s="217">
        <v>9.9526896068210829E-2</v>
      </c>
      <c r="BQ65" s="95">
        <v>2.4690171940878084E-2</v>
      </c>
      <c r="BR65" s="217">
        <v>0.16019440037724889</v>
      </c>
      <c r="BS65" s="95">
        <v>3.0067643895890214E-2</v>
      </c>
      <c r="BT65" s="213">
        <v>410</v>
      </c>
      <c r="BU65" s="217">
        <v>0.40471791608535562</v>
      </c>
      <c r="BV65" s="95">
        <v>4.8264159427643276E-2</v>
      </c>
      <c r="BW65" s="217">
        <v>0.12829079903557036</v>
      </c>
      <c r="BX65" s="95">
        <v>3.3259233528225511E-2</v>
      </c>
      <c r="BY65" s="217">
        <v>0.46699128487907371</v>
      </c>
      <c r="BZ65" s="95">
        <v>4.9042166379211993E-2</v>
      </c>
    </row>
    <row r="66" spans="1:78">
      <c r="A66" s="43" t="s">
        <v>577</v>
      </c>
      <c r="B66" s="212">
        <v>591</v>
      </c>
      <c r="C66" s="216">
        <v>0.2307700413144001</v>
      </c>
      <c r="D66" s="92">
        <v>3.4639709916044537E-2</v>
      </c>
      <c r="E66" s="216">
        <v>0.12639034630168808</v>
      </c>
      <c r="F66" s="92">
        <v>2.7474820278558552E-2</v>
      </c>
      <c r="G66" s="216">
        <v>0.64283961238390874</v>
      </c>
      <c r="H66" s="92">
        <v>3.9310891954445565E-2</v>
      </c>
      <c r="I66" s="212">
        <v>611</v>
      </c>
      <c r="J66" s="216">
        <v>0.19103099411944258</v>
      </c>
      <c r="K66" s="92">
        <v>3.183043440228913E-2</v>
      </c>
      <c r="L66" s="216">
        <v>0.15065260882742337</v>
      </c>
      <c r="M66" s="92">
        <v>2.90263459253172E-2</v>
      </c>
      <c r="N66" s="216">
        <v>0.65831639705313127</v>
      </c>
      <c r="O66" s="92">
        <v>3.8276775099713715E-2</v>
      </c>
      <c r="P66" s="212">
        <v>597</v>
      </c>
      <c r="Q66" s="216">
        <v>0.23978537117154292</v>
      </c>
      <c r="R66" s="92">
        <v>3.4917222520038892E-2</v>
      </c>
      <c r="S66" s="216">
        <v>0.16169665800372487</v>
      </c>
      <c r="T66" s="92">
        <v>3.0203880554027208E-2</v>
      </c>
      <c r="U66" s="216">
        <v>0.59851797082472824</v>
      </c>
      <c r="V66" s="92">
        <v>4.0001911327551834E-2</v>
      </c>
      <c r="W66" s="212">
        <v>584</v>
      </c>
      <c r="X66" s="216">
        <v>0.30844703507960214</v>
      </c>
      <c r="Y66" s="92">
        <v>3.8137326317234127E-2</v>
      </c>
      <c r="Z66" s="216">
        <v>8.9252032172570037E-2</v>
      </c>
      <c r="AA66" s="92">
        <v>2.3843840954775972E-2</v>
      </c>
      <c r="AB66" s="216">
        <v>0.60230093274782359</v>
      </c>
      <c r="AC66" s="92">
        <v>4.037885402865872E-2</v>
      </c>
      <c r="AD66" s="212">
        <v>613</v>
      </c>
      <c r="AE66" s="216">
        <v>0.28520909039630143</v>
      </c>
      <c r="AF66" s="92">
        <v>3.6407660569285932E-2</v>
      </c>
      <c r="AG66" s="216">
        <v>0.10897774834692069</v>
      </c>
      <c r="AH66" s="92">
        <v>2.5344005682290248E-2</v>
      </c>
      <c r="AI66" s="216">
        <v>0.60581316125677409</v>
      </c>
      <c r="AJ66" s="92">
        <v>3.9358574902239943E-2</v>
      </c>
      <c r="AK66" s="212">
        <v>549</v>
      </c>
      <c r="AL66" s="216">
        <v>0.30744704036175302</v>
      </c>
      <c r="AM66" s="92">
        <v>3.929374597255092E-2</v>
      </c>
      <c r="AN66" s="216">
        <v>0.12234893167098032</v>
      </c>
      <c r="AO66" s="92">
        <v>2.8134966915616889E-2</v>
      </c>
      <c r="AP66" s="216">
        <v>0.57020402796726377</v>
      </c>
      <c r="AQ66" s="92">
        <v>4.2109169794292939E-2</v>
      </c>
      <c r="AR66" s="212">
        <v>628</v>
      </c>
      <c r="AS66" s="216">
        <v>0.63266297548018247</v>
      </c>
      <c r="AT66" s="92">
        <v>3.837049631195974E-2</v>
      </c>
      <c r="AU66" s="216">
        <v>0.10376213934448392</v>
      </c>
      <c r="AV66" s="92">
        <v>2.4517710797141566E-2</v>
      </c>
      <c r="AW66" s="216">
        <v>0.26357488517533095</v>
      </c>
      <c r="AX66" s="92">
        <v>3.5113602331597486E-2</v>
      </c>
      <c r="AY66" s="212">
        <v>585</v>
      </c>
      <c r="AZ66" s="216">
        <v>0.19956066267011358</v>
      </c>
      <c r="BA66" s="92">
        <v>3.3061966355759212E-2</v>
      </c>
      <c r="BB66" s="216">
        <v>0.11319706639320538</v>
      </c>
      <c r="BC66" s="92">
        <v>2.6371865053985415E-2</v>
      </c>
      <c r="BD66" s="216">
        <v>0.68724227093667822</v>
      </c>
      <c r="BE66" s="92">
        <v>3.8248131657131056E-2</v>
      </c>
      <c r="BF66" s="212">
        <v>608</v>
      </c>
      <c r="BG66" s="216">
        <v>0.26497738359517586</v>
      </c>
      <c r="BH66" s="92">
        <v>3.5744558941555669E-2</v>
      </c>
      <c r="BI66" s="216">
        <v>0.16793750868129315</v>
      </c>
      <c r="BJ66" s="92">
        <v>3.0375769769507635E-2</v>
      </c>
      <c r="BK66" s="216">
        <v>0.56708510772352738</v>
      </c>
      <c r="BL66" s="92">
        <v>4.0061898592445924E-2</v>
      </c>
      <c r="BM66" s="212">
        <v>636</v>
      </c>
      <c r="BN66" s="216">
        <v>0.55612208073567193</v>
      </c>
      <c r="BO66" s="92">
        <v>3.9281799229934369E-2</v>
      </c>
      <c r="BP66" s="216">
        <v>8.7008061308340212E-2</v>
      </c>
      <c r="BQ66" s="92">
        <v>2.2578062534798868E-2</v>
      </c>
      <c r="BR66" s="216">
        <v>0.3568698579559838</v>
      </c>
      <c r="BS66" s="92">
        <v>3.7895336138198149E-2</v>
      </c>
      <c r="BT66" s="212">
        <v>460</v>
      </c>
      <c r="BU66" s="216">
        <v>0.32836934599093148</v>
      </c>
      <c r="BV66" s="92">
        <v>4.3653080842527191E-2</v>
      </c>
      <c r="BW66" s="216">
        <v>0.13192274223129177</v>
      </c>
      <c r="BX66" s="92">
        <v>3.1737737369523698E-2</v>
      </c>
      <c r="BY66" s="216">
        <v>0.53970791177777455</v>
      </c>
      <c r="BZ66" s="92">
        <v>4.6279729435096395E-2</v>
      </c>
    </row>
    <row r="67" spans="1:78">
      <c r="A67" s="47" t="s">
        <v>578</v>
      </c>
      <c r="B67" s="213">
        <v>176</v>
      </c>
      <c r="C67" s="217">
        <v>0.22290095458656736</v>
      </c>
      <c r="D67" s="95">
        <v>6.2643757868869707E-2</v>
      </c>
      <c r="E67" s="217">
        <v>0.12661627080825347</v>
      </c>
      <c r="F67" s="95">
        <v>5.0927395829575915E-2</v>
      </c>
      <c r="G67" s="217">
        <v>0.65048277460517889</v>
      </c>
      <c r="H67" s="95">
        <v>7.1235165964916844E-2</v>
      </c>
      <c r="I67" s="213">
        <v>195</v>
      </c>
      <c r="J67" s="217">
        <v>0.38934254785742639</v>
      </c>
      <c r="K67" s="95">
        <v>6.9201075469619372E-2</v>
      </c>
      <c r="L67" s="217">
        <v>0.15667462341165</v>
      </c>
      <c r="M67" s="95">
        <v>5.2441620532265788E-2</v>
      </c>
      <c r="N67" s="217">
        <v>0.45398282873092299</v>
      </c>
      <c r="O67" s="95">
        <v>7.0599257363439902E-2</v>
      </c>
      <c r="P67" s="213">
        <v>190</v>
      </c>
      <c r="Q67" s="217">
        <v>0.33597344066018747</v>
      </c>
      <c r="R67" s="95">
        <v>6.7989283969972863E-2</v>
      </c>
      <c r="S67" s="217">
        <v>0.19393216925711612</v>
      </c>
      <c r="T67" s="95">
        <v>5.7462789166864536E-2</v>
      </c>
      <c r="U67" s="217">
        <v>0.47009439008269593</v>
      </c>
      <c r="V67" s="95">
        <v>7.167253057805803E-2</v>
      </c>
      <c r="W67" s="213">
        <v>169</v>
      </c>
      <c r="X67" s="217">
        <v>0.30037965626122887</v>
      </c>
      <c r="Y67" s="95">
        <v>7.0007945153813506E-2</v>
      </c>
      <c r="Z67" s="217">
        <v>7.6312763032884631E-2</v>
      </c>
      <c r="AA67" s="95">
        <v>4.2655831928386422E-2</v>
      </c>
      <c r="AB67" s="217">
        <v>0.62330758070588621</v>
      </c>
      <c r="AC67" s="95">
        <v>7.3789298903366399E-2</v>
      </c>
      <c r="AD67" s="213">
        <v>187</v>
      </c>
      <c r="AE67" s="217">
        <v>0.26423359601228547</v>
      </c>
      <c r="AF67" s="95">
        <v>6.4185272505476662E-2</v>
      </c>
      <c r="AG67" s="217">
        <v>0.12154707327550202</v>
      </c>
      <c r="AH67" s="95">
        <v>4.858405269614146E-2</v>
      </c>
      <c r="AI67" s="217">
        <v>0.61421933071221246</v>
      </c>
      <c r="AJ67" s="95">
        <v>7.0524535010916378E-2</v>
      </c>
      <c r="AK67" s="213">
        <v>163</v>
      </c>
      <c r="AL67" s="217">
        <v>0.23218842918003724</v>
      </c>
      <c r="AM67" s="95">
        <v>6.5965269205380359E-2</v>
      </c>
      <c r="AN67" s="217">
        <v>0.1565510725906859</v>
      </c>
      <c r="AO67" s="95">
        <v>5.7414514337643711E-2</v>
      </c>
      <c r="AP67" s="217">
        <v>0.61126049822927664</v>
      </c>
      <c r="AQ67" s="95">
        <v>7.5535136900251487E-2</v>
      </c>
      <c r="AR67" s="213">
        <v>194</v>
      </c>
      <c r="AS67" s="217">
        <v>0.68705862276781171</v>
      </c>
      <c r="AT67" s="95">
        <v>6.6120270883839177E-2</v>
      </c>
      <c r="AU67" s="217">
        <v>0.14091823906122683</v>
      </c>
      <c r="AV67" s="95">
        <v>5.0495994675010987E-2</v>
      </c>
      <c r="AW67" s="217">
        <v>0.17202313817096107</v>
      </c>
      <c r="AX67" s="95">
        <v>5.4445504580911117E-2</v>
      </c>
      <c r="AY67" s="213">
        <v>179</v>
      </c>
      <c r="AZ67" s="217">
        <v>0.19669309141908869</v>
      </c>
      <c r="BA67" s="95">
        <v>5.950297043641422E-2</v>
      </c>
      <c r="BB67" s="217">
        <v>0.15136754555691273</v>
      </c>
      <c r="BC67" s="95">
        <v>5.406144371542182E-2</v>
      </c>
      <c r="BD67" s="217">
        <v>0.65193936302399835</v>
      </c>
      <c r="BE67" s="95">
        <v>7.0581132735801175E-2</v>
      </c>
      <c r="BF67" s="213">
        <v>184</v>
      </c>
      <c r="BG67" s="217">
        <v>0.34479700628889098</v>
      </c>
      <c r="BH67" s="95">
        <v>6.9485364484374423E-2</v>
      </c>
      <c r="BI67" s="217">
        <v>0.16531471375402704</v>
      </c>
      <c r="BJ67" s="95">
        <v>5.5101765521451691E-2</v>
      </c>
      <c r="BK67" s="217">
        <v>0.48988827995708178</v>
      </c>
      <c r="BL67" s="95">
        <v>7.29182080057863E-2</v>
      </c>
      <c r="BM67" s="213">
        <v>195</v>
      </c>
      <c r="BN67" s="217">
        <v>0.77434723256711846</v>
      </c>
      <c r="BO67" s="95">
        <v>5.9769905734642491E-2</v>
      </c>
      <c r="BP67" s="217">
        <v>0.10248344929129737</v>
      </c>
      <c r="BQ67" s="95">
        <v>4.4443920130232809E-2</v>
      </c>
      <c r="BR67" s="217">
        <v>0.12316931814158391</v>
      </c>
      <c r="BS67" s="95">
        <v>4.7795599526220547E-2</v>
      </c>
      <c r="BT67" s="213">
        <v>136</v>
      </c>
      <c r="BU67" s="217">
        <v>0.34853769137509943</v>
      </c>
      <c r="BV67" s="95">
        <v>8.0773288810081417E-2</v>
      </c>
      <c r="BW67" s="217">
        <v>0.10450677921453794</v>
      </c>
      <c r="BX67" s="95">
        <v>5.4088662733982822E-2</v>
      </c>
      <c r="BY67" s="217">
        <v>0.5469555294103623</v>
      </c>
      <c r="BZ67" s="95">
        <v>8.4162999711809156E-2</v>
      </c>
    </row>
    <row r="68" spans="1:78">
      <c r="A68" s="43" t="s">
        <v>579</v>
      </c>
      <c r="B68" s="212">
        <v>142</v>
      </c>
      <c r="C68" s="216">
        <v>0.24954937715612299</v>
      </c>
      <c r="D68" s="92">
        <v>7.2275048768532649E-2</v>
      </c>
      <c r="E68" s="216">
        <v>0.21792948654133074</v>
      </c>
      <c r="F68" s="92">
        <v>6.9190260412625992E-2</v>
      </c>
      <c r="G68" s="216">
        <v>0.53252113630254616</v>
      </c>
      <c r="H68" s="92">
        <v>8.2594824516478413E-2</v>
      </c>
      <c r="I68" s="212">
        <v>153</v>
      </c>
      <c r="J68" s="216">
        <v>0.2820833441139261</v>
      </c>
      <c r="K68" s="92">
        <v>7.2252434341166918E-2</v>
      </c>
      <c r="L68" s="216">
        <v>0.2269240409720141</v>
      </c>
      <c r="M68" s="92">
        <v>6.756565771902498E-2</v>
      </c>
      <c r="N68" s="216">
        <v>0.49099261491405971</v>
      </c>
      <c r="O68" s="92">
        <v>7.9796388742943744E-2</v>
      </c>
      <c r="P68" s="212">
        <v>151</v>
      </c>
      <c r="Q68" s="216">
        <v>0.28550153970851633</v>
      </c>
      <c r="R68" s="92">
        <v>7.2970954518494904E-2</v>
      </c>
      <c r="S68" s="216">
        <v>0.2424088058135889</v>
      </c>
      <c r="T68" s="92">
        <v>6.9473089655824397E-2</v>
      </c>
      <c r="U68" s="216">
        <v>0.47208965447789469</v>
      </c>
      <c r="V68" s="92">
        <v>8.0203080888284164E-2</v>
      </c>
      <c r="W68" s="212">
        <v>139</v>
      </c>
      <c r="X68" s="216">
        <v>0.23059586904589047</v>
      </c>
      <c r="Y68" s="92">
        <v>7.1237800665214748E-2</v>
      </c>
      <c r="Z68" s="216">
        <v>5.8391081692201904E-2</v>
      </c>
      <c r="AA68" s="92">
        <v>4.2881882487232695E-2</v>
      </c>
      <c r="AB68" s="216">
        <v>0.71101304926190734</v>
      </c>
      <c r="AC68" s="92">
        <v>7.6264106317584526E-2</v>
      </c>
      <c r="AD68" s="212">
        <v>151</v>
      </c>
      <c r="AE68" s="216">
        <v>0.29740548577937015</v>
      </c>
      <c r="AF68" s="92">
        <v>7.3799476522744697E-2</v>
      </c>
      <c r="AG68" s="216">
        <v>0.15741771410733091</v>
      </c>
      <c r="AH68" s="92">
        <v>5.9809729005567025E-2</v>
      </c>
      <c r="AI68" s="216">
        <v>0.54517680011329894</v>
      </c>
      <c r="AJ68" s="92">
        <v>8.0010166535611243E-2</v>
      </c>
      <c r="AK68" s="212">
        <v>138</v>
      </c>
      <c r="AL68" s="216">
        <v>0.24073502737731375</v>
      </c>
      <c r="AM68" s="92">
        <v>7.2484147780544947E-2</v>
      </c>
      <c r="AN68" s="216">
        <v>0.1723644757262689</v>
      </c>
      <c r="AO68" s="92">
        <v>6.4702437720082134E-2</v>
      </c>
      <c r="AP68" s="216">
        <v>0.5869004968964171</v>
      </c>
      <c r="AQ68" s="92">
        <v>8.271242546786356E-2</v>
      </c>
      <c r="AR68" s="212">
        <v>153</v>
      </c>
      <c r="AS68" s="216">
        <v>0.56030342914448028</v>
      </c>
      <c r="AT68" s="92">
        <v>7.9255522498327763E-2</v>
      </c>
      <c r="AU68" s="216">
        <v>0.1588988175632646</v>
      </c>
      <c r="AV68" s="92">
        <v>5.9617276647127418E-2</v>
      </c>
      <c r="AW68" s="216">
        <v>0.28079775329225504</v>
      </c>
      <c r="AX68" s="92">
        <v>7.2158278593961303E-2</v>
      </c>
      <c r="AY68" s="212">
        <v>149</v>
      </c>
      <c r="AZ68" s="216">
        <v>0.33518626602961166</v>
      </c>
      <c r="BA68" s="92">
        <v>7.6566547428406892E-2</v>
      </c>
      <c r="BB68" s="216">
        <v>0.19412940203470253</v>
      </c>
      <c r="BC68" s="92">
        <v>6.4932562589197329E-2</v>
      </c>
      <c r="BD68" s="216">
        <v>0.47068433193568593</v>
      </c>
      <c r="BE68" s="92">
        <v>8.0713313459690073E-2</v>
      </c>
      <c r="BF68" s="212">
        <v>153</v>
      </c>
      <c r="BG68" s="216">
        <v>0.30132028350438428</v>
      </c>
      <c r="BH68" s="92">
        <v>7.3582077319902142E-2</v>
      </c>
      <c r="BI68" s="216">
        <v>0.22955552598466189</v>
      </c>
      <c r="BJ68" s="92">
        <v>6.7821271306086575E-2</v>
      </c>
      <c r="BK68" s="216">
        <v>0.46912419051095383</v>
      </c>
      <c r="BL68" s="92">
        <v>7.9664046533322153E-2</v>
      </c>
      <c r="BM68" s="212">
        <v>156</v>
      </c>
      <c r="BN68" s="216">
        <v>0.51614188670978189</v>
      </c>
      <c r="BO68" s="92">
        <v>7.901776772797045E-2</v>
      </c>
      <c r="BP68" s="216">
        <v>0.15242463392219191</v>
      </c>
      <c r="BQ68" s="92">
        <v>5.8128368989277458E-2</v>
      </c>
      <c r="BR68" s="216">
        <v>0.33143347936802597</v>
      </c>
      <c r="BS68" s="92">
        <v>7.4663964291016099E-2</v>
      </c>
      <c r="BT68" s="212">
        <v>119</v>
      </c>
      <c r="BU68" s="216">
        <v>0.18147545884701841</v>
      </c>
      <c r="BV68" s="92">
        <v>7.1005256746201562E-2</v>
      </c>
      <c r="BW68" s="216">
        <v>0.10560625254517846</v>
      </c>
      <c r="BX68" s="92">
        <v>5.8269324604663095E-2</v>
      </c>
      <c r="BY68" s="216">
        <v>0.7129182886078026</v>
      </c>
      <c r="BZ68" s="92">
        <v>8.2159160214063817E-2</v>
      </c>
    </row>
    <row r="69" spans="1:78">
      <c r="A69" s="47" t="s">
        <v>580</v>
      </c>
      <c r="B69" s="213">
        <v>141</v>
      </c>
      <c r="C69" s="217">
        <v>0.35230870798780278</v>
      </c>
      <c r="D69" s="95">
        <v>7.9545977700239343E-2</v>
      </c>
      <c r="E69" s="217">
        <v>0.18090106668799544</v>
      </c>
      <c r="F69" s="95">
        <v>6.5118727792042627E-2</v>
      </c>
      <c r="G69" s="217">
        <v>0.46679022532420189</v>
      </c>
      <c r="H69" s="95">
        <v>8.2872085999524808E-2</v>
      </c>
      <c r="I69" s="213">
        <v>152</v>
      </c>
      <c r="J69" s="217">
        <v>0.34200233962775201</v>
      </c>
      <c r="K69" s="95">
        <v>7.6174646520975622E-2</v>
      </c>
      <c r="L69" s="217">
        <v>0.23812724473344551</v>
      </c>
      <c r="M69" s="95">
        <v>6.8854055930425637E-2</v>
      </c>
      <c r="N69" s="217">
        <v>0.41987041563880267</v>
      </c>
      <c r="O69" s="95">
        <v>7.9081959684671535E-2</v>
      </c>
      <c r="P69" s="213">
        <v>150</v>
      </c>
      <c r="Q69" s="217">
        <v>0.38997216303087229</v>
      </c>
      <c r="R69" s="95">
        <v>7.8709493362970284E-2</v>
      </c>
      <c r="S69" s="217">
        <v>0.24560010462009635</v>
      </c>
      <c r="T69" s="95">
        <v>6.999055080172091E-2</v>
      </c>
      <c r="U69" s="217">
        <v>0.36442773234903181</v>
      </c>
      <c r="V69" s="95">
        <v>7.7721206244701621E-2</v>
      </c>
      <c r="W69" s="213">
        <v>131</v>
      </c>
      <c r="X69" s="217">
        <v>5.5552439886013411E-2</v>
      </c>
      <c r="Y69" s="95">
        <v>4.3546023465863178E-2</v>
      </c>
      <c r="Z69" s="217">
        <v>8.7765371958305541E-2</v>
      </c>
      <c r="AA69" s="95">
        <v>5.1635125751926143E-2</v>
      </c>
      <c r="AB69" s="217">
        <v>0.85668218815568165</v>
      </c>
      <c r="AC69" s="95">
        <v>6.2112256497173328E-2</v>
      </c>
      <c r="AD69" s="213">
        <v>152</v>
      </c>
      <c r="AE69" s="217">
        <v>0.37972075120205417</v>
      </c>
      <c r="AF69" s="95">
        <v>7.7833697333662286E-2</v>
      </c>
      <c r="AG69" s="217">
        <v>0.15914579898565179</v>
      </c>
      <c r="AH69" s="95">
        <v>5.9850253029298139E-2</v>
      </c>
      <c r="AI69" s="217">
        <v>0.46113344981229448</v>
      </c>
      <c r="AJ69" s="95">
        <v>7.9834101257867038E-2</v>
      </c>
      <c r="AK69" s="213">
        <v>140</v>
      </c>
      <c r="AL69" s="217">
        <v>0.31040598975554545</v>
      </c>
      <c r="AM69" s="95">
        <v>7.7463856997238109E-2</v>
      </c>
      <c r="AN69" s="217">
        <v>0.14116898866833302</v>
      </c>
      <c r="AO69" s="95">
        <v>5.9696982536405326E-2</v>
      </c>
      <c r="AP69" s="217">
        <v>0.54842502157612194</v>
      </c>
      <c r="AQ69" s="95">
        <v>8.2963091643645598E-2</v>
      </c>
      <c r="AR69" s="213">
        <v>149</v>
      </c>
      <c r="AS69" s="217">
        <v>0.62837668391298251</v>
      </c>
      <c r="AT69" s="95">
        <v>7.8277183362962841E-2</v>
      </c>
      <c r="AU69" s="217">
        <v>0.14011808670069908</v>
      </c>
      <c r="AV69" s="95">
        <v>5.7659925021013414E-2</v>
      </c>
      <c r="AW69" s="217">
        <v>0.23150522938631887</v>
      </c>
      <c r="AX69" s="95">
        <v>6.8909463716988209E-2</v>
      </c>
      <c r="AY69" s="213">
        <v>154</v>
      </c>
      <c r="AZ69" s="217">
        <v>0.51750714410464216</v>
      </c>
      <c r="BA69" s="95">
        <v>7.9509385236085139E-2</v>
      </c>
      <c r="BB69" s="217">
        <v>0.12435469722656001</v>
      </c>
      <c r="BC69" s="95">
        <v>5.4178548157035315E-2</v>
      </c>
      <c r="BD69" s="217">
        <v>0.3581381586687985</v>
      </c>
      <c r="BE69" s="95">
        <v>7.6453228168216952E-2</v>
      </c>
      <c r="BF69" s="213">
        <v>154</v>
      </c>
      <c r="BG69" s="217">
        <v>0.28502007566879528</v>
      </c>
      <c r="BH69" s="95">
        <v>7.2232760242465735E-2</v>
      </c>
      <c r="BI69" s="217">
        <v>0.24452609685656268</v>
      </c>
      <c r="BJ69" s="95">
        <v>6.8988332839277175E-2</v>
      </c>
      <c r="BK69" s="217">
        <v>0.47045382747464237</v>
      </c>
      <c r="BL69" s="95">
        <v>7.9423662180716545E-2</v>
      </c>
      <c r="BM69" s="213">
        <v>159</v>
      </c>
      <c r="BN69" s="217">
        <v>0.60975965031509238</v>
      </c>
      <c r="BO69" s="95">
        <v>7.6509245916636076E-2</v>
      </c>
      <c r="BP69" s="217">
        <v>0.10261418962534323</v>
      </c>
      <c r="BQ69" s="95">
        <v>4.9473268049117732E-2</v>
      </c>
      <c r="BR69" s="217">
        <v>0.28762616005956515</v>
      </c>
      <c r="BS69" s="95">
        <v>7.1286825451991165E-2</v>
      </c>
      <c r="BT69" s="213">
        <v>108</v>
      </c>
      <c r="BU69" s="217">
        <v>9.429872753079227E-2</v>
      </c>
      <c r="BV69" s="95">
        <v>5.8843987730505115E-2</v>
      </c>
      <c r="BW69" s="217">
        <v>8.2858383036575015E-2</v>
      </c>
      <c r="BX69" s="95">
        <v>5.6124862119943081E-2</v>
      </c>
      <c r="BY69" s="217">
        <v>0.82284288943263251</v>
      </c>
      <c r="BZ69" s="95">
        <v>7.3941180562746137E-2</v>
      </c>
    </row>
    <row r="70" spans="1:78">
      <c r="A70" s="43" t="s">
        <v>581</v>
      </c>
      <c r="B70" s="212">
        <v>90</v>
      </c>
      <c r="C70" s="216">
        <v>0.19078280614692542</v>
      </c>
      <c r="D70" s="92">
        <v>8.3117210089144092E-2</v>
      </c>
      <c r="E70" s="216">
        <v>0.10343819771919739</v>
      </c>
      <c r="F70" s="92">
        <v>6.7109916072270778E-2</v>
      </c>
      <c r="G70" s="216">
        <v>0.70577899613387673</v>
      </c>
      <c r="H70" s="92">
        <v>9.4797018741206857E-2</v>
      </c>
      <c r="I70" s="212">
        <v>93</v>
      </c>
      <c r="J70" s="216">
        <v>0.17392670861696571</v>
      </c>
      <c r="K70" s="92">
        <v>7.9239784231621063E-2</v>
      </c>
      <c r="L70" s="216">
        <v>0.14199224974591595</v>
      </c>
      <c r="M70" s="92">
        <v>7.3829891684603993E-2</v>
      </c>
      <c r="N70" s="216">
        <v>0.68408104163711803</v>
      </c>
      <c r="O70" s="92">
        <v>9.499891586838427E-2</v>
      </c>
      <c r="P70" s="212">
        <v>86</v>
      </c>
      <c r="Q70" s="216">
        <v>0.22596569955863849</v>
      </c>
      <c r="R70" s="92">
        <v>8.9797787628755135E-2</v>
      </c>
      <c r="S70" s="216">
        <v>0.14194438149412039</v>
      </c>
      <c r="T70" s="92">
        <v>7.6866067523101461E-2</v>
      </c>
      <c r="U70" s="216">
        <v>0.63208991894724031</v>
      </c>
      <c r="V70" s="92">
        <v>0.10199535925049887</v>
      </c>
      <c r="W70" s="212">
        <v>81</v>
      </c>
      <c r="X70" s="216">
        <v>6.0918395606571446E-2</v>
      </c>
      <c r="Y70" s="92">
        <v>5.9379374553102708E-2</v>
      </c>
      <c r="Z70" s="216">
        <v>5.4263469095303572E-2</v>
      </c>
      <c r="AA70" s="92">
        <v>5.7221284686488731E-2</v>
      </c>
      <c r="AB70" s="216">
        <v>0.8848181352981247</v>
      </c>
      <c r="AC70" s="92">
        <v>7.3732258135595058E-2</v>
      </c>
      <c r="AD70" s="212">
        <v>93</v>
      </c>
      <c r="AE70" s="216">
        <v>0.31430830941703009</v>
      </c>
      <c r="AF70" s="92">
        <v>9.4880019203318552E-2</v>
      </c>
      <c r="AG70" s="216">
        <v>0.13358350238498531</v>
      </c>
      <c r="AH70" s="92">
        <v>7.2249200956059897E-2</v>
      </c>
      <c r="AI70" s="216">
        <v>0.55210818819798402</v>
      </c>
      <c r="AJ70" s="92">
        <v>0.10102649619955166</v>
      </c>
      <c r="AK70" s="212">
        <v>86</v>
      </c>
      <c r="AL70" s="216">
        <v>0.22635630086883254</v>
      </c>
      <c r="AM70" s="92">
        <v>8.9846113075788811E-2</v>
      </c>
      <c r="AN70" s="216">
        <v>0.10923673241876937</v>
      </c>
      <c r="AO70" s="92">
        <v>7.0103231431893426E-2</v>
      </c>
      <c r="AP70" s="216">
        <v>0.66440696671239763</v>
      </c>
      <c r="AQ70" s="92">
        <v>0.10007099546752894</v>
      </c>
      <c r="AR70" s="212">
        <v>96</v>
      </c>
      <c r="AS70" s="216">
        <v>0.5448114072270428</v>
      </c>
      <c r="AT70" s="92">
        <v>9.9629186458627131E-2</v>
      </c>
      <c r="AU70" s="216">
        <v>0.169005786354643</v>
      </c>
      <c r="AV70" s="92">
        <v>7.7209355034084229E-2</v>
      </c>
      <c r="AW70" s="216">
        <v>0.28618280641831367</v>
      </c>
      <c r="AX70" s="92">
        <v>9.1184753691153808E-2</v>
      </c>
      <c r="AY70" s="212">
        <v>89</v>
      </c>
      <c r="AZ70" s="216">
        <v>0.1306900486102858</v>
      </c>
      <c r="BA70" s="92">
        <v>7.3350039608861606E-2</v>
      </c>
      <c r="BB70" s="216">
        <v>9.5486181100136805E-2</v>
      </c>
      <c r="BC70" s="92">
        <v>6.5629027927050568E-2</v>
      </c>
      <c r="BD70" s="216">
        <v>0.77382377028957705</v>
      </c>
      <c r="BE70" s="92">
        <v>8.8313148168582142E-2</v>
      </c>
      <c r="BF70" s="212">
        <v>94</v>
      </c>
      <c r="BG70" s="216">
        <v>0.15433658609596232</v>
      </c>
      <c r="BH70" s="92">
        <v>7.5612189609757408E-2</v>
      </c>
      <c r="BI70" s="216">
        <v>0.18029382573972869</v>
      </c>
      <c r="BJ70" s="92">
        <v>7.9785815198750318E-2</v>
      </c>
      <c r="BK70" s="216">
        <v>0.66536958816430858</v>
      </c>
      <c r="BL70" s="92">
        <v>9.5797353330398835E-2</v>
      </c>
      <c r="BM70" s="212">
        <v>95</v>
      </c>
      <c r="BN70" s="216">
        <v>0.56997868420095421</v>
      </c>
      <c r="BO70" s="92">
        <v>9.959325520323685E-2</v>
      </c>
      <c r="BP70" s="216">
        <v>9.2167307788639588E-2</v>
      </c>
      <c r="BQ70" s="92">
        <v>6.2552305131405458E-2</v>
      </c>
      <c r="BR70" s="216">
        <v>0.33785400801040555</v>
      </c>
      <c r="BS70" s="92">
        <v>9.5513563135142129E-2</v>
      </c>
      <c r="BT70" s="212">
        <v>72</v>
      </c>
      <c r="BU70" s="216">
        <v>0.288464788451325</v>
      </c>
      <c r="BV70" s="92">
        <v>0.10509122023235545</v>
      </c>
      <c r="BW70" s="216">
        <v>6.1744166974114029E-2</v>
      </c>
      <c r="BX70" s="92">
        <v>6.391502692219965E-2</v>
      </c>
      <c r="BY70" s="216">
        <v>0.64979104457455994</v>
      </c>
      <c r="BZ70" s="92">
        <v>0.10999098448173494</v>
      </c>
    </row>
    <row r="71" spans="1:78">
      <c r="A71" s="47" t="s">
        <v>584</v>
      </c>
      <c r="B71" s="213">
        <v>5</v>
      </c>
      <c r="C71" s="429" t="s">
        <v>657</v>
      </c>
      <c r="D71" s="430"/>
      <c r="E71" s="430"/>
      <c r="F71" s="430"/>
      <c r="G71" s="430"/>
      <c r="H71" s="430"/>
      <c r="I71" s="430"/>
      <c r="J71" s="430"/>
      <c r="K71" s="430"/>
      <c r="L71" s="430"/>
      <c r="M71" s="430"/>
      <c r="N71" s="430"/>
      <c r="O71" s="430"/>
      <c r="P71" s="430"/>
      <c r="Q71" s="430"/>
      <c r="R71" s="430"/>
      <c r="S71" s="430"/>
      <c r="T71" s="430"/>
      <c r="U71" s="430"/>
      <c r="V71" s="430"/>
      <c r="W71" s="430"/>
      <c r="X71" s="430"/>
      <c r="Y71" s="430"/>
      <c r="Z71" s="430"/>
      <c r="AA71" s="430"/>
      <c r="AB71" s="430"/>
      <c r="AC71" s="430"/>
      <c r="AD71" s="430"/>
      <c r="AE71" s="430"/>
      <c r="AF71" s="430"/>
      <c r="AG71" s="430"/>
      <c r="AH71" s="430"/>
      <c r="AI71" s="430"/>
      <c r="AJ71" s="430"/>
      <c r="AK71" s="430"/>
      <c r="AL71" s="430"/>
      <c r="AM71" s="430"/>
      <c r="AN71" s="430"/>
      <c r="AO71" s="430"/>
      <c r="AP71" s="430"/>
      <c r="AQ71" s="430"/>
      <c r="AR71" s="430"/>
      <c r="AS71" s="430"/>
      <c r="AT71" s="430"/>
      <c r="AU71" s="430"/>
      <c r="AV71" s="430"/>
      <c r="AW71" s="430"/>
      <c r="AX71" s="430"/>
      <c r="AY71" s="430"/>
      <c r="AZ71" s="430"/>
      <c r="BA71" s="430"/>
      <c r="BB71" s="430"/>
      <c r="BC71" s="430"/>
      <c r="BD71" s="430"/>
      <c r="BE71" s="430"/>
      <c r="BF71" s="430"/>
      <c r="BG71" s="430"/>
      <c r="BH71" s="430"/>
      <c r="BI71" s="430"/>
      <c r="BJ71" s="430"/>
      <c r="BK71" s="430"/>
      <c r="BL71" s="430"/>
      <c r="BM71" s="430"/>
      <c r="BN71" s="430"/>
      <c r="BO71" s="430"/>
      <c r="BP71" s="430"/>
      <c r="BQ71" s="430"/>
      <c r="BR71" s="430"/>
      <c r="BS71" s="430"/>
      <c r="BT71" s="430"/>
      <c r="BU71" s="430"/>
      <c r="BV71" s="430"/>
      <c r="BW71" s="430"/>
      <c r="BX71" s="430"/>
      <c r="BY71" s="430"/>
      <c r="BZ71" s="431"/>
    </row>
    <row r="72" spans="1:78">
      <c r="A72" s="43" t="s">
        <v>585</v>
      </c>
      <c r="B72" s="212">
        <v>1692</v>
      </c>
      <c r="C72" s="216">
        <v>0.26968823923970747</v>
      </c>
      <c r="D72" s="92">
        <v>2.1566396108196325E-2</v>
      </c>
      <c r="E72" s="216">
        <v>0.13391007423745538</v>
      </c>
      <c r="F72" s="92">
        <v>1.6583806549653697E-2</v>
      </c>
      <c r="G72" s="216">
        <v>0.59640168652283465</v>
      </c>
      <c r="H72" s="92">
        <v>2.3828717581657805E-2</v>
      </c>
      <c r="I72" s="212">
        <v>1786</v>
      </c>
      <c r="J72" s="216">
        <v>0.30404766818336371</v>
      </c>
      <c r="K72" s="92">
        <v>2.1754038989645473E-2</v>
      </c>
      <c r="L72" s="216">
        <v>0.16178874679248259</v>
      </c>
      <c r="M72" s="92">
        <v>1.7440965272007815E-2</v>
      </c>
      <c r="N72" s="216">
        <v>0.53416358502414985</v>
      </c>
      <c r="O72" s="92">
        <v>2.3580981824095897E-2</v>
      </c>
      <c r="P72" s="212">
        <v>1741</v>
      </c>
      <c r="Q72" s="216">
        <v>0.31135392807845297</v>
      </c>
      <c r="R72" s="92">
        <v>2.217800473077142E-2</v>
      </c>
      <c r="S72" s="216">
        <v>0.1842468850932269</v>
      </c>
      <c r="T72" s="92">
        <v>1.8589612532516168E-2</v>
      </c>
      <c r="U72" s="216">
        <v>0.5043991868283173</v>
      </c>
      <c r="V72" s="92">
        <v>2.3937872585129628E-2</v>
      </c>
      <c r="W72" s="212">
        <v>1611</v>
      </c>
      <c r="X72" s="216">
        <v>0.31105209792938288</v>
      </c>
      <c r="Y72" s="92">
        <v>2.3047954847101679E-2</v>
      </c>
      <c r="Z72" s="216">
        <v>8.2676116438684388E-2</v>
      </c>
      <c r="AA72" s="92">
        <v>1.37831427591896E-2</v>
      </c>
      <c r="AB72" s="216">
        <v>0.60627178563193085</v>
      </c>
      <c r="AC72" s="92">
        <v>2.4317924298607657E-2</v>
      </c>
      <c r="AD72" s="212">
        <v>1788</v>
      </c>
      <c r="AE72" s="216">
        <v>0.32316999745372699</v>
      </c>
      <c r="AF72" s="92">
        <v>2.2103176660585953E-2</v>
      </c>
      <c r="AG72" s="216">
        <v>0.12796365920985589</v>
      </c>
      <c r="AH72" s="92">
        <v>1.5825934998846429E-2</v>
      </c>
      <c r="AI72" s="216">
        <v>0.54886634333641304</v>
      </c>
      <c r="AJ72" s="92">
        <v>2.3510195781477786E-2</v>
      </c>
      <c r="AK72" s="212">
        <v>1580</v>
      </c>
      <c r="AL72" s="216">
        <v>0.30789363268479286</v>
      </c>
      <c r="AM72" s="92">
        <v>2.3207523187090191E-2</v>
      </c>
      <c r="AN72" s="216">
        <v>0.14425175156822262</v>
      </c>
      <c r="AO72" s="92">
        <v>1.7701334805090039E-2</v>
      </c>
      <c r="AP72" s="216">
        <v>0.54785461574698446</v>
      </c>
      <c r="AQ72" s="92">
        <v>2.5011183717138358E-2</v>
      </c>
      <c r="AR72" s="212">
        <v>1819</v>
      </c>
      <c r="AS72" s="216">
        <v>0.66648239961764622</v>
      </c>
      <c r="AT72" s="92">
        <v>2.2090677683868565E-2</v>
      </c>
      <c r="AU72" s="216">
        <v>0.12062297206861476</v>
      </c>
      <c r="AV72" s="92">
        <v>1.5301252282616347E-2</v>
      </c>
      <c r="AW72" s="216">
        <v>0.21289462831373362</v>
      </c>
      <c r="AX72" s="92">
        <v>1.9195665988042121E-2</v>
      </c>
      <c r="AY72" s="212">
        <v>1689</v>
      </c>
      <c r="AZ72" s="216">
        <v>0.22651355002654136</v>
      </c>
      <c r="BA72" s="92">
        <v>2.0366295725866811E-2</v>
      </c>
      <c r="BB72" s="216">
        <v>0.12439726011925405</v>
      </c>
      <c r="BC72" s="92">
        <v>1.6091031132187822E-2</v>
      </c>
      <c r="BD72" s="216">
        <v>0.64908918985420117</v>
      </c>
      <c r="BE72" s="92">
        <v>2.3203423698188206E-2</v>
      </c>
      <c r="BF72" s="212">
        <v>1771</v>
      </c>
      <c r="BG72" s="216">
        <v>0.32641355619265511</v>
      </c>
      <c r="BH72" s="92">
        <v>2.2266169669706234E-2</v>
      </c>
      <c r="BI72" s="216">
        <v>0.17967118781479116</v>
      </c>
      <c r="BJ72" s="92">
        <v>1.8253390258348507E-2</v>
      </c>
      <c r="BK72" s="216">
        <v>0.49391525599255098</v>
      </c>
      <c r="BL72" s="92">
        <v>2.3733883430582799E-2</v>
      </c>
      <c r="BM72" s="212">
        <v>1845</v>
      </c>
      <c r="BN72" s="216">
        <v>0.65651431173789521</v>
      </c>
      <c r="BO72" s="92">
        <v>2.209224697154118E-2</v>
      </c>
      <c r="BP72" s="216">
        <v>9.7597514322040613E-2</v>
      </c>
      <c r="BQ72" s="92">
        <v>1.3857974534902969E-2</v>
      </c>
      <c r="BR72" s="216">
        <v>0.24588817394005955</v>
      </c>
      <c r="BS72" s="92">
        <v>2.004355789447031E-2</v>
      </c>
      <c r="BT72" s="212">
        <v>1307</v>
      </c>
      <c r="BU72" s="216">
        <v>0.32997887950911753</v>
      </c>
      <c r="BV72" s="92">
        <v>2.5982975546633008E-2</v>
      </c>
      <c r="BW72" s="216">
        <v>0.11781429775799417</v>
      </c>
      <c r="BX72" s="92">
        <v>1.7883772086562544E-2</v>
      </c>
      <c r="BY72" s="216">
        <v>0.55220682273289023</v>
      </c>
      <c r="BZ72" s="92">
        <v>2.7468367726995485E-2</v>
      </c>
    </row>
    <row r="73" spans="1:78">
      <c r="A73" s="47" t="s">
        <v>620</v>
      </c>
      <c r="B73" s="213">
        <v>138</v>
      </c>
      <c r="C73" s="217">
        <v>0.17657387310985018</v>
      </c>
      <c r="D73" s="95">
        <v>6.5263441546896256E-2</v>
      </c>
      <c r="E73" s="217">
        <v>0.1567897253548782</v>
      </c>
      <c r="F73" s="95">
        <v>6.251748623463671E-2</v>
      </c>
      <c r="G73" s="217">
        <v>0.66663640153527193</v>
      </c>
      <c r="H73" s="95">
        <v>7.939465571202256E-2</v>
      </c>
      <c r="I73" s="213">
        <v>142</v>
      </c>
      <c r="J73" s="217">
        <v>0.17729314720736894</v>
      </c>
      <c r="K73" s="95">
        <v>6.4423343956652543E-2</v>
      </c>
      <c r="L73" s="217">
        <v>0.16435540042808594</v>
      </c>
      <c r="M73" s="95">
        <v>6.2686684191864239E-2</v>
      </c>
      <c r="N73" s="217">
        <v>0.6583514523645454</v>
      </c>
      <c r="O73" s="95">
        <v>7.8736595459372435E-2</v>
      </c>
      <c r="P73" s="213">
        <v>139</v>
      </c>
      <c r="Q73" s="217">
        <v>0.16720943059901952</v>
      </c>
      <c r="R73" s="95">
        <v>6.3765207956125933E-2</v>
      </c>
      <c r="S73" s="217">
        <v>0.23734974513303012</v>
      </c>
      <c r="T73" s="95">
        <v>7.1901287559656551E-2</v>
      </c>
      <c r="U73" s="217">
        <v>0.59544082426795042</v>
      </c>
      <c r="V73" s="95">
        <v>8.2172173597780021E-2</v>
      </c>
      <c r="W73" s="213">
        <v>140</v>
      </c>
      <c r="X73" s="217">
        <v>0.23714816438971784</v>
      </c>
      <c r="Y73" s="95">
        <v>7.1626732137501564E-2</v>
      </c>
      <c r="Z73" s="217">
        <v>9.8504597217179177E-2</v>
      </c>
      <c r="AA73" s="95">
        <v>5.2077009058774638E-2</v>
      </c>
      <c r="AB73" s="217">
        <v>0.66434723839310295</v>
      </c>
      <c r="AC73" s="95">
        <v>7.8963722427832519E-2</v>
      </c>
      <c r="AD73" s="213">
        <v>144</v>
      </c>
      <c r="AE73" s="217">
        <v>0.21589082211981189</v>
      </c>
      <c r="AF73" s="95">
        <v>6.8494653613512937E-2</v>
      </c>
      <c r="AG73" s="217">
        <v>0.14793940592855243</v>
      </c>
      <c r="AH73" s="95">
        <v>5.9878846050806844E-2</v>
      </c>
      <c r="AI73" s="217">
        <v>0.63616977195163582</v>
      </c>
      <c r="AJ73" s="95">
        <v>7.9261205246040495E-2</v>
      </c>
      <c r="AK73" s="213">
        <v>127</v>
      </c>
      <c r="AL73" s="217">
        <v>0.20748781336785405</v>
      </c>
      <c r="AM73" s="95">
        <v>7.1958870883160955E-2</v>
      </c>
      <c r="AN73" s="217">
        <v>0.16434043196196008</v>
      </c>
      <c r="AO73" s="95">
        <v>6.633435041086358E-2</v>
      </c>
      <c r="AP73" s="217">
        <v>0.62817175467018638</v>
      </c>
      <c r="AQ73" s="95">
        <v>8.4629397970458001E-2</v>
      </c>
      <c r="AR73" s="213">
        <v>143</v>
      </c>
      <c r="AS73" s="217">
        <v>0.57987023214781874</v>
      </c>
      <c r="AT73" s="95">
        <v>8.1476709730258098E-2</v>
      </c>
      <c r="AU73" s="217">
        <v>6.1514254989921163E-2</v>
      </c>
      <c r="AV73" s="95">
        <v>4.3031881391466041E-2</v>
      </c>
      <c r="AW73" s="217">
        <v>0.35861551286226034</v>
      </c>
      <c r="AX73" s="95">
        <v>7.9296823554951767E-2</v>
      </c>
      <c r="AY73" s="213">
        <v>138</v>
      </c>
      <c r="AZ73" s="217">
        <v>0.12680320920146035</v>
      </c>
      <c r="BA73" s="95">
        <v>5.7765959892163883E-2</v>
      </c>
      <c r="BB73" s="217">
        <v>0.11238930161101962</v>
      </c>
      <c r="BC73" s="95">
        <v>5.5182940685531728E-2</v>
      </c>
      <c r="BD73" s="217">
        <v>0.76080748918752039</v>
      </c>
      <c r="BE73" s="95">
        <v>7.2336775598628375E-2</v>
      </c>
      <c r="BF73" s="213">
        <v>143</v>
      </c>
      <c r="BG73" s="217">
        <v>6.8694521791882415E-2</v>
      </c>
      <c r="BH73" s="95">
        <v>0.21553011712882911</v>
      </c>
      <c r="BI73" s="217">
        <v>0.14831447373961784</v>
      </c>
      <c r="BJ73" s="95">
        <v>6.0148737130961839E-2</v>
      </c>
      <c r="BK73" s="217">
        <v>0.63615540913155322</v>
      </c>
      <c r="BL73" s="95">
        <v>7.9532112205178113E-2</v>
      </c>
      <c r="BM73" s="213">
        <v>145</v>
      </c>
      <c r="BN73" s="217">
        <v>0.44595356728353464</v>
      </c>
      <c r="BO73" s="95">
        <v>8.1468684820813375E-2</v>
      </c>
      <c r="BP73" s="217">
        <v>0.14231311123089857</v>
      </c>
      <c r="BQ73" s="95">
        <v>5.8810842662299523E-2</v>
      </c>
      <c r="BR73" s="217">
        <v>0.41173332148556679</v>
      </c>
      <c r="BS73" s="95">
        <v>8.0705228434849063E-2</v>
      </c>
      <c r="BT73" s="213">
        <v>113</v>
      </c>
      <c r="BU73" s="217">
        <v>0.25724156986983648</v>
      </c>
      <c r="BV73" s="95">
        <v>8.165572483544746E-2</v>
      </c>
      <c r="BW73" s="217">
        <v>0.15579709002836978</v>
      </c>
      <c r="BX73" s="95">
        <v>6.9056344775953363E-2</v>
      </c>
      <c r="BY73" s="217">
        <v>0.58696134010179402</v>
      </c>
      <c r="BZ73" s="95">
        <v>9.1136408513976488E-2</v>
      </c>
    </row>
    <row r="74" spans="1:78">
      <c r="A74" s="43" t="s">
        <v>621</v>
      </c>
      <c r="B74" s="212">
        <v>134</v>
      </c>
      <c r="C74" s="216">
        <v>0.16339297627005006</v>
      </c>
      <c r="D74" s="92">
        <v>6.4419117342720877E-2</v>
      </c>
      <c r="E74" s="216">
        <v>0.18032381368877487</v>
      </c>
      <c r="F74" s="92">
        <v>6.6734494826664437E-2</v>
      </c>
      <c r="G74" s="216">
        <v>0.65628321004117551</v>
      </c>
      <c r="H74" s="92">
        <v>8.1110221571299657E-2</v>
      </c>
      <c r="I74" s="212">
        <v>147</v>
      </c>
      <c r="J74" s="216">
        <v>0.28793557540607884</v>
      </c>
      <c r="K74" s="92">
        <v>7.4118163914758173E-2</v>
      </c>
      <c r="L74" s="216">
        <v>0.15542893921888662</v>
      </c>
      <c r="M74" s="92">
        <v>6.0347286010601041E-2</v>
      </c>
      <c r="N74" s="216">
        <v>0.55663548537503571</v>
      </c>
      <c r="O74" s="92">
        <v>8.0882566967383662E-2</v>
      </c>
      <c r="P74" s="212">
        <v>146</v>
      </c>
      <c r="Q74" s="216">
        <v>0.36453695473303377</v>
      </c>
      <c r="R74" s="92">
        <v>7.8759616318166845E-2</v>
      </c>
      <c r="S74" s="216">
        <v>0.22233388534441423</v>
      </c>
      <c r="T74" s="92">
        <v>6.8694225212511284E-2</v>
      </c>
      <c r="U74" s="216">
        <v>0.41312915992255256</v>
      </c>
      <c r="V74" s="92">
        <v>8.0473693092737483E-2</v>
      </c>
      <c r="W74" s="212">
        <v>128</v>
      </c>
      <c r="X74" s="216">
        <v>0.41236970431099773</v>
      </c>
      <c r="Y74" s="92">
        <v>8.5772651906145789E-2</v>
      </c>
      <c r="Z74" s="216">
        <v>5.5492934322882839E-2</v>
      </c>
      <c r="AA74" s="92">
        <v>4.4109701866153275E-2</v>
      </c>
      <c r="AB74" s="216">
        <v>0.53213736136611967</v>
      </c>
      <c r="AC74" s="92">
        <v>8.6869605548220014E-2</v>
      </c>
      <c r="AD74" s="212">
        <v>144</v>
      </c>
      <c r="AE74" s="216">
        <v>0.25538758722287269</v>
      </c>
      <c r="AF74" s="92">
        <v>7.2289843993642203E-2</v>
      </c>
      <c r="AG74" s="216">
        <v>0.14346575178110152</v>
      </c>
      <c r="AH74" s="92">
        <v>5.9197709857909425E-2</v>
      </c>
      <c r="AI74" s="216">
        <v>0.60114666099602643</v>
      </c>
      <c r="AJ74" s="92">
        <v>8.0591544026382411E-2</v>
      </c>
      <c r="AK74" s="212">
        <v>132</v>
      </c>
      <c r="AL74" s="216">
        <v>0.30770490379615073</v>
      </c>
      <c r="AM74" s="92">
        <v>7.9551269079870077E-2</v>
      </c>
      <c r="AN74" s="216">
        <v>0.1253808253655227</v>
      </c>
      <c r="AO74" s="92">
        <v>5.8860338003878972E-2</v>
      </c>
      <c r="AP74" s="216">
        <v>0.56691427083832724</v>
      </c>
      <c r="AQ74" s="92">
        <v>8.5022832673767562E-2</v>
      </c>
      <c r="AR74" s="212">
        <v>147</v>
      </c>
      <c r="AS74" s="216">
        <v>0.63608524913600395</v>
      </c>
      <c r="AT74" s="92">
        <v>7.8470302142459522E-2</v>
      </c>
      <c r="AU74" s="216">
        <v>0.15967059203335979</v>
      </c>
      <c r="AV74" s="92">
        <v>6.0948571097658756E-2</v>
      </c>
      <c r="AW74" s="216">
        <v>0.20424415883063696</v>
      </c>
      <c r="AX74" s="92">
        <v>6.6532142144574868E-2</v>
      </c>
      <c r="AY74" s="212">
        <v>140</v>
      </c>
      <c r="AZ74" s="216">
        <v>0.2769595724421488</v>
      </c>
      <c r="BA74" s="92">
        <v>7.5088523060945739E-2</v>
      </c>
      <c r="BB74" s="216">
        <v>0.11478261299485858</v>
      </c>
      <c r="BC74" s="92">
        <v>5.5210981343716638E-2</v>
      </c>
      <c r="BD74" s="216">
        <v>0.60825781456299344</v>
      </c>
      <c r="BE74" s="92">
        <v>8.1466131345947365E-2</v>
      </c>
      <c r="BF74" s="212">
        <v>147</v>
      </c>
      <c r="BG74" s="216">
        <v>7.3735053845889673E-2</v>
      </c>
      <c r="BH74" s="92">
        <v>0.28268090887480302</v>
      </c>
      <c r="BI74" s="216">
        <v>0.20423182366868592</v>
      </c>
      <c r="BJ74" s="92">
        <v>6.6530765492960525E-2</v>
      </c>
      <c r="BK74" s="216">
        <v>0.51308726745651223</v>
      </c>
      <c r="BL74" s="92">
        <v>8.1352422351386081E-2</v>
      </c>
      <c r="BM74" s="212">
        <v>146</v>
      </c>
      <c r="BN74" s="216">
        <v>0.55032544454890309</v>
      </c>
      <c r="BO74" s="92">
        <v>8.1256896867730369E-2</v>
      </c>
      <c r="BP74" s="216">
        <v>0.11381754232250739</v>
      </c>
      <c r="BQ74" s="92">
        <v>5.3841996986687936E-2</v>
      </c>
      <c r="BR74" s="216">
        <v>0.33585701312859023</v>
      </c>
      <c r="BS74" s="92">
        <v>7.7369223199203405E-2</v>
      </c>
      <c r="BT74" s="212">
        <v>108</v>
      </c>
      <c r="BU74" s="216">
        <v>0.34819034144988559</v>
      </c>
      <c r="BV74" s="92">
        <v>9.0350623983201178E-2</v>
      </c>
      <c r="BW74" s="216">
        <v>9.2437624022452078E-2</v>
      </c>
      <c r="BX74" s="92">
        <v>5.8415332675361385E-2</v>
      </c>
      <c r="BY74" s="216">
        <v>0.55937203452766271</v>
      </c>
      <c r="BZ74" s="92">
        <v>9.3869638663077681E-2</v>
      </c>
    </row>
    <row r="75" spans="1:78">
      <c r="A75" s="47" t="s">
        <v>622</v>
      </c>
      <c r="B75" s="213">
        <v>810</v>
      </c>
      <c r="C75" s="217">
        <v>0.25555865753251872</v>
      </c>
      <c r="D75" s="95">
        <v>3.0622872589099868E-2</v>
      </c>
      <c r="E75" s="217">
        <v>0.13816424793507315</v>
      </c>
      <c r="F75" s="95">
        <v>2.431958193249394E-2</v>
      </c>
      <c r="G75" s="217">
        <v>0.60627709453240808</v>
      </c>
      <c r="H75" s="95">
        <v>3.4257007536272692E-2</v>
      </c>
      <c r="I75" s="213">
        <v>845</v>
      </c>
      <c r="J75" s="217">
        <v>0.31048316482392802</v>
      </c>
      <c r="K75" s="95">
        <v>3.1784092662138094E-2</v>
      </c>
      <c r="L75" s="217">
        <v>0.16941846575814004</v>
      </c>
      <c r="M75" s="95">
        <v>2.5842067363757888E-2</v>
      </c>
      <c r="N75" s="217">
        <v>0.52009836941793164</v>
      </c>
      <c r="O75" s="95">
        <v>3.4292434126832319E-2</v>
      </c>
      <c r="P75" s="213">
        <v>821</v>
      </c>
      <c r="Q75" s="217">
        <v>0.32140374673518368</v>
      </c>
      <c r="R75" s="95">
        <v>3.2541772060598571E-2</v>
      </c>
      <c r="S75" s="217">
        <v>0.18003501398001354</v>
      </c>
      <c r="T75" s="95">
        <v>2.684300064143548E-2</v>
      </c>
      <c r="U75" s="217">
        <v>0.49856123928480173</v>
      </c>
      <c r="V75" s="95">
        <v>3.4815388446610883E-2</v>
      </c>
      <c r="W75" s="213">
        <v>770</v>
      </c>
      <c r="X75" s="217">
        <v>0.30719394696209668</v>
      </c>
      <c r="Y75" s="95">
        <v>3.3194210623555195E-2</v>
      </c>
      <c r="Z75" s="217">
        <v>7.5812359273753988E-2</v>
      </c>
      <c r="AA75" s="95">
        <v>1.9278971240873841E-2</v>
      </c>
      <c r="AB75" s="217">
        <v>0.61699369376414914</v>
      </c>
      <c r="AC75" s="95">
        <v>3.4956864018314202E-2</v>
      </c>
      <c r="AD75" s="213">
        <v>851</v>
      </c>
      <c r="AE75" s="217">
        <v>0.32739539920651273</v>
      </c>
      <c r="AF75" s="95">
        <v>3.2117165513381403E-2</v>
      </c>
      <c r="AG75" s="217">
        <v>0.12544479934785524</v>
      </c>
      <c r="AH75" s="95">
        <v>2.278996403903177E-2</v>
      </c>
      <c r="AI75" s="217">
        <v>0.54715980144563203</v>
      </c>
      <c r="AJ75" s="95">
        <v>3.4048243327092838E-2</v>
      </c>
      <c r="AK75" s="213">
        <v>751</v>
      </c>
      <c r="AL75" s="217">
        <v>0.28848499249952753</v>
      </c>
      <c r="AM75" s="95">
        <v>3.301488303444388E-2</v>
      </c>
      <c r="AN75" s="217">
        <v>0.15600722809529993</v>
      </c>
      <c r="AO75" s="95">
        <v>2.6536940655032482E-2</v>
      </c>
      <c r="AP75" s="217">
        <v>0.55550777940517126</v>
      </c>
      <c r="AQ75" s="95">
        <v>3.6171149273291806E-2</v>
      </c>
      <c r="AR75" s="213">
        <v>869</v>
      </c>
      <c r="AS75" s="217">
        <v>0.6879559575005858</v>
      </c>
      <c r="AT75" s="95">
        <v>3.1386118446797312E-2</v>
      </c>
      <c r="AU75" s="217">
        <v>0.11987737800099404</v>
      </c>
      <c r="AV75" s="95">
        <v>2.2124076446585955E-2</v>
      </c>
      <c r="AW75" s="217">
        <v>0.19216666449842015</v>
      </c>
      <c r="AX75" s="95">
        <v>2.6744304730885616E-2</v>
      </c>
      <c r="AY75" s="213">
        <v>787</v>
      </c>
      <c r="AZ75" s="217">
        <v>0.19626865900411075</v>
      </c>
      <c r="BA75" s="95">
        <v>2.8326963759000654E-2</v>
      </c>
      <c r="BB75" s="217">
        <v>0.12755431531738418</v>
      </c>
      <c r="BC75" s="95">
        <v>2.3871082926700753E-2</v>
      </c>
      <c r="BD75" s="217">
        <v>0.67617702567850546</v>
      </c>
      <c r="BE75" s="95">
        <v>3.3299375809434525E-2</v>
      </c>
      <c r="BF75" s="213">
        <v>839</v>
      </c>
      <c r="BG75" s="217">
        <v>3.2436330353346476E-2</v>
      </c>
      <c r="BH75" s="95">
        <v>0.33107154678157774</v>
      </c>
      <c r="BI75" s="217">
        <v>0.18016156899433558</v>
      </c>
      <c r="BJ75" s="95">
        <v>2.6560154543799137E-2</v>
      </c>
      <c r="BK75" s="217">
        <v>0.48876688422408598</v>
      </c>
      <c r="BL75" s="95">
        <v>3.4433218790452705E-2</v>
      </c>
      <c r="BM75" s="213">
        <v>884</v>
      </c>
      <c r="BN75" s="217">
        <v>0.69440164052640019</v>
      </c>
      <c r="BO75" s="95">
        <v>3.0942237946515967E-2</v>
      </c>
      <c r="BP75" s="217">
        <v>8.5799322436606679E-2</v>
      </c>
      <c r="BQ75" s="95">
        <v>1.8980777738482935E-2</v>
      </c>
      <c r="BR75" s="217">
        <v>0.21979903703699363</v>
      </c>
      <c r="BS75" s="95">
        <v>2.7850400536340209E-2</v>
      </c>
      <c r="BT75" s="213">
        <v>622</v>
      </c>
      <c r="BU75" s="217">
        <v>0.363168962019775</v>
      </c>
      <c r="BV75" s="95">
        <v>3.846211120682097E-2</v>
      </c>
      <c r="BW75" s="217">
        <v>9.7298755349725721E-2</v>
      </c>
      <c r="BX75" s="95">
        <v>2.3967166650592106E-2</v>
      </c>
      <c r="BY75" s="217">
        <v>0.53953228263049724</v>
      </c>
      <c r="BZ75" s="95">
        <v>3.9844514634796969E-2</v>
      </c>
    </row>
    <row r="76" spans="1:78">
      <c r="A76" s="43" t="s">
        <v>623</v>
      </c>
      <c r="B76" s="212">
        <v>243</v>
      </c>
      <c r="C76" s="216">
        <v>0.39197633109518809</v>
      </c>
      <c r="D76" s="92">
        <v>6.2174597262435925E-2</v>
      </c>
      <c r="E76" s="216">
        <v>8.7798350084089677E-2</v>
      </c>
      <c r="F76" s="92">
        <v>3.7220951861658878E-2</v>
      </c>
      <c r="G76" s="216">
        <v>0.52022531882072243</v>
      </c>
      <c r="H76" s="92">
        <v>6.3578072534535929E-2</v>
      </c>
      <c r="I76" s="212">
        <v>256</v>
      </c>
      <c r="J76" s="216">
        <v>0.34141641444123044</v>
      </c>
      <c r="K76" s="92">
        <v>5.8915728842389818E-2</v>
      </c>
      <c r="L76" s="216">
        <v>0.13424716409903412</v>
      </c>
      <c r="M76" s="92">
        <v>4.3022240820067413E-2</v>
      </c>
      <c r="N76" s="216">
        <v>0.5243364214597358</v>
      </c>
      <c r="O76" s="92">
        <v>6.1946108319844304E-2</v>
      </c>
      <c r="P76" s="212">
        <v>250</v>
      </c>
      <c r="Q76" s="216">
        <v>0.32077925059195017</v>
      </c>
      <c r="R76" s="92">
        <v>5.8711038433564809E-2</v>
      </c>
      <c r="S76" s="216">
        <v>0.15739448812669474</v>
      </c>
      <c r="T76" s="92">
        <v>4.6328052263834553E-2</v>
      </c>
      <c r="U76" s="216">
        <v>0.52182626128135523</v>
      </c>
      <c r="V76" s="92">
        <v>6.2687639647189222E-2</v>
      </c>
      <c r="W76" s="212">
        <v>226</v>
      </c>
      <c r="X76" s="216">
        <v>0.26444617585524965</v>
      </c>
      <c r="Y76" s="92">
        <v>5.8447679754610744E-2</v>
      </c>
      <c r="Z76" s="216">
        <v>6.60175735892823E-2</v>
      </c>
      <c r="AA76" s="92">
        <v>3.4427812565151678E-2</v>
      </c>
      <c r="AB76" s="216">
        <v>0.66953625055546839</v>
      </c>
      <c r="AC76" s="92">
        <v>6.2170663693080865E-2</v>
      </c>
      <c r="AD76" s="212">
        <v>255</v>
      </c>
      <c r="AE76" s="216">
        <v>0.3808027735783186</v>
      </c>
      <c r="AF76" s="92">
        <v>6.0401167091924314E-2</v>
      </c>
      <c r="AG76" s="216">
        <v>0.12260073563795883</v>
      </c>
      <c r="AH76" s="92">
        <v>4.1577988628332688E-2</v>
      </c>
      <c r="AI76" s="216">
        <v>0.49659649078372275</v>
      </c>
      <c r="AJ76" s="92">
        <v>6.2135581132753075E-2</v>
      </c>
      <c r="AK76" s="212">
        <v>227</v>
      </c>
      <c r="AL76" s="216">
        <v>0.38212238082973987</v>
      </c>
      <c r="AM76" s="92">
        <v>6.4005129292684926E-2</v>
      </c>
      <c r="AN76" s="216">
        <v>0.12687717735437432</v>
      </c>
      <c r="AO76" s="92">
        <v>4.4732801476182187E-2</v>
      </c>
      <c r="AP76" s="216">
        <v>0.4910004418158862</v>
      </c>
      <c r="AQ76" s="92">
        <v>6.5784876824542551E-2</v>
      </c>
      <c r="AR76" s="212">
        <v>257</v>
      </c>
      <c r="AS76" s="216">
        <v>0.63433519034816843</v>
      </c>
      <c r="AT76" s="92">
        <v>5.9693078394477468E-2</v>
      </c>
      <c r="AU76" s="216">
        <v>0.13306527533738494</v>
      </c>
      <c r="AV76" s="92">
        <v>4.2786866227040185E-2</v>
      </c>
      <c r="AW76" s="216">
        <v>0.23259953431444713</v>
      </c>
      <c r="AX76" s="92">
        <v>5.2620503515243666E-2</v>
      </c>
      <c r="AY76" s="212">
        <v>243</v>
      </c>
      <c r="AZ76" s="216">
        <v>0.29376621678848092</v>
      </c>
      <c r="BA76" s="92">
        <v>5.8154344269919736E-2</v>
      </c>
      <c r="BB76" s="216">
        <v>0.1161159865439141</v>
      </c>
      <c r="BC76" s="92">
        <v>4.1698247898733221E-2</v>
      </c>
      <c r="BD76" s="216">
        <v>0.59011779666760544</v>
      </c>
      <c r="BE76" s="92">
        <v>6.2620208384659343E-2</v>
      </c>
      <c r="BF76" s="212">
        <v>251</v>
      </c>
      <c r="BG76" s="216">
        <v>5.9856390411012768E-2</v>
      </c>
      <c r="BH76" s="92">
        <v>0.35069781096821551</v>
      </c>
      <c r="BI76" s="216">
        <v>0.17527390948262828</v>
      </c>
      <c r="BJ76" s="92">
        <v>4.8155819335593104E-2</v>
      </c>
      <c r="BK76" s="216">
        <v>0.47402827954915616</v>
      </c>
      <c r="BL76" s="92">
        <v>6.2540523709212342E-2</v>
      </c>
      <c r="BM76" s="212">
        <v>262</v>
      </c>
      <c r="BN76" s="216">
        <v>0.66308375938484909</v>
      </c>
      <c r="BO76" s="92">
        <v>5.8063688434371194E-2</v>
      </c>
      <c r="BP76" s="216">
        <v>0.10398993226724712</v>
      </c>
      <c r="BQ76" s="92">
        <v>3.8360591122248953E-2</v>
      </c>
      <c r="BR76" s="216">
        <v>0.23292630834790376</v>
      </c>
      <c r="BS76" s="92">
        <v>5.2142189567623391E-2</v>
      </c>
      <c r="BT76" s="212">
        <v>181</v>
      </c>
      <c r="BU76" s="216">
        <v>0.2954614122000086</v>
      </c>
      <c r="BV76" s="92">
        <v>6.7376077842152479E-2</v>
      </c>
      <c r="BW76" s="216">
        <v>0.11582065559315838</v>
      </c>
      <c r="BX76" s="92">
        <v>4.8483971225404786E-2</v>
      </c>
      <c r="BY76" s="216">
        <v>0.5887179322068341</v>
      </c>
      <c r="BZ76" s="92">
        <v>7.2405138077533848E-2</v>
      </c>
    </row>
    <row r="77" spans="1:78">
      <c r="A77" s="47" t="s">
        <v>624</v>
      </c>
      <c r="B77" s="213">
        <v>263</v>
      </c>
      <c r="C77" s="217">
        <v>0.28017680411290724</v>
      </c>
      <c r="D77" s="95">
        <v>5.51626501332197E-2</v>
      </c>
      <c r="E77" s="217">
        <v>0.16755109496405982</v>
      </c>
      <c r="F77" s="95">
        <v>4.624708901114484E-2</v>
      </c>
      <c r="G77" s="217">
        <v>0.55227210092303336</v>
      </c>
      <c r="H77" s="95">
        <v>6.0873649835334588E-2</v>
      </c>
      <c r="I77" s="213">
        <v>281</v>
      </c>
      <c r="J77" s="217">
        <v>0.3416255094455376</v>
      </c>
      <c r="K77" s="95">
        <v>5.6272102027600281E-2</v>
      </c>
      <c r="L77" s="217">
        <v>0.19119506016015517</v>
      </c>
      <c r="M77" s="95">
        <v>4.6986001704578485E-2</v>
      </c>
      <c r="N77" s="217">
        <v>0.46717943039430837</v>
      </c>
      <c r="O77" s="95">
        <v>5.9110700183526432E-2</v>
      </c>
      <c r="P77" s="213">
        <v>279</v>
      </c>
      <c r="Q77" s="217">
        <v>0.33176816308140689</v>
      </c>
      <c r="R77" s="95">
        <v>5.6078245449434475E-2</v>
      </c>
      <c r="S77" s="217">
        <v>0.21605334445522764</v>
      </c>
      <c r="T77" s="95">
        <v>4.9254134572782868E-2</v>
      </c>
      <c r="U77" s="217">
        <v>0.45217849246336678</v>
      </c>
      <c r="V77" s="95">
        <v>5.9178987508503068E-2</v>
      </c>
      <c r="W77" s="213">
        <v>251</v>
      </c>
      <c r="X77" s="217">
        <v>0.36990381254899901</v>
      </c>
      <c r="Y77" s="95">
        <v>6.0533808205451713E-2</v>
      </c>
      <c r="Z77" s="217">
        <v>0.10999675762642244</v>
      </c>
      <c r="AA77" s="95">
        <v>4.0123708459431376E-2</v>
      </c>
      <c r="AB77" s="217">
        <v>0.52009942982457913</v>
      </c>
      <c r="AC77" s="95">
        <v>6.2573387517526724E-2</v>
      </c>
      <c r="AD77" s="213">
        <v>280</v>
      </c>
      <c r="AE77" s="217">
        <v>0.33549013733127686</v>
      </c>
      <c r="AF77" s="95">
        <v>5.6130317230269795E-2</v>
      </c>
      <c r="AG77" s="217">
        <v>0.15110116565126236</v>
      </c>
      <c r="AH77" s="95">
        <v>4.3064720468563578E-2</v>
      </c>
      <c r="AI77" s="217">
        <v>0.51340869701746139</v>
      </c>
      <c r="AJ77" s="95">
        <v>5.9318338585907855E-2</v>
      </c>
      <c r="AK77" s="213">
        <v>248</v>
      </c>
      <c r="AL77" s="217">
        <v>0.31717873792144302</v>
      </c>
      <c r="AM77" s="95">
        <v>5.8774391366466346E-2</v>
      </c>
      <c r="AN77" s="217">
        <v>0.13969917570380486</v>
      </c>
      <c r="AO77" s="95">
        <v>4.4413599541599805E-2</v>
      </c>
      <c r="AP77" s="217">
        <v>0.54312208637475279</v>
      </c>
      <c r="AQ77" s="95">
        <v>6.2766770270027236E-2</v>
      </c>
      <c r="AR77" s="213">
        <v>287</v>
      </c>
      <c r="AS77" s="217">
        <v>0.68754645986966711</v>
      </c>
      <c r="AT77" s="95">
        <v>5.4462276536669414E-2</v>
      </c>
      <c r="AU77" s="217">
        <v>0.12636363414269128</v>
      </c>
      <c r="AV77" s="95">
        <v>3.9621474101304774E-2</v>
      </c>
      <c r="AW77" s="217">
        <v>0.18608990598764255</v>
      </c>
      <c r="AX77" s="95">
        <v>4.6031637912586056E-2</v>
      </c>
      <c r="AY77" s="213">
        <v>281</v>
      </c>
      <c r="AZ77" s="217">
        <v>0.30445936227592429</v>
      </c>
      <c r="BA77" s="95">
        <v>5.4654207688733317E-2</v>
      </c>
      <c r="BB77" s="217">
        <v>0.13807380923964963</v>
      </c>
      <c r="BC77" s="95">
        <v>4.1491585728914912E-2</v>
      </c>
      <c r="BD77" s="217">
        <v>0.55746682848442686</v>
      </c>
      <c r="BE77" s="95">
        <v>5.8853325034335678E-2</v>
      </c>
      <c r="BF77" s="213">
        <v>274</v>
      </c>
      <c r="BG77" s="217">
        <v>5.7601789712286328E-2</v>
      </c>
      <c r="BH77" s="95">
        <v>0.35867785671802432</v>
      </c>
      <c r="BI77" s="217">
        <v>0.2035551298112846</v>
      </c>
      <c r="BJ77" s="95">
        <v>4.8670253510561277E-2</v>
      </c>
      <c r="BK77" s="217">
        <v>0.43776701347069241</v>
      </c>
      <c r="BL77" s="95">
        <v>5.9523008696870792E-2</v>
      </c>
      <c r="BM77" s="213">
        <v>288</v>
      </c>
      <c r="BN77" s="217">
        <v>0.6878375512248287</v>
      </c>
      <c r="BO77" s="95">
        <v>5.4355134785766132E-2</v>
      </c>
      <c r="BP77" s="217">
        <v>9.1534482012894505E-2</v>
      </c>
      <c r="BQ77" s="95">
        <v>3.4659929605803878E-2</v>
      </c>
      <c r="BR77" s="217">
        <v>0.22062796676227781</v>
      </c>
      <c r="BS77" s="95">
        <v>4.8832246035288435E-2</v>
      </c>
      <c r="BT77" s="213">
        <v>204</v>
      </c>
      <c r="BU77" s="217">
        <v>0.26623504880694321</v>
      </c>
      <c r="BV77" s="95">
        <v>6.1618477108549556E-2</v>
      </c>
      <c r="BW77" s="217">
        <v>0.17101723694808174</v>
      </c>
      <c r="BX77" s="95">
        <v>5.2968240669827631E-2</v>
      </c>
      <c r="BY77" s="217">
        <v>0.56274771424497605</v>
      </c>
      <c r="BZ77" s="95">
        <v>6.8810316470288221E-2</v>
      </c>
    </row>
    <row r="78" spans="1:78">
      <c r="A78" s="43" t="s">
        <v>625</v>
      </c>
      <c r="B78" s="212">
        <v>806</v>
      </c>
      <c r="C78" s="216">
        <v>0.25949364419581228</v>
      </c>
      <c r="D78" s="92">
        <v>3.0850221532568858E-2</v>
      </c>
      <c r="E78" s="216">
        <v>0.12697849952586904</v>
      </c>
      <c r="F78" s="92">
        <v>2.3541488348641455E-2</v>
      </c>
      <c r="G78" s="216">
        <v>0.61352785627831907</v>
      </c>
      <c r="H78" s="92">
        <v>3.4227878760572601E-2</v>
      </c>
      <c r="I78" s="212">
        <v>850</v>
      </c>
      <c r="J78" s="216">
        <v>0.29338051789849279</v>
      </c>
      <c r="K78" s="92">
        <v>3.1190836224114317E-2</v>
      </c>
      <c r="L78" s="216">
        <v>0.15238110525443385</v>
      </c>
      <c r="M78" s="92">
        <v>2.4703433784435527E-2</v>
      </c>
      <c r="N78" s="216">
        <v>0.55423837684707322</v>
      </c>
      <c r="O78" s="92">
        <v>3.4019259719202284E-2</v>
      </c>
      <c r="P78" s="212">
        <v>824</v>
      </c>
      <c r="Q78" s="216">
        <v>0.2854923067064245</v>
      </c>
      <c r="R78" s="92">
        <v>3.1425854077479713E-2</v>
      </c>
      <c r="S78" s="216">
        <v>0.20031002204082413</v>
      </c>
      <c r="T78" s="92">
        <v>2.7893135439990533E-2</v>
      </c>
      <c r="U78" s="216">
        <v>0.51419767125275029</v>
      </c>
      <c r="V78" s="92">
        <v>3.4738524258155185E-2</v>
      </c>
      <c r="W78" s="212">
        <v>758</v>
      </c>
      <c r="X78" s="216">
        <v>0.19627363477929574</v>
      </c>
      <c r="Y78" s="92">
        <v>2.8864445058143482E-2</v>
      </c>
      <c r="Z78" s="216">
        <v>7.2809897818251965E-2</v>
      </c>
      <c r="AA78" s="92">
        <v>1.9089443836727078E-2</v>
      </c>
      <c r="AB78" s="216">
        <v>0.73091646740245309</v>
      </c>
      <c r="AC78" s="92">
        <v>3.2176998283434927E-2</v>
      </c>
      <c r="AD78" s="212">
        <v>852</v>
      </c>
      <c r="AE78" s="216">
        <v>0.29569817076495736</v>
      </c>
      <c r="AF78" s="92">
        <v>3.1224985314278936E-2</v>
      </c>
      <c r="AG78" s="216">
        <v>0.11585304924049163</v>
      </c>
      <c r="AH78" s="92">
        <v>2.20245239610307E-2</v>
      </c>
      <c r="AI78" s="216">
        <v>0.5884487799945507</v>
      </c>
      <c r="AJ78" s="92">
        <v>3.3645329652209337E-2</v>
      </c>
      <c r="AK78" s="212">
        <v>754</v>
      </c>
      <c r="AL78" s="216">
        <v>0.26414240487907209</v>
      </c>
      <c r="AM78" s="92">
        <v>3.2074842978118974E-2</v>
      </c>
      <c r="AN78" s="216">
        <v>0.15375843626669297</v>
      </c>
      <c r="AO78" s="92">
        <v>2.6330425170917413E-2</v>
      </c>
      <c r="AP78" s="216">
        <v>0.58209915885423502</v>
      </c>
      <c r="AQ78" s="92">
        <v>3.583387924287397E-2</v>
      </c>
      <c r="AR78" s="212">
        <v>857</v>
      </c>
      <c r="AS78" s="216">
        <v>0.65458948551452878</v>
      </c>
      <c r="AT78" s="92">
        <v>3.2425998882746269E-2</v>
      </c>
      <c r="AU78" s="216">
        <v>0.12096802462517192</v>
      </c>
      <c r="AV78" s="92">
        <v>2.2364993547148077E-2</v>
      </c>
      <c r="AW78" s="216">
        <v>0.22444248986029833</v>
      </c>
      <c r="AX78" s="92">
        <v>2.8494712350488165E-2</v>
      </c>
      <c r="AY78" s="212">
        <v>819</v>
      </c>
      <c r="AZ78" s="216">
        <v>0.22088215943450229</v>
      </c>
      <c r="BA78" s="92">
        <v>2.8984320242129116E-2</v>
      </c>
      <c r="BB78" s="216">
        <v>0.11967805030056483</v>
      </c>
      <c r="BC78" s="92">
        <v>2.2778752265513388E-2</v>
      </c>
      <c r="BD78" s="216">
        <v>0.65943979026493293</v>
      </c>
      <c r="BE78" s="92">
        <v>3.3056192001190053E-2</v>
      </c>
      <c r="BF78" s="212">
        <v>847</v>
      </c>
      <c r="BG78" s="216">
        <v>3.1011040347187074E-2</v>
      </c>
      <c r="BH78" s="92">
        <v>0.28591723196242219</v>
      </c>
      <c r="BI78" s="216">
        <v>0.19934693684657379</v>
      </c>
      <c r="BJ78" s="92">
        <v>2.7462654019114012E-2</v>
      </c>
      <c r="BK78" s="216">
        <v>0.51473583119100297</v>
      </c>
      <c r="BL78" s="92">
        <v>3.426480770726275E-2</v>
      </c>
      <c r="BM78" s="212">
        <v>880</v>
      </c>
      <c r="BN78" s="216">
        <v>0.63102910562152292</v>
      </c>
      <c r="BO78" s="92">
        <v>3.2469017194533725E-2</v>
      </c>
      <c r="BP78" s="216">
        <v>0.11492325606430485</v>
      </c>
      <c r="BQ78" s="92">
        <v>2.1594242860953974E-2</v>
      </c>
      <c r="BR78" s="216">
        <v>0.25404763831417104</v>
      </c>
      <c r="BS78" s="92">
        <v>2.9325266023189328E-2</v>
      </c>
      <c r="BT78" s="212">
        <v>616</v>
      </c>
      <c r="BU78" s="216">
        <v>0.27761719180129246</v>
      </c>
      <c r="BV78" s="92">
        <v>3.6027045912744214E-2</v>
      </c>
      <c r="BW78" s="216">
        <v>0.10411061915564349</v>
      </c>
      <c r="BX78" s="92">
        <v>2.4794299102755057E-2</v>
      </c>
      <c r="BY78" s="216">
        <v>0.61827218904306303</v>
      </c>
      <c r="BZ78" s="92">
        <v>3.9036095900672599E-2</v>
      </c>
    </row>
    <row r="79" spans="1:78">
      <c r="A79" s="47" t="s">
        <v>626</v>
      </c>
      <c r="B79" s="213">
        <v>891</v>
      </c>
      <c r="C79" s="217">
        <v>0.28588175037537378</v>
      </c>
      <c r="D79" s="95">
        <v>3.0236480364146525E-2</v>
      </c>
      <c r="E79" s="217">
        <v>0.14542878324390093</v>
      </c>
      <c r="F79" s="95">
        <v>2.3673807691449576E-2</v>
      </c>
      <c r="G79" s="217">
        <v>0.56868946638072382</v>
      </c>
      <c r="H79" s="95">
        <v>3.3112224089309486E-2</v>
      </c>
      <c r="I79" s="213">
        <v>941</v>
      </c>
      <c r="J79" s="217">
        <v>0.32280897058509184</v>
      </c>
      <c r="K79" s="95">
        <v>3.043727653383508E-2</v>
      </c>
      <c r="L79" s="217">
        <v>0.17857310708959193</v>
      </c>
      <c r="M79" s="95">
        <v>2.4991641175000457E-2</v>
      </c>
      <c r="N79" s="217">
        <v>0.49861792232531571</v>
      </c>
      <c r="O79" s="95">
        <v>3.2529879207576703E-2</v>
      </c>
      <c r="P79" s="213">
        <v>921</v>
      </c>
      <c r="Q79" s="217">
        <v>0.35049511999524752</v>
      </c>
      <c r="R79" s="95">
        <v>3.138883843364023E-2</v>
      </c>
      <c r="S79" s="217">
        <v>0.16188799322807371</v>
      </c>
      <c r="T79" s="95">
        <v>2.4310322069181833E-2</v>
      </c>
      <c r="U79" s="217">
        <v>0.48761688677667764</v>
      </c>
      <c r="V79" s="95">
        <v>3.2869799288060393E-2</v>
      </c>
      <c r="W79" s="213">
        <v>858</v>
      </c>
      <c r="X79" s="217">
        <v>0.48933842232902269</v>
      </c>
      <c r="Y79" s="95">
        <v>3.4052462816844362E-2</v>
      </c>
      <c r="Z79" s="217">
        <v>9.9243379097481002E-2</v>
      </c>
      <c r="AA79" s="95">
        <v>2.0535884972301199E-2</v>
      </c>
      <c r="AB79" s="217">
        <v>0.41141819857349526</v>
      </c>
      <c r="AC79" s="95">
        <v>3.3526380444727659E-2</v>
      </c>
      <c r="AD79" s="213">
        <v>942</v>
      </c>
      <c r="AE79" s="217">
        <v>0.36700180834190144</v>
      </c>
      <c r="AF79" s="95">
        <v>3.1351566486307866E-2</v>
      </c>
      <c r="AG79" s="217">
        <v>0.14715868436857796</v>
      </c>
      <c r="AH79" s="95">
        <v>2.3132453323259916E-2</v>
      </c>
      <c r="AI79" s="217">
        <v>0.48583950728952019</v>
      </c>
      <c r="AJ79" s="95">
        <v>3.2499872992873734E-2</v>
      </c>
      <c r="AK79" s="213">
        <v>831</v>
      </c>
      <c r="AL79" s="217">
        <v>0.37454859376990635</v>
      </c>
      <c r="AM79" s="95">
        <v>3.3510199879305362E-2</v>
      </c>
      <c r="AN79" s="217">
        <v>0.1317469777083978</v>
      </c>
      <c r="AO79" s="95">
        <v>2.3541107867326726E-2</v>
      </c>
      <c r="AP79" s="217">
        <v>0.49370442852169566</v>
      </c>
      <c r="AQ79" s="95">
        <v>3.4603709925315626E-2</v>
      </c>
      <c r="AR79" s="213">
        <v>968</v>
      </c>
      <c r="AS79" s="217">
        <v>0.68725058593971444</v>
      </c>
      <c r="AT79" s="95">
        <v>2.9760719743920187E-2</v>
      </c>
      <c r="AU79" s="217">
        <v>0.12048771839937639</v>
      </c>
      <c r="AV79" s="95">
        <v>2.0999061074055331E-2</v>
      </c>
      <c r="AW79" s="217">
        <v>0.19226169566090939</v>
      </c>
      <c r="AX79" s="95">
        <v>2.5343319968004867E-2</v>
      </c>
      <c r="AY79" s="213">
        <v>875</v>
      </c>
      <c r="AZ79" s="217">
        <v>0.23623977762358581</v>
      </c>
      <c r="BA79" s="95">
        <v>2.8704470683935161E-2</v>
      </c>
      <c r="BB79" s="217">
        <v>0.13271363925658355</v>
      </c>
      <c r="BC79" s="95">
        <v>2.3007708840354486E-2</v>
      </c>
      <c r="BD79" s="217">
        <v>0.63104658311983053</v>
      </c>
      <c r="BE79" s="95">
        <v>3.2560977021219566E-2</v>
      </c>
      <c r="BF79" s="213">
        <v>930</v>
      </c>
      <c r="BG79" s="217">
        <v>3.1881013585992046E-2</v>
      </c>
      <c r="BH79" s="95">
        <v>0.38695108184677379</v>
      </c>
      <c r="BI79" s="217">
        <v>0.15668023022148264</v>
      </c>
      <c r="BJ79" s="95">
        <v>2.3878614681523896E-2</v>
      </c>
      <c r="BK79" s="217">
        <v>0.45636868793174334</v>
      </c>
      <c r="BL79" s="95">
        <v>3.2597248960997798E-2</v>
      </c>
      <c r="BM79" s="213">
        <v>971</v>
      </c>
      <c r="BN79" s="217">
        <v>0.69727791310026688</v>
      </c>
      <c r="BO79" s="95">
        <v>2.9449659916049659E-2</v>
      </c>
      <c r="BP79" s="217">
        <v>7.1216811555557868E-2</v>
      </c>
      <c r="BQ79" s="95">
        <v>1.6659539424169759E-2</v>
      </c>
      <c r="BR79" s="217">
        <v>0.23150527534417542</v>
      </c>
      <c r="BS79" s="95">
        <v>2.7061250366456607E-2</v>
      </c>
      <c r="BT79" s="213">
        <v>695</v>
      </c>
      <c r="BU79" s="217">
        <v>0.41376214425694868</v>
      </c>
      <c r="BV79" s="95">
        <v>3.7263159898526008E-2</v>
      </c>
      <c r="BW79" s="217">
        <v>0.14094197623647572</v>
      </c>
      <c r="BX79" s="95">
        <v>2.6481685689470447E-2</v>
      </c>
      <c r="BY79" s="217">
        <v>0.44529587950657584</v>
      </c>
      <c r="BZ79" s="95">
        <v>3.7599014582376418E-2</v>
      </c>
    </row>
    <row r="80" spans="1:78">
      <c r="A80" s="43" t="s">
        <v>627</v>
      </c>
      <c r="B80" s="212">
        <v>254</v>
      </c>
      <c r="C80" s="216">
        <v>0.31556264183550381</v>
      </c>
      <c r="D80" s="92">
        <v>5.8006880000690313E-2</v>
      </c>
      <c r="E80" s="216">
        <v>0.1388250040452014</v>
      </c>
      <c r="F80" s="92">
        <v>4.3769329562471614E-2</v>
      </c>
      <c r="G80" s="216">
        <v>0.54561235411929376</v>
      </c>
      <c r="H80" s="92">
        <v>6.2005691697338904E-2</v>
      </c>
      <c r="I80" s="212">
        <v>284</v>
      </c>
      <c r="J80" s="216">
        <v>0.40522747213691379</v>
      </c>
      <c r="K80" s="92">
        <v>5.7887094451460772E-2</v>
      </c>
      <c r="L80" s="216">
        <v>0.19382703988695094</v>
      </c>
      <c r="M80" s="92">
        <v>4.6969845043247346E-2</v>
      </c>
      <c r="N80" s="216">
        <v>0.40094548797613316</v>
      </c>
      <c r="O80" s="92">
        <v>5.7790192944290414E-2</v>
      </c>
      <c r="P80" s="212">
        <v>278</v>
      </c>
      <c r="Q80" s="216">
        <v>0.37727198645212001</v>
      </c>
      <c r="R80" s="92">
        <v>5.7779490299193284E-2</v>
      </c>
      <c r="S80" s="216">
        <v>0.14756766642158262</v>
      </c>
      <c r="T80" s="92">
        <v>4.282408460136046E-2</v>
      </c>
      <c r="U80" s="216">
        <v>0.47516034712629562</v>
      </c>
      <c r="V80" s="92">
        <v>5.9477675803427839E-2</v>
      </c>
      <c r="W80" s="212">
        <v>239</v>
      </c>
      <c r="X80" s="216">
        <v>0.53635692510921085</v>
      </c>
      <c r="Y80" s="92">
        <v>6.3985766516302264E-2</v>
      </c>
      <c r="Z80" s="216">
        <v>8.4238540095294911E-2</v>
      </c>
      <c r="AA80" s="92">
        <v>3.6915286322333332E-2</v>
      </c>
      <c r="AB80" s="216">
        <v>0.37940453479549335</v>
      </c>
      <c r="AC80" s="92">
        <v>6.2318917428006104E-2</v>
      </c>
      <c r="AD80" s="212">
        <v>279</v>
      </c>
      <c r="AE80" s="216">
        <v>0.38196807011115685</v>
      </c>
      <c r="AF80" s="92">
        <v>5.7811623498797426E-2</v>
      </c>
      <c r="AG80" s="216">
        <v>0.14016688639178951</v>
      </c>
      <c r="AH80" s="92">
        <v>4.189073309460567E-2</v>
      </c>
      <c r="AI80" s="216">
        <v>0.4778650434970515</v>
      </c>
      <c r="AJ80" s="92">
        <v>5.9387188083392994E-2</v>
      </c>
      <c r="AK80" s="212">
        <v>240</v>
      </c>
      <c r="AL80" s="216">
        <v>0.37193053544593968</v>
      </c>
      <c r="AM80" s="92">
        <v>6.1953389127031876E-2</v>
      </c>
      <c r="AN80" s="216">
        <v>0.14433788331981587</v>
      </c>
      <c r="AO80" s="92">
        <v>4.5739436389337688E-2</v>
      </c>
      <c r="AP80" s="216">
        <v>0.48373158123424403</v>
      </c>
      <c r="AQ80" s="92">
        <v>6.3985647064879803E-2</v>
      </c>
      <c r="AR80" s="212">
        <v>292</v>
      </c>
      <c r="AS80" s="216">
        <v>0.75717585361969342</v>
      </c>
      <c r="AT80" s="92">
        <v>5.0085879509948361E-2</v>
      </c>
      <c r="AU80" s="216">
        <v>0.10187898906545748</v>
      </c>
      <c r="AV80" s="92">
        <v>3.5971931449019952E-2</v>
      </c>
      <c r="AW80" s="216">
        <v>0.14094515731484761</v>
      </c>
      <c r="AX80" s="92">
        <v>4.1024121404547587E-2</v>
      </c>
      <c r="AY80" s="212">
        <v>249</v>
      </c>
      <c r="AZ80" s="216">
        <v>0.20910791368057449</v>
      </c>
      <c r="BA80" s="92">
        <v>5.1543192223316076E-2</v>
      </c>
      <c r="BB80" s="216">
        <v>0.14455296079642202</v>
      </c>
      <c r="BC80" s="92">
        <v>4.4919047777030784E-2</v>
      </c>
      <c r="BD80" s="216">
        <v>0.64633912552300188</v>
      </c>
      <c r="BE80" s="92">
        <v>6.0204744980662896E-2</v>
      </c>
      <c r="BF80" s="212">
        <v>270</v>
      </c>
      <c r="BG80" s="216">
        <v>6.0130084706131431E-2</v>
      </c>
      <c r="BH80" s="92">
        <v>0.45101960203912311</v>
      </c>
      <c r="BI80" s="216">
        <v>0.13685750547958717</v>
      </c>
      <c r="BJ80" s="92">
        <v>4.2193457044965896E-2</v>
      </c>
      <c r="BK80" s="216">
        <v>0.41212289248128797</v>
      </c>
      <c r="BL80" s="92">
        <v>5.9499302495372289E-2</v>
      </c>
      <c r="BM80" s="212">
        <v>291</v>
      </c>
      <c r="BN80" s="216">
        <v>0.84476370966289882</v>
      </c>
      <c r="BO80" s="92">
        <v>4.2679651451202928E-2</v>
      </c>
      <c r="BP80" s="216">
        <v>6.0662607704078254E-2</v>
      </c>
      <c r="BQ80" s="92">
        <v>2.9036864271014456E-2</v>
      </c>
      <c r="BR80" s="216">
        <v>9.4573682633022085E-2</v>
      </c>
      <c r="BS80" s="92">
        <v>3.4944369516266019E-2</v>
      </c>
      <c r="BT80" s="212">
        <v>187</v>
      </c>
      <c r="BU80" s="216">
        <v>0.48890004013040939</v>
      </c>
      <c r="BV80" s="92">
        <v>7.2340367308218315E-2</v>
      </c>
      <c r="BW80" s="216">
        <v>0.13386978714128336</v>
      </c>
      <c r="BX80" s="92">
        <v>5.0444015913987235E-2</v>
      </c>
      <c r="BY80" s="216">
        <v>0.37723017272830828</v>
      </c>
      <c r="BZ80" s="92">
        <v>7.0235544612777395E-2</v>
      </c>
    </row>
    <row r="81" spans="1:78">
      <c r="A81" s="47" t="s">
        <v>628</v>
      </c>
      <c r="B81" s="213">
        <v>637</v>
      </c>
      <c r="C81" s="217">
        <v>0.26798819759140319</v>
      </c>
      <c r="D81" s="95">
        <v>3.5047571515054561E-2</v>
      </c>
      <c r="E81" s="217">
        <v>0.14940996661989106</v>
      </c>
      <c r="F81" s="95">
        <v>2.8330109162542062E-2</v>
      </c>
      <c r="G81" s="217">
        <v>0.5826018357887075</v>
      </c>
      <c r="H81" s="95">
        <v>3.8961705769587268E-2</v>
      </c>
      <c r="I81" s="213">
        <v>657</v>
      </c>
      <c r="J81" s="217">
        <v>0.26879797841052683</v>
      </c>
      <c r="K81" s="95">
        <v>3.4543981420468786E-2</v>
      </c>
      <c r="L81" s="217">
        <v>0.16857680735789327</v>
      </c>
      <c r="M81" s="95">
        <v>2.9260584245060187E-2</v>
      </c>
      <c r="N81" s="217">
        <v>0.56262521423158163</v>
      </c>
      <c r="O81" s="95">
        <v>3.8592906577563611E-2</v>
      </c>
      <c r="P81" s="213">
        <v>643</v>
      </c>
      <c r="Q81" s="217">
        <v>0.33294044376852527</v>
      </c>
      <c r="R81" s="95">
        <v>3.7083399448644319E-2</v>
      </c>
      <c r="S81" s="217">
        <v>0.17127627250838881</v>
      </c>
      <c r="T81" s="95">
        <v>2.9761827151159791E-2</v>
      </c>
      <c r="U81" s="217">
        <v>0.49578328372308789</v>
      </c>
      <c r="V81" s="95">
        <v>3.9312675844965853E-2</v>
      </c>
      <c r="W81" s="213">
        <v>619</v>
      </c>
      <c r="X81" s="217">
        <v>0.46164355395490603</v>
      </c>
      <c r="Y81" s="95">
        <v>3.9947607295077188E-2</v>
      </c>
      <c r="Z81" s="217">
        <v>0.10808153889774318</v>
      </c>
      <c r="AA81" s="95">
        <v>2.513092275268921E-2</v>
      </c>
      <c r="AB81" s="217">
        <v>0.43027490714735156</v>
      </c>
      <c r="AC81" s="95">
        <v>3.9677725747677903E-2</v>
      </c>
      <c r="AD81" s="213">
        <v>663</v>
      </c>
      <c r="AE81" s="217">
        <v>0.35756425673384884</v>
      </c>
      <c r="AF81" s="95">
        <v>3.7135407079278614E-2</v>
      </c>
      <c r="AG81" s="217">
        <v>0.1515676313224911</v>
      </c>
      <c r="AH81" s="95">
        <v>2.7926510064497236E-2</v>
      </c>
      <c r="AI81" s="217">
        <v>0.49086811194366237</v>
      </c>
      <c r="AJ81" s="95">
        <v>3.8713773476360624E-2</v>
      </c>
      <c r="AK81" s="213">
        <v>591</v>
      </c>
      <c r="AL81" s="217">
        <v>0.37615926454870979</v>
      </c>
      <c r="AM81" s="95">
        <v>3.9736018377646155E-2</v>
      </c>
      <c r="AN81" s="217">
        <v>0.12400085396420259</v>
      </c>
      <c r="AO81" s="95">
        <v>2.7257760955667756E-2</v>
      </c>
      <c r="AP81" s="217">
        <v>0.49983988148708924</v>
      </c>
      <c r="AQ81" s="95">
        <v>4.0996001010601961E-2</v>
      </c>
      <c r="AR81" s="213">
        <v>676</v>
      </c>
      <c r="AS81" s="217">
        <v>0.64152199344386618</v>
      </c>
      <c r="AT81" s="95">
        <v>3.6798853998951477E-2</v>
      </c>
      <c r="AU81" s="217">
        <v>0.13265715340920414</v>
      </c>
      <c r="AV81" s="95">
        <v>2.6194083555427961E-2</v>
      </c>
      <c r="AW81" s="217">
        <v>0.22582085314693121</v>
      </c>
      <c r="AX81" s="95">
        <v>3.2149247237923215E-2</v>
      </c>
      <c r="AY81" s="213">
        <v>626</v>
      </c>
      <c r="AZ81" s="217">
        <v>0.25284341893470441</v>
      </c>
      <c r="BA81" s="95">
        <v>3.4703905082269476E-2</v>
      </c>
      <c r="BB81" s="217">
        <v>0.12546843676598551</v>
      </c>
      <c r="BC81" s="95">
        <v>2.6607280198495415E-2</v>
      </c>
      <c r="BD81" s="217">
        <v>0.6216881442993113</v>
      </c>
      <c r="BE81" s="95">
        <v>3.8658409359897096E-2</v>
      </c>
      <c r="BF81" s="213">
        <v>660</v>
      </c>
      <c r="BG81" s="217">
        <v>3.6958491286046675E-2</v>
      </c>
      <c r="BH81" s="95">
        <v>0.34657787846965299</v>
      </c>
      <c r="BI81" s="217">
        <v>0.16917165182901389</v>
      </c>
      <c r="BJ81" s="95">
        <v>2.9233921083072243E-2</v>
      </c>
      <c r="BK81" s="217">
        <v>0.48425046970133551</v>
      </c>
      <c r="BL81" s="95">
        <v>3.8788500641946506E-2</v>
      </c>
      <c r="BM81" s="213">
        <v>680</v>
      </c>
      <c r="BN81" s="217">
        <v>0.60172321732929435</v>
      </c>
      <c r="BO81" s="95">
        <v>3.7445715711148103E-2</v>
      </c>
      <c r="BP81" s="217">
        <v>7.8054783493450075E-2</v>
      </c>
      <c r="BQ81" s="95">
        <v>2.0808013902950329E-2</v>
      </c>
      <c r="BR81" s="217">
        <v>0.32022199917725613</v>
      </c>
      <c r="BS81" s="95">
        <v>3.5709744303008592E-2</v>
      </c>
      <c r="BT81" s="213">
        <v>508</v>
      </c>
      <c r="BU81" s="217">
        <v>0.37110536670204602</v>
      </c>
      <c r="BV81" s="95">
        <v>4.2724110446273063E-2</v>
      </c>
      <c r="BW81" s="217">
        <v>0.14495695155023625</v>
      </c>
      <c r="BX81" s="95">
        <v>3.1363090138555441E-2</v>
      </c>
      <c r="BY81" s="217">
        <v>0.48393768174772028</v>
      </c>
      <c r="BZ81" s="95">
        <v>4.4171719017695676E-2</v>
      </c>
    </row>
    <row r="82" spans="1:78">
      <c r="A82" s="43" t="s">
        <v>629</v>
      </c>
      <c r="B82" s="212">
        <v>183</v>
      </c>
      <c r="C82" s="216">
        <v>0.26516420008163893</v>
      </c>
      <c r="D82" s="92">
        <v>6.4945255550504566E-2</v>
      </c>
      <c r="E82" s="216">
        <v>0.11257220121203777</v>
      </c>
      <c r="F82" s="92">
        <v>4.7673673672051567E-2</v>
      </c>
      <c r="G82" s="216">
        <v>0.62226359870632419</v>
      </c>
      <c r="H82" s="92">
        <v>7.1002640010619761E-2</v>
      </c>
      <c r="I82" s="212">
        <v>192</v>
      </c>
      <c r="J82" s="216">
        <v>0.31382210801598442</v>
      </c>
      <c r="K82" s="92">
        <v>6.650734805855231E-2</v>
      </c>
      <c r="L82" s="216">
        <v>0.13496288480903226</v>
      </c>
      <c r="M82" s="92">
        <v>4.99246916519328E-2</v>
      </c>
      <c r="N82" s="216">
        <v>0.55121500717498395</v>
      </c>
      <c r="O82" s="92">
        <v>7.1068089063288375E-2</v>
      </c>
      <c r="P82" s="212">
        <v>187</v>
      </c>
      <c r="Q82" s="216">
        <v>0.24430116950150765</v>
      </c>
      <c r="R82" s="92">
        <v>6.2634640928306035E-2</v>
      </c>
      <c r="S82" s="216">
        <v>0.19319109186046612</v>
      </c>
      <c r="T82" s="92">
        <v>5.7844293331861259E-2</v>
      </c>
      <c r="U82" s="216">
        <v>0.56250773863802717</v>
      </c>
      <c r="V82" s="92">
        <v>7.1813417645480396E-2</v>
      </c>
      <c r="W82" s="212">
        <v>172</v>
      </c>
      <c r="X82" s="216">
        <v>0.24532930255671206</v>
      </c>
      <c r="Y82" s="92">
        <v>6.5376077807510855E-2</v>
      </c>
      <c r="Z82" s="216">
        <v>5.9374057853376579E-2</v>
      </c>
      <c r="AA82" s="92">
        <v>3.8309015637487405E-2</v>
      </c>
      <c r="AB82" s="216">
        <v>0.69529663958991195</v>
      </c>
      <c r="AC82" s="92">
        <v>6.9670196029659695E-2</v>
      </c>
      <c r="AD82" s="212">
        <v>190</v>
      </c>
      <c r="AE82" s="216">
        <v>0.31393309337592379</v>
      </c>
      <c r="AF82" s="92">
        <v>6.6857604303027424E-2</v>
      </c>
      <c r="AG82" s="216">
        <v>0.12158524053476484</v>
      </c>
      <c r="AH82" s="92">
        <v>4.8193436251406978E-2</v>
      </c>
      <c r="AI82" s="216">
        <v>0.56448166608931227</v>
      </c>
      <c r="AJ82" s="92">
        <v>7.122084229634186E-2</v>
      </c>
      <c r="AK82" s="212">
        <v>172</v>
      </c>
      <c r="AL82" s="216">
        <v>0.30776360681165477</v>
      </c>
      <c r="AM82" s="92">
        <v>6.9854694306730664E-2</v>
      </c>
      <c r="AN82" s="216">
        <v>0.11972799547165611</v>
      </c>
      <c r="AO82" s="92">
        <v>5.0428064252009214E-2</v>
      </c>
      <c r="AP82" s="216">
        <v>0.57250839771669015</v>
      </c>
      <c r="AQ82" s="92">
        <v>7.4617021034189462E-2</v>
      </c>
      <c r="AR82" s="212">
        <v>189</v>
      </c>
      <c r="AS82" s="216">
        <v>0.68653776065254435</v>
      </c>
      <c r="AT82" s="92">
        <v>6.7005691901043232E-2</v>
      </c>
      <c r="AU82" s="216">
        <v>8.8141505642176446E-2</v>
      </c>
      <c r="AV82" s="92">
        <v>4.2543706739793311E-2</v>
      </c>
      <c r="AW82" s="216">
        <v>0.22532073370527975</v>
      </c>
      <c r="AX82" s="92">
        <v>6.0677743788590283E-2</v>
      </c>
      <c r="AY82" s="212">
        <v>185</v>
      </c>
      <c r="AZ82" s="216">
        <v>0.24155426340196029</v>
      </c>
      <c r="BA82" s="92">
        <v>6.2742127941556869E-2</v>
      </c>
      <c r="BB82" s="216">
        <v>0.14857142998713932</v>
      </c>
      <c r="BC82" s="92">
        <v>5.2788936077044345E-2</v>
      </c>
      <c r="BD82" s="216">
        <v>0.60987430661090114</v>
      </c>
      <c r="BE82" s="92">
        <v>7.1036651818145849E-2</v>
      </c>
      <c r="BF82" s="212">
        <v>193</v>
      </c>
      <c r="BG82" s="216">
        <v>6.7904625844007541E-2</v>
      </c>
      <c r="BH82" s="92">
        <v>0.34551474468575349</v>
      </c>
      <c r="BI82" s="216">
        <v>0.147655769438018</v>
      </c>
      <c r="BJ82" s="92">
        <v>5.1543454857102079E-2</v>
      </c>
      <c r="BK82" s="216">
        <v>0.50682948587622934</v>
      </c>
      <c r="BL82" s="92">
        <v>7.1240670666054801E-2</v>
      </c>
      <c r="BM82" s="212">
        <v>194</v>
      </c>
      <c r="BN82" s="216">
        <v>0.70694072902976868</v>
      </c>
      <c r="BO82" s="92">
        <v>6.4961268725789695E-2</v>
      </c>
      <c r="BP82" s="216">
        <v>0.12714574404006401</v>
      </c>
      <c r="BQ82" s="92">
        <v>4.8521566232553708E-2</v>
      </c>
      <c r="BR82" s="216">
        <v>0.16591352693016756</v>
      </c>
      <c r="BS82" s="92">
        <v>5.3720248773718879E-2</v>
      </c>
      <c r="BT82" s="212">
        <v>144</v>
      </c>
      <c r="BU82" s="216">
        <v>0.3047018143112934</v>
      </c>
      <c r="BV82" s="92">
        <v>7.6032079679483916E-2</v>
      </c>
      <c r="BW82" s="216">
        <v>4.7429807289121252E-2</v>
      </c>
      <c r="BX82" s="92">
        <v>3.8939296970982619E-2</v>
      </c>
      <c r="BY82" s="216">
        <v>0.64786837839958633</v>
      </c>
      <c r="BZ82" s="92">
        <v>7.8723063365051971E-2</v>
      </c>
    </row>
    <row r="83" spans="1:78">
      <c r="A83" s="47" t="s">
        <v>630</v>
      </c>
      <c r="B83" s="213">
        <v>338</v>
      </c>
      <c r="C83" s="217">
        <v>0.25536851295543</v>
      </c>
      <c r="D83" s="95">
        <v>4.7331989356769355E-2</v>
      </c>
      <c r="E83" s="217">
        <v>0.13170026557326861</v>
      </c>
      <c r="F83" s="95">
        <v>3.7072668565758575E-2</v>
      </c>
      <c r="G83" s="217">
        <v>0.61293122147130219</v>
      </c>
      <c r="H83" s="95">
        <v>5.2709412054444925E-2</v>
      </c>
      <c r="I83" s="213">
        <v>343</v>
      </c>
      <c r="J83" s="217">
        <v>0.22018412535331039</v>
      </c>
      <c r="K83" s="95">
        <v>4.472107453912362E-2</v>
      </c>
      <c r="L83" s="217">
        <v>0.17163549068980871</v>
      </c>
      <c r="M83" s="95">
        <v>4.0833994436098253E-2</v>
      </c>
      <c r="N83" s="217">
        <v>0.60818038395688168</v>
      </c>
      <c r="O83" s="95">
        <v>5.2440745660583238E-2</v>
      </c>
      <c r="P83" s="213">
        <v>338</v>
      </c>
      <c r="Q83" s="217">
        <v>0.30698192777744832</v>
      </c>
      <c r="R83" s="95">
        <v>4.9983671277179641E-2</v>
      </c>
      <c r="S83" s="217">
        <v>0.14778496940763136</v>
      </c>
      <c r="T83" s="95">
        <v>3.8817233091902804E-2</v>
      </c>
      <c r="U83" s="217">
        <v>0.5452331028149211</v>
      </c>
      <c r="V83" s="95">
        <v>5.3857245458800461E-2</v>
      </c>
      <c r="W83" s="213">
        <v>332</v>
      </c>
      <c r="X83" s="217">
        <v>0.51441764773751442</v>
      </c>
      <c r="Y83" s="95">
        <v>5.4532324536468876E-2</v>
      </c>
      <c r="Z83" s="217">
        <v>0.10706809902622869</v>
      </c>
      <c r="AA83" s="95">
        <v>3.4375157589313116E-2</v>
      </c>
      <c r="AB83" s="217">
        <v>0.37851425323625809</v>
      </c>
      <c r="AC83" s="95">
        <v>5.2958937524299185E-2</v>
      </c>
      <c r="AD83" s="213">
        <v>347</v>
      </c>
      <c r="AE83" s="217">
        <v>0.30150259881169061</v>
      </c>
      <c r="AF83" s="95">
        <v>4.909339876905762E-2</v>
      </c>
      <c r="AG83" s="217">
        <v>0.14126068806222877</v>
      </c>
      <c r="AH83" s="95">
        <v>3.7625018480955452E-2</v>
      </c>
      <c r="AI83" s="217">
        <v>0.55723671312608158</v>
      </c>
      <c r="AJ83" s="95">
        <v>5.3033151038673322E-2</v>
      </c>
      <c r="AK83" s="213">
        <v>316</v>
      </c>
      <c r="AL83" s="217">
        <v>0.32828143759922651</v>
      </c>
      <c r="AM83" s="95">
        <v>5.2588652478306956E-2</v>
      </c>
      <c r="AN83" s="217">
        <v>0.13161116841726717</v>
      </c>
      <c r="AO83" s="95">
        <v>3.8350557738239893E-2</v>
      </c>
      <c r="AP83" s="217">
        <v>0.54010739398350727</v>
      </c>
      <c r="AQ83" s="95">
        <v>5.5726044256694793E-2</v>
      </c>
      <c r="AR83" s="213">
        <v>351</v>
      </c>
      <c r="AS83" s="217">
        <v>0.6411801008450364</v>
      </c>
      <c r="AT83" s="95">
        <v>5.0964203554155367E-2</v>
      </c>
      <c r="AU83" s="217">
        <v>0.14752577481365303</v>
      </c>
      <c r="AV83" s="95">
        <v>3.805790677776133E-2</v>
      </c>
      <c r="AW83" s="217">
        <v>0.21129412434131062</v>
      </c>
      <c r="AX83" s="95">
        <v>4.357498564666424E-2</v>
      </c>
      <c r="AY83" s="213">
        <v>332</v>
      </c>
      <c r="AZ83" s="217">
        <v>0.24386207114945485</v>
      </c>
      <c r="BA83" s="95">
        <v>4.7049382141946081E-2</v>
      </c>
      <c r="BB83" s="217">
        <v>0.12283700337181293</v>
      </c>
      <c r="BC83" s="95">
        <v>3.637026260653637E-2</v>
      </c>
      <c r="BD83" s="217">
        <v>0.63330092547873307</v>
      </c>
      <c r="BE83" s="95">
        <v>5.2627557018406497E-2</v>
      </c>
      <c r="BF83" s="213">
        <v>337</v>
      </c>
      <c r="BG83" s="217">
        <v>5.1863405880613923E-2</v>
      </c>
      <c r="BH83" s="95">
        <v>0.354440364538602</v>
      </c>
      <c r="BI83" s="217">
        <v>0.13278691988535485</v>
      </c>
      <c r="BJ83" s="95">
        <v>3.7251547059469536E-2</v>
      </c>
      <c r="BK83" s="217">
        <v>0.51277271557604387</v>
      </c>
      <c r="BL83" s="95">
        <v>5.4135776156781723E-2</v>
      </c>
      <c r="BM83" s="213">
        <v>354</v>
      </c>
      <c r="BN83" s="217">
        <v>0.57109700522886964</v>
      </c>
      <c r="BO83" s="95">
        <v>5.2326600142189622E-2</v>
      </c>
      <c r="BP83" s="217">
        <v>8.4645634175581727E-2</v>
      </c>
      <c r="BQ83" s="95">
        <v>3.0142008813849139E-2</v>
      </c>
      <c r="BR83" s="217">
        <v>0.34425736059555001</v>
      </c>
      <c r="BS83" s="95">
        <v>5.0282245892526486E-2</v>
      </c>
      <c r="BT83" s="213">
        <v>279</v>
      </c>
      <c r="BU83" s="217">
        <v>0.38387222014718597</v>
      </c>
      <c r="BV83" s="95">
        <v>5.7864575017397314E-2</v>
      </c>
      <c r="BW83" s="217">
        <v>0.14832118838967076</v>
      </c>
      <c r="BX83" s="95">
        <v>4.2831497088164701E-2</v>
      </c>
      <c r="BY83" s="217">
        <v>0.46780659146314491</v>
      </c>
      <c r="BZ83" s="95">
        <v>5.9323950479526336E-2</v>
      </c>
    </row>
    <row r="84" spans="1:78">
      <c r="A84" s="43" t="s">
        <v>631</v>
      </c>
      <c r="B84" s="212">
        <v>45</v>
      </c>
      <c r="C84" s="216">
        <v>0.27804406551436767</v>
      </c>
      <c r="D84" s="92">
        <v>0.13044678130432602</v>
      </c>
      <c r="E84" s="216">
        <v>0.12834832945680474</v>
      </c>
      <c r="F84" s="92">
        <v>0.10439548069601196</v>
      </c>
      <c r="G84" s="216">
        <v>0.59360760502882792</v>
      </c>
      <c r="H84" s="92">
        <v>0.14072982306661105</v>
      </c>
      <c r="I84" s="212">
        <v>46</v>
      </c>
      <c r="J84" s="216">
        <v>0.34792730398049815</v>
      </c>
      <c r="K84" s="92">
        <v>0.1357721811960329</v>
      </c>
      <c r="L84" s="216">
        <v>0.25588907826656593</v>
      </c>
      <c r="M84" s="92">
        <v>0.1263528088230664</v>
      </c>
      <c r="N84" s="216">
        <v>0.39618361775293615</v>
      </c>
      <c r="O84" s="92">
        <v>0.13881718486958713</v>
      </c>
      <c r="P84" s="212">
        <v>48</v>
      </c>
      <c r="Q84" s="216">
        <v>0.35911203989297386</v>
      </c>
      <c r="R84" s="92">
        <v>0.13390205577546999</v>
      </c>
      <c r="S84" s="216">
        <v>0.12254940687175546</v>
      </c>
      <c r="T84" s="92">
        <v>9.9462531888638947E-2</v>
      </c>
      <c r="U84" s="216">
        <v>0.518338553235271</v>
      </c>
      <c r="V84" s="92">
        <v>0.1385955505892851</v>
      </c>
      <c r="W84" s="212">
        <v>40</v>
      </c>
      <c r="X84" s="216">
        <v>0.58816893805951009</v>
      </c>
      <c r="Y84" s="92">
        <v>0.14880597605439438</v>
      </c>
      <c r="Z84" s="216">
        <v>2.497162199291068E-2</v>
      </c>
      <c r="AA84" s="92">
        <v>7.5984912935633156E-2</v>
      </c>
      <c r="AB84" s="216">
        <v>0.38685943994757904</v>
      </c>
      <c r="AC84" s="92">
        <v>0.14753145665944922</v>
      </c>
      <c r="AD84" s="212">
        <v>48</v>
      </c>
      <c r="AE84" s="216">
        <v>0.2538079876075271</v>
      </c>
      <c r="AF84" s="92">
        <v>0.12352375802637336</v>
      </c>
      <c r="AG84" s="216">
        <v>0.13774362135936402</v>
      </c>
      <c r="AH84" s="92">
        <v>0.10309927674977729</v>
      </c>
      <c r="AI84" s="216">
        <v>0.6084483910331091</v>
      </c>
      <c r="AJ84" s="92">
        <v>0.13586722797772188</v>
      </c>
      <c r="AK84" s="212">
        <v>43</v>
      </c>
      <c r="AL84" s="216">
        <v>0.23710834184011098</v>
      </c>
      <c r="AM84" s="92">
        <v>0.12787997689676689</v>
      </c>
      <c r="AN84" s="216">
        <v>0.13579581726607023</v>
      </c>
      <c r="AO84" s="92">
        <v>0.10875401642450327</v>
      </c>
      <c r="AP84" s="216">
        <v>0.62709584089381909</v>
      </c>
      <c r="AQ84" s="92">
        <v>0.14186573028393754</v>
      </c>
      <c r="AR84" s="212">
        <v>47</v>
      </c>
      <c r="AS84" s="216">
        <v>0.69099210106000497</v>
      </c>
      <c r="AT84" s="92">
        <v>0.13106491738048565</v>
      </c>
      <c r="AU84" s="216">
        <v>0.1787707834767126</v>
      </c>
      <c r="AV84" s="92">
        <v>0.11284673487259064</v>
      </c>
      <c r="AW84" s="216">
        <v>0.1302371154632827</v>
      </c>
      <c r="AX84" s="92">
        <v>0.10247193599104751</v>
      </c>
      <c r="AY84" s="212">
        <v>45</v>
      </c>
      <c r="AZ84" s="216">
        <v>0.2154711734549106</v>
      </c>
      <c r="BA84" s="92">
        <v>0.12179650924479381</v>
      </c>
      <c r="BB84" s="216">
        <v>0.13847608432795477</v>
      </c>
      <c r="BC84" s="92">
        <v>0.10681595527563725</v>
      </c>
      <c r="BD84" s="216">
        <v>0.64605274221713505</v>
      </c>
      <c r="BE84" s="92">
        <v>0.13762092997182271</v>
      </c>
      <c r="BF84" s="212">
        <v>45</v>
      </c>
      <c r="BG84" s="216">
        <v>0.14250287549127666</v>
      </c>
      <c r="BH84" s="92">
        <v>0.46168103706498703</v>
      </c>
      <c r="BI84" s="216">
        <v>5.3895077018409739E-2</v>
      </c>
      <c r="BJ84" s="92">
        <v>8.1893700749967699E-2</v>
      </c>
      <c r="BK84" s="216">
        <v>0.4844238859166034</v>
      </c>
      <c r="BL84" s="92">
        <v>0.14279866762491994</v>
      </c>
      <c r="BM84" s="212">
        <v>48</v>
      </c>
      <c r="BN84" s="216">
        <v>0.83020819860209882</v>
      </c>
      <c r="BO84" s="92">
        <v>0.10992736991243848</v>
      </c>
      <c r="BP84" s="216">
        <v>5.5007676530812795E-2</v>
      </c>
      <c r="BQ84" s="92">
        <v>7.9068840720722983E-2</v>
      </c>
      <c r="BR84" s="216">
        <v>0.11478412486708851</v>
      </c>
      <c r="BS84" s="92">
        <v>9.749165680854692E-2</v>
      </c>
      <c r="BT84" s="212">
        <v>33</v>
      </c>
      <c r="BU84" s="216">
        <v>0.45866101249464469</v>
      </c>
      <c r="BV84" s="92">
        <v>0.16395141333702018</v>
      </c>
      <c r="BW84" s="216">
        <v>0.14483888645767942</v>
      </c>
      <c r="BX84" s="92">
        <v>0.1271983909635849</v>
      </c>
      <c r="BY84" s="216">
        <v>0.39650010104767575</v>
      </c>
      <c r="BZ84" s="92">
        <v>0.16157292081326816</v>
      </c>
    </row>
    <row r="85" spans="1:78">
      <c r="A85" s="47" t="s">
        <v>632</v>
      </c>
      <c r="B85" s="213">
        <v>293</v>
      </c>
      <c r="C85" s="217">
        <v>0.2493143042551782</v>
      </c>
      <c r="D85" s="95">
        <v>5.0430875085658772E-2</v>
      </c>
      <c r="E85" s="217">
        <v>0.13259520829831301</v>
      </c>
      <c r="F85" s="95">
        <v>3.9970566329991283E-2</v>
      </c>
      <c r="G85" s="217">
        <v>0.61809048744651029</v>
      </c>
      <c r="H85" s="95">
        <v>5.6428822296225846E-2</v>
      </c>
      <c r="I85" s="213">
        <v>297</v>
      </c>
      <c r="J85" s="217">
        <v>0.18579533419607169</v>
      </c>
      <c r="K85" s="95">
        <v>4.5221037392121986E-2</v>
      </c>
      <c r="L85" s="217">
        <v>0.148954208929308</v>
      </c>
      <c r="M85" s="95">
        <v>4.156736347286924E-2</v>
      </c>
      <c r="N85" s="217">
        <v>0.6652504568746217</v>
      </c>
      <c r="O85" s="95">
        <v>5.4488043177027989E-2</v>
      </c>
      <c r="P85" s="213">
        <v>290</v>
      </c>
      <c r="Q85" s="217">
        <v>0.29186604663248605</v>
      </c>
      <c r="R85" s="95">
        <v>5.3178048656083304E-2</v>
      </c>
      <c r="S85" s="217">
        <v>0.15510238631771245</v>
      </c>
      <c r="T85" s="95">
        <v>4.2739595958032783E-2</v>
      </c>
      <c r="U85" s="217">
        <v>0.55303156704980372</v>
      </c>
      <c r="V85" s="95">
        <v>5.8001132848417986E-2</v>
      </c>
      <c r="W85" s="213">
        <v>292</v>
      </c>
      <c r="X85" s="217">
        <v>0.49656769360903547</v>
      </c>
      <c r="Y85" s="95">
        <v>5.8122486637846513E-2</v>
      </c>
      <c r="Z85" s="217">
        <v>0.12693783069812964</v>
      </c>
      <c r="AA85" s="95">
        <v>3.9346125042219467E-2</v>
      </c>
      <c r="AB85" s="217">
        <v>0.37649447569283745</v>
      </c>
      <c r="AC85" s="95">
        <v>5.6371818215280561E-2</v>
      </c>
      <c r="AD85" s="213">
        <v>299</v>
      </c>
      <c r="AE85" s="217">
        <v>0.31475133292912533</v>
      </c>
      <c r="AF85" s="95">
        <v>5.3471316386489699E-2</v>
      </c>
      <c r="AG85" s="217">
        <v>0.14223766806988775</v>
      </c>
      <c r="AH85" s="95">
        <v>4.0681193791390222E-2</v>
      </c>
      <c r="AI85" s="217">
        <v>0.54301099900098859</v>
      </c>
      <c r="AJ85" s="95">
        <v>5.7241146435248677E-2</v>
      </c>
      <c r="AK85" s="213">
        <v>273</v>
      </c>
      <c r="AL85" s="217">
        <v>0.35342729389799549</v>
      </c>
      <c r="AM85" s="95">
        <v>5.7521921825502496E-2</v>
      </c>
      <c r="AN85" s="217">
        <v>0.13045702773863083</v>
      </c>
      <c r="AO85" s="95">
        <v>4.11659569895838E-2</v>
      </c>
      <c r="AP85" s="217">
        <v>0.51611567836337635</v>
      </c>
      <c r="AQ85" s="95">
        <v>6.0053854477040647E-2</v>
      </c>
      <c r="AR85" s="213">
        <v>304</v>
      </c>
      <c r="AS85" s="217">
        <v>0.62761964435557982</v>
      </c>
      <c r="AT85" s="95">
        <v>5.5142496927255813E-2</v>
      </c>
      <c r="AU85" s="217">
        <v>0.13901986100453784</v>
      </c>
      <c r="AV85" s="95">
        <v>3.9976608419143779E-2</v>
      </c>
      <c r="AW85" s="217">
        <v>0.23336049463988345</v>
      </c>
      <c r="AX85" s="95">
        <v>4.8448399173678464E-2</v>
      </c>
      <c r="AY85" s="213">
        <v>287</v>
      </c>
      <c r="AZ85" s="217">
        <v>0.25177731683391547</v>
      </c>
      <c r="BA85" s="95">
        <v>5.1113743825993714E-2</v>
      </c>
      <c r="BB85" s="217">
        <v>0.11847690284315578</v>
      </c>
      <c r="BC85" s="95">
        <v>3.8603503860611517E-2</v>
      </c>
      <c r="BD85" s="217">
        <v>0.62974578032293049</v>
      </c>
      <c r="BE85" s="95">
        <v>5.6668765834113337E-2</v>
      </c>
      <c r="BF85" s="213">
        <v>292</v>
      </c>
      <c r="BG85" s="217">
        <v>5.4538909643796367E-2</v>
      </c>
      <c r="BH85" s="95">
        <v>0.32475163898136034</v>
      </c>
      <c r="BI85" s="217">
        <v>0.15462749787133803</v>
      </c>
      <c r="BJ85" s="95">
        <v>4.2540901520095604E-2</v>
      </c>
      <c r="BK85" s="217">
        <v>0.52062086314730438</v>
      </c>
      <c r="BL85" s="95">
        <v>5.8075695570503821E-2</v>
      </c>
      <c r="BM85" s="213">
        <v>306</v>
      </c>
      <c r="BN85" s="217">
        <v>0.49835027930890674</v>
      </c>
      <c r="BO85" s="95">
        <v>5.6795882199987026E-2</v>
      </c>
      <c r="BP85" s="217">
        <v>9.2966634721883282E-2</v>
      </c>
      <c r="BQ85" s="95">
        <v>3.3806235234825878E-2</v>
      </c>
      <c r="BR85" s="217">
        <v>0.40868308596921232</v>
      </c>
      <c r="BS85" s="95">
        <v>5.586562531911652E-2</v>
      </c>
      <c r="BT85" s="213">
        <v>246</v>
      </c>
      <c r="BU85" s="217">
        <v>0.36579315433261833</v>
      </c>
      <c r="BV85" s="95">
        <v>6.0999708709515488E-2</v>
      </c>
      <c r="BW85" s="217">
        <v>0.14916298251200638</v>
      </c>
      <c r="BX85" s="95">
        <v>4.5750741825350653E-2</v>
      </c>
      <c r="BY85" s="217">
        <v>0.48504386315537767</v>
      </c>
      <c r="BZ85" s="95">
        <v>6.321815114790999E-2</v>
      </c>
    </row>
    <row r="86" spans="1:78">
      <c r="A86" s="43" t="s">
        <v>633</v>
      </c>
      <c r="B86" s="212">
        <v>544</v>
      </c>
      <c r="C86" s="216">
        <v>0.24616510128357663</v>
      </c>
      <c r="D86" s="92">
        <v>3.6896484383778162E-2</v>
      </c>
      <c r="E86" s="216">
        <v>0.13848848802453503</v>
      </c>
      <c r="F86" s="92">
        <v>2.9744698991884574E-2</v>
      </c>
      <c r="G86" s="216">
        <v>0.61534641069188578</v>
      </c>
      <c r="H86" s="92">
        <v>4.1582626148607423E-2</v>
      </c>
      <c r="I86" s="212">
        <v>576</v>
      </c>
      <c r="J86" s="216">
        <v>0.26973200684639836</v>
      </c>
      <c r="K86" s="92">
        <v>3.6925412793277837E-2</v>
      </c>
      <c r="L86" s="216">
        <v>0.16760589057654929</v>
      </c>
      <c r="M86" s="92">
        <v>3.1187181686184378E-2</v>
      </c>
      <c r="N86" s="216">
        <v>0.56266210257704963</v>
      </c>
      <c r="O86" s="92">
        <v>4.1199885612905371E-2</v>
      </c>
      <c r="P86" s="212">
        <v>560</v>
      </c>
      <c r="Q86" s="216">
        <v>0.30028477245501345</v>
      </c>
      <c r="R86" s="92">
        <v>3.8654459703202609E-2</v>
      </c>
      <c r="S86" s="216">
        <v>0.21033340237105377</v>
      </c>
      <c r="T86" s="92">
        <v>3.4443829107206912E-2</v>
      </c>
      <c r="U86" s="216">
        <v>0.48938182517392997</v>
      </c>
      <c r="V86" s="92">
        <v>4.2098234318967108E-2</v>
      </c>
      <c r="W86" s="212">
        <v>517</v>
      </c>
      <c r="X86" s="216">
        <v>0.17240050193085973</v>
      </c>
      <c r="Y86" s="92">
        <v>3.3286999840969868E-2</v>
      </c>
      <c r="Z86" s="216">
        <v>8.0045967276049415E-2</v>
      </c>
      <c r="AA86" s="92">
        <v>2.4208984421472887E-2</v>
      </c>
      <c r="AB86" s="216">
        <v>0.74755353079308873</v>
      </c>
      <c r="AC86" s="92">
        <v>3.8158638361524028E-2</v>
      </c>
      <c r="AD86" s="212">
        <v>580</v>
      </c>
      <c r="AE86" s="216">
        <v>0.28052524592308287</v>
      </c>
      <c r="AF86" s="92">
        <v>3.7241200502358039E-2</v>
      </c>
      <c r="AG86" s="216">
        <v>0.11851477003181424</v>
      </c>
      <c r="AH86" s="92">
        <v>2.7002760777432147E-2</v>
      </c>
      <c r="AI86" s="216">
        <v>0.60095998404509998</v>
      </c>
      <c r="AJ86" s="92">
        <v>4.0539700857419585E-2</v>
      </c>
      <c r="AK86" s="212">
        <v>512</v>
      </c>
      <c r="AL86" s="216">
        <v>0.24854626326983162</v>
      </c>
      <c r="AM86" s="92">
        <v>3.8149797868375183E-2</v>
      </c>
      <c r="AN86" s="216">
        <v>0.16233890515878607</v>
      </c>
      <c r="AO86" s="92">
        <v>3.2677162713689617E-2</v>
      </c>
      <c r="AP86" s="216">
        <v>0.58911483157137956</v>
      </c>
      <c r="AQ86" s="92">
        <v>4.33286693564085E-2</v>
      </c>
      <c r="AR86" s="212">
        <v>586</v>
      </c>
      <c r="AS86" s="216">
        <v>0.63709244767936768</v>
      </c>
      <c r="AT86" s="92">
        <v>3.9613354658583226E-2</v>
      </c>
      <c r="AU86" s="216">
        <v>0.1373340418413723</v>
      </c>
      <c r="AV86" s="92">
        <v>2.8552748547416462E-2</v>
      </c>
      <c r="AW86" s="216">
        <v>0.22557351047925767</v>
      </c>
      <c r="AX86" s="92">
        <v>3.4514334185671021E-2</v>
      </c>
      <c r="AY86" s="212">
        <v>560</v>
      </c>
      <c r="AZ86" s="216">
        <v>0.20721721863615222</v>
      </c>
      <c r="BA86" s="92">
        <v>3.4259113054004038E-2</v>
      </c>
      <c r="BB86" s="216">
        <v>0.11082998015170949</v>
      </c>
      <c r="BC86" s="92">
        <v>2.6722550240281886E-2</v>
      </c>
      <c r="BD86" s="216">
        <v>0.68195280121213597</v>
      </c>
      <c r="BE86" s="92">
        <v>3.9262809103095951E-2</v>
      </c>
      <c r="BF86" s="212">
        <v>573</v>
      </c>
      <c r="BG86" s="216">
        <v>3.5847018758923037E-2</v>
      </c>
      <c r="BH86" s="92">
        <v>0.24398617177742146</v>
      </c>
      <c r="BI86" s="216">
        <v>0.22092966216389587</v>
      </c>
      <c r="BJ86" s="92">
        <v>3.4650600569972746E-2</v>
      </c>
      <c r="BK86" s="216">
        <v>0.53508416605867981</v>
      </c>
      <c r="BL86" s="92">
        <v>4.1529351782036865E-2</v>
      </c>
      <c r="BM86" s="212">
        <v>603</v>
      </c>
      <c r="BN86" s="216">
        <v>0.58491318964196315</v>
      </c>
      <c r="BO86" s="92">
        <v>4.0006956983255106E-2</v>
      </c>
      <c r="BP86" s="216">
        <v>0.11428754037392638</v>
      </c>
      <c r="BQ86" s="92">
        <v>2.6075573459404783E-2</v>
      </c>
      <c r="BR86" s="216">
        <v>0.30079926998410772</v>
      </c>
      <c r="BS86" s="92">
        <v>3.7274556707964139E-2</v>
      </c>
      <c r="BT86" s="212">
        <v>416</v>
      </c>
      <c r="BU86" s="216">
        <v>0.28458544438261318</v>
      </c>
      <c r="BV86" s="92">
        <v>4.4129272778103405E-2</v>
      </c>
      <c r="BW86" s="216">
        <v>0.11254018077808961</v>
      </c>
      <c r="BX86" s="92">
        <v>3.1277680712932646E-2</v>
      </c>
      <c r="BY86" s="216">
        <v>0.6028743748392954</v>
      </c>
      <c r="BZ86" s="92">
        <v>4.7771029938115918E-2</v>
      </c>
    </row>
    <row r="87" spans="1:78">
      <c r="A87" s="47" t="s">
        <v>634</v>
      </c>
      <c r="B87" s="213">
        <v>481</v>
      </c>
      <c r="C87" s="217">
        <v>0.29628158379907615</v>
      </c>
      <c r="D87" s="95">
        <v>4.1535530908575681E-2</v>
      </c>
      <c r="E87" s="217">
        <v>0.15340691958865549</v>
      </c>
      <c r="F87" s="95">
        <v>3.2975659624066303E-2</v>
      </c>
      <c r="G87" s="217">
        <v>0.55031149661226841</v>
      </c>
      <c r="H87" s="95">
        <v>4.518099533466638E-2</v>
      </c>
      <c r="I87" s="213">
        <v>514</v>
      </c>
      <c r="J87" s="217">
        <v>0.36278517849875125</v>
      </c>
      <c r="K87" s="95">
        <v>4.2277055357262491E-2</v>
      </c>
      <c r="L87" s="217">
        <v>0.18396424628791563</v>
      </c>
      <c r="M87" s="95">
        <v>3.4221397411007957E-2</v>
      </c>
      <c r="N87" s="217">
        <v>0.45325057521333273</v>
      </c>
      <c r="O87" s="95">
        <v>4.3747971954488485E-2</v>
      </c>
      <c r="P87" s="213">
        <v>507</v>
      </c>
      <c r="Q87" s="217">
        <v>0.37914274203155041</v>
      </c>
      <c r="R87" s="95">
        <v>4.2946405504617625E-2</v>
      </c>
      <c r="S87" s="217">
        <v>0.17118070401219021</v>
      </c>
      <c r="T87" s="95">
        <v>3.3522952365648201E-2</v>
      </c>
      <c r="U87" s="217">
        <v>0.44967655395625933</v>
      </c>
      <c r="V87" s="95">
        <v>4.4016279016569529E-2</v>
      </c>
      <c r="W87" s="213">
        <v>452</v>
      </c>
      <c r="X87" s="217">
        <v>0.47460802204131214</v>
      </c>
      <c r="Y87" s="95">
        <v>4.6769921104319101E-2</v>
      </c>
      <c r="Z87" s="217">
        <v>9.6747324269995244E-2</v>
      </c>
      <c r="AA87" s="95">
        <v>2.8133083125566161E-2</v>
      </c>
      <c r="AB87" s="217">
        <v>0.42864465368869292</v>
      </c>
      <c r="AC87" s="95">
        <v>4.6358381671069565E-2</v>
      </c>
      <c r="AD87" s="213">
        <v>511</v>
      </c>
      <c r="AE87" s="217">
        <v>0.40412029357476464</v>
      </c>
      <c r="AF87" s="95">
        <v>4.3260271685261531E-2</v>
      </c>
      <c r="AG87" s="217">
        <v>0.14191692362566535</v>
      </c>
      <c r="AH87" s="95">
        <v>3.1003989268378052E-2</v>
      </c>
      <c r="AI87" s="217">
        <v>0.45396278279956997</v>
      </c>
      <c r="AJ87" s="95">
        <v>4.3880983774246873E-2</v>
      </c>
      <c r="AK87" s="213">
        <v>445</v>
      </c>
      <c r="AL87" s="217">
        <v>0.40117927648100149</v>
      </c>
      <c r="AM87" s="95">
        <v>4.6278683826963748E-2</v>
      </c>
      <c r="AN87" s="217">
        <v>0.13722518892179675</v>
      </c>
      <c r="AO87" s="95">
        <v>3.2795357497496548E-2</v>
      </c>
      <c r="AP87" s="217">
        <v>0.46159553459720182</v>
      </c>
      <c r="AQ87" s="95">
        <v>4.7055978498870964E-2</v>
      </c>
      <c r="AR87" s="213">
        <v>530</v>
      </c>
      <c r="AS87" s="217">
        <v>0.71726773150414092</v>
      </c>
      <c r="AT87" s="95">
        <v>3.9042786401118523E-2</v>
      </c>
      <c r="AU87" s="217">
        <v>0.11006783240696812</v>
      </c>
      <c r="AV87" s="95">
        <v>2.7399422131562004E-2</v>
      </c>
      <c r="AW87" s="217">
        <v>0.17266443608889148</v>
      </c>
      <c r="AX87" s="95">
        <v>3.2894182696071625E-2</v>
      </c>
      <c r="AY87" s="213">
        <v>472</v>
      </c>
      <c r="AZ87" s="217">
        <v>0.2355764702065633</v>
      </c>
      <c r="BA87" s="95">
        <v>3.9027073359118897E-2</v>
      </c>
      <c r="BB87" s="217">
        <v>0.13257195710996331</v>
      </c>
      <c r="BC87" s="95">
        <v>3.1390206680975689E-2</v>
      </c>
      <c r="BD87" s="217">
        <v>0.63185157268347336</v>
      </c>
      <c r="BE87" s="95">
        <v>4.4240188321414138E-2</v>
      </c>
      <c r="BF87" s="213">
        <v>509</v>
      </c>
      <c r="BG87" s="217">
        <v>4.3117042921317232E-2</v>
      </c>
      <c r="BH87" s="95">
        <v>0.3915763960509912</v>
      </c>
      <c r="BI87" s="217">
        <v>0.17709703246703254</v>
      </c>
      <c r="BJ87" s="95">
        <v>3.3896220474019891E-2</v>
      </c>
      <c r="BK87" s="217">
        <v>0.43132657148197601</v>
      </c>
      <c r="BL87" s="95">
        <v>4.3739189628266575E-2</v>
      </c>
      <c r="BM87" s="213">
        <v>532</v>
      </c>
      <c r="BN87" s="217">
        <v>0.75655255999455473</v>
      </c>
      <c r="BO87" s="95">
        <v>3.7172399359556761E-2</v>
      </c>
      <c r="BP87" s="217">
        <v>6.576205955592633E-2</v>
      </c>
      <c r="BQ87" s="95">
        <v>2.1895490694401096E-2</v>
      </c>
      <c r="BR87" s="217">
        <v>0.17768538044951979</v>
      </c>
      <c r="BS87" s="95">
        <v>3.3195266742151487E-2</v>
      </c>
      <c r="BT87" s="213">
        <v>356</v>
      </c>
      <c r="BU87" s="217">
        <v>0.43250589397013606</v>
      </c>
      <c r="BV87" s="95">
        <v>5.2232941454424413E-2</v>
      </c>
      <c r="BW87" s="217">
        <v>0.13712798625553127</v>
      </c>
      <c r="BX87" s="95">
        <v>3.6702070915183287E-2</v>
      </c>
      <c r="BY87" s="217">
        <v>0.43036611977433398</v>
      </c>
      <c r="BZ87" s="95">
        <v>5.2202413410177062E-2</v>
      </c>
    </row>
    <row r="88" spans="1:78">
      <c r="A88" s="43" t="s">
        <v>635</v>
      </c>
      <c r="B88" s="212">
        <v>174</v>
      </c>
      <c r="C88" s="216">
        <v>0.32409638489223291</v>
      </c>
      <c r="D88" s="92">
        <v>7.0381456350700464E-2</v>
      </c>
      <c r="E88" s="216">
        <v>0.13574870978489093</v>
      </c>
      <c r="F88" s="92">
        <v>5.2620561980885085E-2</v>
      </c>
      <c r="G88" s="216">
        <v>0.54015490532287702</v>
      </c>
      <c r="H88" s="92">
        <v>7.4721841862414054E-2</v>
      </c>
      <c r="I88" s="212">
        <v>196</v>
      </c>
      <c r="J88" s="216">
        <v>0.4083895571267725</v>
      </c>
      <c r="K88" s="92">
        <v>6.9561464719629193E-2</v>
      </c>
      <c r="L88" s="216">
        <v>0.17521344838022856</v>
      </c>
      <c r="M88" s="92">
        <v>5.4532733936565998E-2</v>
      </c>
      <c r="N88" s="216">
        <v>0.41639699449299988</v>
      </c>
      <c r="O88" s="92">
        <v>6.9754902363400484E-2</v>
      </c>
      <c r="P88" s="212">
        <v>191</v>
      </c>
      <c r="Q88" s="216">
        <v>0.38721962246066582</v>
      </c>
      <c r="R88" s="92">
        <v>6.9841880979646276E-2</v>
      </c>
      <c r="S88" s="216">
        <v>0.14795472923428216</v>
      </c>
      <c r="T88" s="92">
        <v>5.1857106772489329E-2</v>
      </c>
      <c r="U88" s="216">
        <v>0.4648256483050528</v>
      </c>
      <c r="V88" s="92">
        <v>7.1441279849557018E-2</v>
      </c>
      <c r="W88" s="212">
        <v>165</v>
      </c>
      <c r="X88" s="216">
        <v>0.52517776973668784</v>
      </c>
      <c r="Y88" s="92">
        <v>7.6830056501078201E-2</v>
      </c>
      <c r="Z88" s="216">
        <v>9.6712215720321723E-2</v>
      </c>
      <c r="AA88" s="92">
        <v>4.7410291448047134E-2</v>
      </c>
      <c r="AB88" s="216">
        <v>0.37811001454299137</v>
      </c>
      <c r="AC88" s="92">
        <v>7.4712515101068952E-2</v>
      </c>
      <c r="AD88" s="212">
        <v>189</v>
      </c>
      <c r="AE88" s="216">
        <v>0.41616491348220735</v>
      </c>
      <c r="AF88" s="92">
        <v>7.1004632222714859E-2</v>
      </c>
      <c r="AG88" s="216">
        <v>0.13420061446942463</v>
      </c>
      <c r="AH88" s="92">
        <v>5.0218141315697101E-2</v>
      </c>
      <c r="AI88" s="216">
        <v>0.44963447204836915</v>
      </c>
      <c r="AJ88" s="92">
        <v>7.1630510129698399E-2</v>
      </c>
      <c r="AK88" s="212">
        <v>165</v>
      </c>
      <c r="AL88" s="216">
        <v>0.40351378310526465</v>
      </c>
      <c r="AM88" s="92">
        <v>7.5545493222558477E-2</v>
      </c>
      <c r="AN88" s="216">
        <v>0.15494021676451655</v>
      </c>
      <c r="AO88" s="92">
        <v>5.6840546600567268E-2</v>
      </c>
      <c r="AP88" s="216">
        <v>0.44154600013022005</v>
      </c>
      <c r="AQ88" s="92">
        <v>7.6420351247668328E-2</v>
      </c>
      <c r="AR88" s="212">
        <v>202</v>
      </c>
      <c r="AS88" s="216">
        <v>0.77613578427843555</v>
      </c>
      <c r="AT88" s="92">
        <v>5.8572249281026084E-2</v>
      </c>
      <c r="AU88" s="216">
        <v>9.6086424152399597E-2</v>
      </c>
      <c r="AV88" s="92">
        <v>4.2524255724383932E-2</v>
      </c>
      <c r="AW88" s="216">
        <v>0.12777779156916474</v>
      </c>
      <c r="AX88" s="92">
        <v>4.7618823738966601E-2</v>
      </c>
      <c r="AY88" s="212">
        <v>170</v>
      </c>
      <c r="AZ88" s="216">
        <v>0.21483605475384962</v>
      </c>
      <c r="BA88" s="92">
        <v>6.2949958292693009E-2</v>
      </c>
      <c r="BB88" s="216">
        <v>0.12886981388224761</v>
      </c>
      <c r="BC88" s="92">
        <v>5.2198198425922951E-2</v>
      </c>
      <c r="BD88" s="216">
        <v>0.6562941313639038</v>
      </c>
      <c r="BE88" s="92">
        <v>7.2187870295029544E-2</v>
      </c>
      <c r="BF88" s="212">
        <v>183</v>
      </c>
      <c r="BG88" s="216">
        <v>7.2494863997584869E-2</v>
      </c>
      <c r="BH88" s="92">
        <v>0.43295235970346441</v>
      </c>
      <c r="BI88" s="216">
        <v>0.15363970372202926</v>
      </c>
      <c r="BJ88" s="92">
        <v>5.3759589054621651E-2</v>
      </c>
      <c r="BK88" s="216">
        <v>0.41340793657450708</v>
      </c>
      <c r="BL88" s="92">
        <v>7.2069360791401665E-2</v>
      </c>
      <c r="BM88" s="212">
        <v>200</v>
      </c>
      <c r="BN88" s="216">
        <v>0.83675388066284873</v>
      </c>
      <c r="BO88" s="92">
        <v>5.2580546503243855E-2</v>
      </c>
      <c r="BP88" s="216">
        <v>6.7070768026046973E-2</v>
      </c>
      <c r="BQ88" s="92">
        <v>3.7008299783424521E-2</v>
      </c>
      <c r="BR88" s="216">
        <v>9.6175351311104246E-2</v>
      </c>
      <c r="BS88" s="92">
        <v>4.2762001812539696E-2</v>
      </c>
      <c r="BT88" s="212">
        <v>128</v>
      </c>
      <c r="BU88" s="216">
        <v>0.49121352893781017</v>
      </c>
      <c r="BV88" s="92">
        <v>8.7026190057797215E-2</v>
      </c>
      <c r="BW88" s="216">
        <v>0.13405514351105466</v>
      </c>
      <c r="BX88" s="92">
        <v>6.131821867788545E-2</v>
      </c>
      <c r="BY88" s="216">
        <v>0.37473132755113575</v>
      </c>
      <c r="BZ88" s="92">
        <v>8.4431143686453741E-2</v>
      </c>
    </row>
    <row r="89" spans="1:78">
      <c r="A89" s="47" t="s">
        <v>636</v>
      </c>
      <c r="B89" s="213">
        <v>307</v>
      </c>
      <c r="C89" s="217">
        <v>0.27356735039082702</v>
      </c>
      <c r="D89" s="95">
        <v>5.0723214739673179E-2</v>
      </c>
      <c r="E89" s="217">
        <v>0.16782703705457627</v>
      </c>
      <c r="F89" s="95">
        <v>4.2808354663674546E-2</v>
      </c>
      <c r="G89" s="217">
        <v>0.55860561255459762</v>
      </c>
      <c r="H89" s="95">
        <v>5.6323955519355602E-2</v>
      </c>
      <c r="I89" s="213">
        <v>318</v>
      </c>
      <c r="J89" s="217">
        <v>0.32211121217885891</v>
      </c>
      <c r="K89" s="95">
        <v>5.2174681843278774E-2</v>
      </c>
      <c r="L89" s="217">
        <v>0.19176897184448236</v>
      </c>
      <c r="M89" s="95">
        <v>4.4210026545797282E-2</v>
      </c>
      <c r="N89" s="217">
        <v>0.4861198159766596</v>
      </c>
      <c r="O89" s="95">
        <v>5.5706874508348991E-2</v>
      </c>
      <c r="P89" s="213">
        <v>316</v>
      </c>
      <c r="Q89" s="217">
        <v>0.37210619404961298</v>
      </c>
      <c r="R89" s="95">
        <v>5.4088993714703243E-2</v>
      </c>
      <c r="S89" s="217">
        <v>0.19141508625745768</v>
      </c>
      <c r="T89" s="95">
        <v>4.4320013592033171E-2</v>
      </c>
      <c r="U89" s="217">
        <v>0.43647871969293084</v>
      </c>
      <c r="V89" s="95">
        <v>5.5460040830429505E-2</v>
      </c>
      <c r="W89" s="213">
        <v>287</v>
      </c>
      <c r="X89" s="217">
        <v>0.4323699316005068</v>
      </c>
      <c r="Y89" s="95">
        <v>5.8097092636782949E-2</v>
      </c>
      <c r="Z89" s="217">
        <v>9.6776648483856989E-2</v>
      </c>
      <c r="AA89" s="95">
        <v>3.553228262449587E-2</v>
      </c>
      <c r="AB89" s="217">
        <v>0.47085341991563773</v>
      </c>
      <c r="AC89" s="95">
        <v>5.8524077454064349E-2</v>
      </c>
      <c r="AD89" s="213">
        <v>322</v>
      </c>
      <c r="AE89" s="217">
        <v>0.39407910780823791</v>
      </c>
      <c r="AF89" s="95">
        <v>5.4158865855443425E-2</v>
      </c>
      <c r="AG89" s="217">
        <v>0.14834974543865545</v>
      </c>
      <c r="AH89" s="95">
        <v>3.9839868327125466E-2</v>
      </c>
      <c r="AI89" s="217">
        <v>0.45757114675310828</v>
      </c>
      <c r="AJ89" s="95">
        <v>5.5189989563293733E-2</v>
      </c>
      <c r="AK89" s="213">
        <v>280</v>
      </c>
      <c r="AL89" s="217">
        <v>0.39921475643062232</v>
      </c>
      <c r="AM89" s="95">
        <v>5.8155504394293296E-2</v>
      </c>
      <c r="AN89" s="217">
        <v>0.1223177446556882</v>
      </c>
      <c r="AO89" s="95">
        <v>3.9601172782461433E-2</v>
      </c>
      <c r="AP89" s="217">
        <v>0.47846749891369023</v>
      </c>
      <c r="AQ89" s="95">
        <v>5.9285572900678214E-2</v>
      </c>
      <c r="AR89" s="213">
        <v>328</v>
      </c>
      <c r="AS89" s="217">
        <v>0.66508260088842919</v>
      </c>
      <c r="AT89" s="95">
        <v>5.1880360522672198E-2</v>
      </c>
      <c r="AU89" s="217">
        <v>0.1224620187537408</v>
      </c>
      <c r="AV89" s="95">
        <v>3.654984367927612E-2</v>
      </c>
      <c r="AW89" s="217">
        <v>0.21245538035783135</v>
      </c>
      <c r="AX89" s="95">
        <v>4.5163481467408902E-2</v>
      </c>
      <c r="AY89" s="213">
        <v>302</v>
      </c>
      <c r="AZ89" s="217">
        <v>0.252676351541958</v>
      </c>
      <c r="BA89" s="95">
        <v>4.9891352532605855E-2</v>
      </c>
      <c r="BB89" s="217">
        <v>0.13562426867165345</v>
      </c>
      <c r="BC89" s="95">
        <v>3.9717752908428473E-2</v>
      </c>
      <c r="BD89" s="217">
        <v>0.61169937978638922</v>
      </c>
      <c r="BE89" s="95">
        <v>5.5759439680039796E-2</v>
      </c>
      <c r="BF89" s="213">
        <v>326</v>
      </c>
      <c r="BG89" s="217">
        <v>5.2827121690506212E-2</v>
      </c>
      <c r="BH89" s="95">
        <v>0.35768026393371583</v>
      </c>
      <c r="BI89" s="217">
        <v>0.19631381061720102</v>
      </c>
      <c r="BJ89" s="95">
        <v>4.4038125792796368E-2</v>
      </c>
      <c r="BK89" s="217">
        <v>0.44600592544908457</v>
      </c>
      <c r="BL89" s="95">
        <v>5.4734055320269953E-2</v>
      </c>
      <c r="BM89" s="213">
        <v>332</v>
      </c>
      <c r="BN89" s="217">
        <v>0.68748194523838579</v>
      </c>
      <c r="BO89" s="95">
        <v>5.0671964527611815E-2</v>
      </c>
      <c r="BP89" s="217">
        <v>6.4634979629877631E-2</v>
      </c>
      <c r="BQ89" s="95">
        <v>2.7805309072940945E-2</v>
      </c>
      <c r="BR89" s="217">
        <v>0.24788307513173768</v>
      </c>
      <c r="BS89" s="95">
        <v>4.7301144059604484E-2</v>
      </c>
      <c r="BT89" s="213">
        <v>228</v>
      </c>
      <c r="BU89" s="217">
        <v>0.3846054352027049</v>
      </c>
      <c r="BV89" s="95">
        <v>6.3942229478367849E-2</v>
      </c>
      <c r="BW89" s="217">
        <v>0.13963516572650864</v>
      </c>
      <c r="BX89" s="95">
        <v>4.6345146416684378E-2</v>
      </c>
      <c r="BY89" s="217">
        <v>0.47575939907078707</v>
      </c>
      <c r="BZ89" s="95">
        <v>6.5578655181331255E-2</v>
      </c>
    </row>
  </sheetData>
  <mergeCells count="19">
    <mergeCell ref="AY49:BE49"/>
    <mergeCell ref="BF49:BL49"/>
    <mergeCell ref="BM49:BS49"/>
    <mergeCell ref="C71:BZ71"/>
    <mergeCell ref="A3:D3"/>
    <mergeCell ref="A4:D4"/>
    <mergeCell ref="A5:D5"/>
    <mergeCell ref="A47:BZ47"/>
    <mergeCell ref="A48:BZ48"/>
    <mergeCell ref="C27:D27"/>
    <mergeCell ref="C40:D40"/>
    <mergeCell ref="B49:H49"/>
    <mergeCell ref="I49:O49"/>
    <mergeCell ref="P49:V49"/>
    <mergeCell ref="W49:AC49"/>
    <mergeCell ref="AD49:AJ49"/>
    <mergeCell ref="BT49:BZ49"/>
    <mergeCell ref="AK49:AQ49"/>
    <mergeCell ref="AR49:AX49"/>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301" customWidth="1"/>
    <col min="2" max="9" width="8.85546875" style="19"/>
    <col min="10" max="10" width="19.42578125" style="19" customWidth="1"/>
    <col min="11" max="12" width="8.85546875" style="19"/>
    <col min="13" max="13" width="9.140625" style="19" customWidth="1"/>
    <col min="14" max="16384" width="8.85546875" style="19"/>
  </cols>
  <sheetData>
    <row r="1" spans="1:14" s="9" customFormat="1" ht="23.25">
      <c r="A1" s="303" t="s">
        <v>357</v>
      </c>
      <c r="F1" s="319"/>
      <c r="G1" s="319"/>
      <c r="H1" s="319"/>
      <c r="I1" s="319"/>
      <c r="J1" s="319"/>
      <c r="K1" s="319"/>
      <c r="L1" s="319"/>
      <c r="M1" s="319"/>
      <c r="N1" s="319"/>
    </row>
    <row r="2" spans="1:14" ht="21">
      <c r="A2" s="304"/>
      <c r="B2" s="12"/>
      <c r="C2" s="12"/>
      <c r="D2" s="12"/>
      <c r="E2" s="12"/>
      <c r="F2" s="320"/>
      <c r="G2" s="320"/>
      <c r="H2" s="320"/>
      <c r="I2" s="320"/>
      <c r="J2" s="320"/>
      <c r="K2" s="320"/>
      <c r="L2" s="320"/>
      <c r="M2" s="320"/>
      <c r="N2" s="320"/>
    </row>
    <row r="3" spans="1:14" s="11" customFormat="1" ht="21">
      <c r="A3" s="305" t="s">
        <v>150</v>
      </c>
      <c r="B3" s="10"/>
      <c r="C3" s="10"/>
      <c r="D3" s="10"/>
      <c r="E3" s="10"/>
      <c r="F3" s="18"/>
      <c r="G3" s="18"/>
      <c r="H3" s="18"/>
      <c r="I3" s="18"/>
      <c r="J3" s="18"/>
      <c r="K3" s="18"/>
      <c r="L3" s="18"/>
      <c r="M3" s="18"/>
      <c r="N3" s="18"/>
    </row>
    <row r="4" spans="1:14" s="11" customFormat="1" ht="31.5">
      <c r="A4" s="304" t="s">
        <v>458</v>
      </c>
      <c r="B4" s="10"/>
      <c r="C4" s="10"/>
      <c r="D4" s="10"/>
      <c r="E4" s="10"/>
      <c r="F4" s="18"/>
      <c r="G4" s="18"/>
      <c r="H4" s="18"/>
      <c r="I4" s="18"/>
      <c r="J4" s="18"/>
      <c r="K4" s="18"/>
      <c r="L4" s="18"/>
      <c r="M4" s="18"/>
      <c r="N4" s="18"/>
    </row>
    <row r="5" spans="1:14" ht="18.75" customHeight="1">
      <c r="A5" s="304"/>
      <c r="B5" s="12"/>
      <c r="C5" s="12"/>
      <c r="D5" s="12"/>
      <c r="E5" s="12"/>
      <c r="F5" s="18"/>
      <c r="G5" s="18"/>
      <c r="H5" s="18"/>
      <c r="I5" s="18"/>
      <c r="J5" s="18"/>
      <c r="K5" s="18"/>
      <c r="L5" s="18"/>
      <c r="M5" s="18"/>
      <c r="N5" s="18"/>
    </row>
    <row r="6" spans="1:14">
      <c r="A6" s="306" t="s">
        <v>151</v>
      </c>
      <c r="B6" s="12"/>
      <c r="C6" s="12"/>
      <c r="D6" s="12"/>
      <c r="E6" s="12"/>
    </row>
    <row r="7" spans="1:14" ht="51" customHeight="1">
      <c r="A7" s="307" t="s">
        <v>221</v>
      </c>
      <c r="B7" s="12"/>
      <c r="C7" s="12"/>
      <c r="D7" s="12"/>
      <c r="E7" s="12"/>
      <c r="F7" s="12"/>
      <c r="G7" s="12"/>
    </row>
    <row r="8" spans="1:14">
      <c r="A8" s="223"/>
      <c r="B8" s="12"/>
      <c r="C8" s="12"/>
      <c r="D8" s="12"/>
      <c r="E8" s="12"/>
      <c r="F8" s="12"/>
      <c r="G8" s="12"/>
    </row>
    <row r="9" spans="1:14">
      <c r="A9" s="305" t="s">
        <v>152</v>
      </c>
      <c r="B9" s="12"/>
      <c r="C9" s="12"/>
      <c r="D9" s="12"/>
      <c r="E9" s="12"/>
      <c r="F9" s="12"/>
      <c r="G9" s="12"/>
    </row>
    <row r="10" spans="1:14" ht="30">
      <c r="A10" s="304" t="s">
        <v>658</v>
      </c>
      <c r="B10" s="12"/>
      <c r="C10" s="12"/>
      <c r="D10" s="12"/>
      <c r="E10" s="12"/>
      <c r="F10" s="12"/>
      <c r="G10" s="12"/>
    </row>
    <row r="11" spans="1:14">
      <c r="A11" s="228"/>
      <c r="B11" s="13"/>
      <c r="C11" s="13"/>
      <c r="D11" s="13"/>
      <c r="E11" s="13"/>
    </row>
    <row r="12" spans="1:14">
      <c r="A12" s="305" t="s">
        <v>153</v>
      </c>
    </row>
    <row r="13" spans="1:14" ht="135">
      <c r="A13" s="304" t="s">
        <v>459</v>
      </c>
    </row>
    <row r="14" spans="1:14">
      <c r="A14" s="223"/>
    </row>
    <row r="15" spans="1:14">
      <c r="A15" s="306" t="s">
        <v>2</v>
      </c>
    </row>
    <row r="16" spans="1:14" ht="45">
      <c r="A16" s="307" t="s">
        <v>154</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101"/>
  <sheetViews>
    <sheetView workbookViewId="0"/>
  </sheetViews>
  <sheetFormatPr defaultColWidth="8.85546875" defaultRowHeight="15"/>
  <cols>
    <col min="1" max="1" width="135.85546875" style="301" customWidth="1"/>
    <col min="2" max="7" width="8.85546875" style="2"/>
    <col min="8" max="8" width="19.42578125" style="2" customWidth="1"/>
    <col min="9" max="10" width="8.85546875" style="2"/>
    <col min="11" max="11" width="9.140625" style="2" customWidth="1"/>
    <col min="12" max="16384" width="8.85546875" style="2"/>
  </cols>
  <sheetData>
    <row r="1" spans="1:14" ht="23.25">
      <c r="A1" s="303" t="s">
        <v>586</v>
      </c>
      <c r="B1" s="8"/>
      <c r="C1" s="8"/>
      <c r="D1" s="8"/>
      <c r="E1" s="8"/>
      <c r="F1" s="8"/>
      <c r="G1" s="8"/>
      <c r="N1" s="7"/>
    </row>
    <row r="2" spans="1:14" ht="90">
      <c r="A2" s="317" t="s">
        <v>655</v>
      </c>
      <c r="B2" s="6"/>
      <c r="C2" s="6"/>
      <c r="D2" s="6"/>
    </row>
    <row r="3" spans="1:14" s="16" customFormat="1">
      <c r="A3" s="304"/>
      <c r="B3" s="12"/>
      <c r="C3" s="12"/>
      <c r="D3" s="12"/>
    </row>
    <row r="4" spans="1:14" s="224" customFormat="1">
      <c r="A4" s="305" t="s">
        <v>348</v>
      </c>
      <c r="B4" s="12"/>
      <c r="C4" s="12"/>
      <c r="D4" s="12"/>
    </row>
    <row r="5" spans="1:14" s="224" customFormat="1" ht="30">
      <c r="A5" s="304" t="s">
        <v>597</v>
      </c>
      <c r="B5" s="12"/>
      <c r="C5" s="12"/>
      <c r="D5" s="12"/>
    </row>
    <row r="6" spans="1:14" s="224" customFormat="1">
      <c r="A6" s="304"/>
      <c r="B6" s="12"/>
      <c r="C6" s="12"/>
      <c r="D6" s="12"/>
    </row>
    <row r="7" spans="1:14" s="17" customFormat="1">
      <c r="A7" s="306" t="s">
        <v>349</v>
      </c>
      <c r="B7" s="12"/>
      <c r="C7" s="12"/>
      <c r="D7" s="12"/>
    </row>
    <row r="8" spans="1:14" s="17" customFormat="1" ht="30">
      <c r="A8" s="315" t="s">
        <v>598</v>
      </c>
      <c r="B8" s="12"/>
      <c r="C8" s="12"/>
      <c r="D8" s="12"/>
    </row>
    <row r="9" spans="1:14" s="224" customFormat="1">
      <c r="A9" s="315"/>
      <c r="B9" s="12"/>
      <c r="C9" s="12"/>
      <c r="D9" s="12"/>
    </row>
    <row r="10" spans="1:14" s="224" customFormat="1">
      <c r="A10" s="316" t="s">
        <v>350</v>
      </c>
      <c r="B10" s="12"/>
      <c r="C10" s="12"/>
      <c r="D10" s="12"/>
    </row>
    <row r="11" spans="1:14" s="224" customFormat="1" ht="30">
      <c r="A11" s="315" t="s">
        <v>615</v>
      </c>
      <c r="B11" s="12"/>
      <c r="C11" s="12"/>
      <c r="D11" s="12"/>
    </row>
    <row r="12" spans="1:14" s="224" customFormat="1">
      <c r="A12" s="313"/>
      <c r="B12" s="12"/>
      <c r="C12" s="12"/>
      <c r="D12" s="12"/>
    </row>
    <row r="13" spans="1:14" s="224" customFormat="1">
      <c r="A13" s="316" t="s">
        <v>587</v>
      </c>
      <c r="B13" s="12"/>
      <c r="C13" s="12"/>
      <c r="D13" s="12"/>
    </row>
    <row r="14" spans="1:14" s="224" customFormat="1" ht="45">
      <c r="A14" s="315" t="s">
        <v>600</v>
      </c>
      <c r="B14" s="12"/>
      <c r="C14" s="12"/>
      <c r="D14" s="12"/>
    </row>
    <row r="15" spans="1:14" s="224" customFormat="1">
      <c r="A15" s="304"/>
      <c r="B15" s="12"/>
      <c r="C15" s="12"/>
      <c r="D15" s="12"/>
    </row>
    <row r="16" spans="1:14" s="224" customFormat="1">
      <c r="A16" s="316" t="s">
        <v>588</v>
      </c>
      <c r="B16" s="12"/>
      <c r="C16" s="12"/>
      <c r="D16" s="12"/>
    </row>
    <row r="17" spans="1:4" s="224" customFormat="1" ht="45">
      <c r="A17" s="315" t="s">
        <v>601</v>
      </c>
      <c r="B17" s="12"/>
      <c r="C17" s="12"/>
      <c r="D17" s="12"/>
    </row>
    <row r="18" spans="1:4" s="17" customFormat="1">
      <c r="A18" s="304"/>
      <c r="B18" s="12"/>
      <c r="C18" s="12"/>
      <c r="D18" s="12"/>
    </row>
    <row r="19" spans="1:4">
      <c r="A19" s="306" t="s">
        <v>589</v>
      </c>
    </row>
    <row r="20" spans="1:4" ht="34.5" customHeight="1">
      <c r="A20" s="315" t="s">
        <v>602</v>
      </c>
    </row>
    <row r="21" spans="1:4" s="16" customFormat="1">
      <c r="A21" s="317"/>
    </row>
    <row r="22" spans="1:4" s="224" customFormat="1">
      <c r="A22" s="306" t="s">
        <v>599</v>
      </c>
    </row>
    <row r="23" spans="1:4" s="224" customFormat="1" ht="45">
      <c r="A23" s="315" t="s">
        <v>616</v>
      </c>
    </row>
    <row r="24" spans="1:4" s="224" customFormat="1">
      <c r="A24" s="314"/>
    </row>
    <row r="25" spans="1:4">
      <c r="A25" s="306" t="s">
        <v>590</v>
      </c>
    </row>
    <row r="26" spans="1:4" ht="60">
      <c r="A26" s="317" t="s">
        <v>617</v>
      </c>
    </row>
    <row r="27" spans="1:4">
      <c r="A27" s="317"/>
    </row>
    <row r="28" spans="1:4">
      <c r="A28" s="306" t="s">
        <v>591</v>
      </c>
    </row>
    <row r="29" spans="1:4" ht="30">
      <c r="A29" s="317" t="s">
        <v>603</v>
      </c>
    </row>
    <row r="30" spans="1:4">
      <c r="A30" s="317"/>
    </row>
    <row r="31" spans="1:4">
      <c r="A31" s="306" t="s">
        <v>592</v>
      </c>
    </row>
    <row r="32" spans="1:4" ht="30">
      <c r="A32" s="317" t="s">
        <v>604</v>
      </c>
    </row>
    <row r="33" spans="1:1">
      <c r="A33" s="317"/>
    </row>
    <row r="34" spans="1:1">
      <c r="A34" s="306" t="s">
        <v>593</v>
      </c>
    </row>
    <row r="35" spans="1:1" ht="30">
      <c r="A35" s="317" t="s">
        <v>605</v>
      </c>
    </row>
    <row r="36" spans="1:1">
      <c r="A36" s="317"/>
    </row>
    <row r="37" spans="1:1">
      <c r="A37" s="306" t="s">
        <v>594</v>
      </c>
    </row>
    <row r="38" spans="1:1" ht="30">
      <c r="A38" s="317" t="s">
        <v>606</v>
      </c>
    </row>
    <row r="39" spans="1:1">
      <c r="A39" s="317"/>
    </row>
    <row r="40" spans="1:1">
      <c r="A40" s="306" t="s">
        <v>595</v>
      </c>
    </row>
    <row r="41" spans="1:1" ht="30">
      <c r="A41" s="317" t="s">
        <v>607</v>
      </c>
    </row>
    <row r="42" spans="1:1">
      <c r="A42" s="317"/>
    </row>
    <row r="43" spans="1:1">
      <c r="A43" s="306" t="s">
        <v>596</v>
      </c>
    </row>
    <row r="44" spans="1:1" ht="30">
      <c r="A44" s="317" t="s">
        <v>608</v>
      </c>
    </row>
    <row r="45" spans="1:1">
      <c r="A45" s="307"/>
    </row>
    <row r="46" spans="1:1" s="224" customFormat="1">
      <c r="A46" s="306" t="s">
        <v>618</v>
      </c>
    </row>
    <row r="47" spans="1:1" s="224" customFormat="1">
      <c r="A47" s="307" t="s">
        <v>619</v>
      </c>
    </row>
    <row r="48" spans="1:1" s="224" customFormat="1">
      <c r="A48" s="307"/>
    </row>
    <row r="49" spans="1:1" s="224" customFormat="1">
      <c r="A49" s="306" t="s">
        <v>609</v>
      </c>
    </row>
    <row r="50" spans="1:1" s="224" customFormat="1" ht="28.5" customHeight="1">
      <c r="A50" s="307" t="s">
        <v>610</v>
      </c>
    </row>
    <row r="51" spans="1:1" s="224" customFormat="1">
      <c r="A51" s="307"/>
    </row>
    <row r="52" spans="1:1" s="224" customFormat="1">
      <c r="A52" s="306" t="s">
        <v>637</v>
      </c>
    </row>
    <row r="53" spans="1:1" s="224" customFormat="1" ht="30">
      <c r="A53" s="307" t="s">
        <v>640</v>
      </c>
    </row>
    <row r="54" spans="1:1" s="224" customFormat="1">
      <c r="A54" s="307"/>
    </row>
    <row r="55" spans="1:1" s="224" customFormat="1">
      <c r="A55" s="306" t="s">
        <v>621</v>
      </c>
    </row>
    <row r="56" spans="1:1" s="224" customFormat="1" ht="45">
      <c r="A56" s="307" t="s">
        <v>641</v>
      </c>
    </row>
    <row r="57" spans="1:1" s="224" customFormat="1">
      <c r="A57" s="307"/>
    </row>
    <row r="58" spans="1:1" s="224" customFormat="1">
      <c r="A58" s="306" t="s">
        <v>622</v>
      </c>
    </row>
    <row r="59" spans="1:1" s="224" customFormat="1" ht="45">
      <c r="A59" s="307" t="s">
        <v>642</v>
      </c>
    </row>
    <row r="60" spans="1:1" s="224" customFormat="1">
      <c r="A60" s="307"/>
    </row>
    <row r="61" spans="1:1" s="224" customFormat="1">
      <c r="A61" s="306" t="s">
        <v>623</v>
      </c>
    </row>
    <row r="62" spans="1:1" s="224" customFormat="1" ht="45">
      <c r="A62" s="307" t="s">
        <v>643</v>
      </c>
    </row>
    <row r="63" spans="1:1" s="224" customFormat="1">
      <c r="A63" s="307"/>
    </row>
    <row r="64" spans="1:1" s="224" customFormat="1">
      <c r="A64" s="306" t="s">
        <v>624</v>
      </c>
    </row>
    <row r="65" spans="1:1" s="224" customFormat="1" ht="45">
      <c r="A65" s="307" t="s">
        <v>644</v>
      </c>
    </row>
    <row r="66" spans="1:1" s="224" customFormat="1">
      <c r="A66" s="307"/>
    </row>
    <row r="67" spans="1:1" s="224" customFormat="1">
      <c r="A67" s="306" t="s">
        <v>625</v>
      </c>
    </row>
    <row r="68" spans="1:1" s="224" customFormat="1" ht="45">
      <c r="A68" s="307" t="s">
        <v>645</v>
      </c>
    </row>
    <row r="69" spans="1:1" s="224" customFormat="1">
      <c r="A69" s="307"/>
    </row>
    <row r="70" spans="1:1" s="224" customFormat="1">
      <c r="A70" s="306" t="s">
        <v>626</v>
      </c>
    </row>
    <row r="71" spans="1:1" s="224" customFormat="1" ht="45">
      <c r="A71" s="307" t="s">
        <v>646</v>
      </c>
    </row>
    <row r="72" spans="1:1" s="224" customFormat="1">
      <c r="A72" s="307"/>
    </row>
    <row r="73" spans="1:1" s="224" customFormat="1">
      <c r="A73" s="306" t="s">
        <v>627</v>
      </c>
    </row>
    <row r="74" spans="1:1" s="224" customFormat="1" ht="45">
      <c r="A74" s="307" t="s">
        <v>647</v>
      </c>
    </row>
    <row r="75" spans="1:1" s="224" customFormat="1">
      <c r="A75" s="307"/>
    </row>
    <row r="76" spans="1:1" s="224" customFormat="1">
      <c r="A76" s="306" t="s">
        <v>628</v>
      </c>
    </row>
    <row r="77" spans="1:1" s="224" customFormat="1" ht="45">
      <c r="A77" s="307" t="s">
        <v>648</v>
      </c>
    </row>
    <row r="78" spans="1:1" s="224" customFormat="1">
      <c r="A78" s="307"/>
    </row>
    <row r="79" spans="1:1" s="224" customFormat="1">
      <c r="A79" s="306" t="s">
        <v>629</v>
      </c>
    </row>
    <row r="80" spans="1:1" s="224" customFormat="1" ht="45">
      <c r="A80" s="307" t="s">
        <v>638</v>
      </c>
    </row>
    <row r="81" spans="1:1" s="224" customFormat="1">
      <c r="A81" s="307"/>
    </row>
    <row r="82" spans="1:1" s="224" customFormat="1">
      <c r="A82" s="306" t="s">
        <v>630</v>
      </c>
    </row>
    <row r="83" spans="1:1" s="224" customFormat="1" ht="45">
      <c r="A83" s="307" t="s">
        <v>649</v>
      </c>
    </row>
    <row r="84" spans="1:1" s="224" customFormat="1">
      <c r="A84" s="307"/>
    </row>
    <row r="85" spans="1:1" s="224" customFormat="1">
      <c r="A85" s="306" t="s">
        <v>631</v>
      </c>
    </row>
    <row r="86" spans="1:1" s="224" customFormat="1" ht="60">
      <c r="A86" s="307" t="s">
        <v>650</v>
      </c>
    </row>
    <row r="87" spans="1:1" s="224" customFormat="1">
      <c r="A87" s="307"/>
    </row>
    <row r="88" spans="1:1" s="224" customFormat="1">
      <c r="A88" s="306" t="s">
        <v>632</v>
      </c>
    </row>
    <row r="89" spans="1:1" s="224" customFormat="1" ht="60">
      <c r="A89" s="307" t="s">
        <v>651</v>
      </c>
    </row>
    <row r="90" spans="1:1" s="224" customFormat="1">
      <c r="A90" s="307"/>
    </row>
    <row r="91" spans="1:1" s="224" customFormat="1">
      <c r="A91" s="306" t="s">
        <v>633</v>
      </c>
    </row>
    <row r="92" spans="1:1" s="224" customFormat="1" ht="45">
      <c r="A92" s="315" t="s">
        <v>639</v>
      </c>
    </row>
    <row r="93" spans="1:1" s="224" customFormat="1">
      <c r="A93" s="307"/>
    </row>
    <row r="94" spans="1:1" s="224" customFormat="1">
      <c r="A94" s="306" t="s">
        <v>634</v>
      </c>
    </row>
    <row r="95" spans="1:1" s="224" customFormat="1" ht="45">
      <c r="A95" s="315" t="s">
        <v>652</v>
      </c>
    </row>
    <row r="96" spans="1:1" s="224" customFormat="1">
      <c r="A96" s="307"/>
    </row>
    <row r="97" spans="1:1" s="224" customFormat="1">
      <c r="A97" s="306" t="s">
        <v>635</v>
      </c>
    </row>
    <row r="98" spans="1:1" s="224" customFormat="1" ht="45">
      <c r="A98" s="315" t="s">
        <v>653</v>
      </c>
    </row>
    <row r="99" spans="1:1" s="224" customFormat="1">
      <c r="A99" s="307"/>
    </row>
    <row r="100" spans="1:1" s="224" customFormat="1">
      <c r="A100" s="306" t="s">
        <v>636</v>
      </c>
    </row>
    <row r="101" spans="1:1" s="224" customFormat="1" ht="45">
      <c r="A101" s="315" t="s">
        <v>654</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4" customWidth="1"/>
    <col min="3" max="3" width="36.140625" style="224" customWidth="1"/>
    <col min="4" max="4" width="26.85546875" style="224" customWidth="1"/>
    <col min="5" max="5" width="8.85546875" style="224"/>
    <col min="6" max="6" width="23.42578125" style="224" customWidth="1"/>
    <col min="7" max="16384" width="8.85546875" style="224"/>
  </cols>
  <sheetData>
    <row r="1" spans="1:9" ht="21">
      <c r="A1" s="324" t="s">
        <v>0</v>
      </c>
      <c r="B1" s="324"/>
      <c r="C1" s="324"/>
      <c r="D1" s="324"/>
      <c r="E1" s="226"/>
      <c r="F1" s="226"/>
      <c r="G1" s="226"/>
      <c r="H1" s="226"/>
      <c r="I1" s="226"/>
    </row>
    <row r="2" spans="1:9" ht="21">
      <c r="A2" s="227"/>
      <c r="B2" s="227"/>
      <c r="C2" s="227"/>
      <c r="D2" s="227"/>
      <c r="E2" s="226"/>
      <c r="F2" s="226"/>
      <c r="G2" s="226"/>
      <c r="H2" s="226"/>
      <c r="I2" s="226"/>
    </row>
    <row r="3" spans="1:9" ht="21">
      <c r="A3" s="227" t="s">
        <v>5</v>
      </c>
      <c r="B3" s="227"/>
      <c r="C3" s="227"/>
      <c r="D3" s="227"/>
      <c r="E3" s="226"/>
      <c r="F3" s="226"/>
      <c r="G3" s="226"/>
      <c r="H3" s="226"/>
      <c r="I3" s="226"/>
    </row>
    <row r="4" spans="1:9" ht="21">
      <c r="A4" s="20"/>
      <c r="B4" s="226"/>
      <c r="C4" s="226"/>
      <c r="D4" s="226"/>
      <c r="E4" s="21"/>
      <c r="F4" s="226"/>
      <c r="G4" s="226"/>
      <c r="H4" s="226"/>
      <c r="I4" s="226"/>
    </row>
    <row r="5" spans="1:9" ht="18.75">
      <c r="A5" s="326" t="s">
        <v>59</v>
      </c>
      <c r="B5" s="326"/>
      <c r="C5" s="22"/>
      <c r="D5" s="226"/>
      <c r="E5" s="226"/>
      <c r="F5" s="226"/>
      <c r="G5" s="226"/>
      <c r="H5" s="226"/>
      <c r="I5" s="226"/>
    </row>
    <row r="6" spans="1:9" ht="18.75">
      <c r="A6" s="30"/>
      <c r="B6" s="22"/>
      <c r="C6" s="22"/>
      <c r="D6" s="226"/>
      <c r="E6" s="226"/>
      <c r="F6" s="226"/>
      <c r="G6" s="226"/>
      <c r="H6" s="226"/>
      <c r="I6" s="226"/>
    </row>
    <row r="7" spans="1:9" ht="18.75">
      <c r="A7" s="23">
        <v>1</v>
      </c>
      <c r="B7" s="234" t="s">
        <v>6</v>
      </c>
      <c r="C7" s="226"/>
      <c r="D7" s="226"/>
      <c r="E7" s="25"/>
      <c r="F7" s="25"/>
      <c r="G7" s="226"/>
      <c r="H7" s="226"/>
      <c r="I7" s="226"/>
    </row>
    <row r="8" spans="1:9">
      <c r="A8" s="23"/>
      <c r="B8" s="322" t="s">
        <v>8</v>
      </c>
      <c r="C8" s="322"/>
      <c r="D8" s="322"/>
      <c r="E8" s="322"/>
      <c r="F8" s="322"/>
      <c r="G8" s="226"/>
      <c r="H8" s="226"/>
      <c r="I8" s="226"/>
    </row>
    <row r="9" spans="1:9" ht="18.75">
      <c r="A9" s="30"/>
      <c r="B9" s="22"/>
      <c r="C9" s="22"/>
      <c r="D9" s="226"/>
      <c r="E9" s="226"/>
      <c r="F9" s="226"/>
      <c r="G9" s="226"/>
      <c r="H9" s="226"/>
      <c r="I9" s="226"/>
    </row>
    <row r="10" spans="1:9" ht="18.75">
      <c r="A10" s="23">
        <v>1</v>
      </c>
      <c r="B10" s="24" t="s">
        <v>7</v>
      </c>
      <c r="C10" s="226"/>
      <c r="D10" s="226"/>
      <c r="E10" s="25"/>
      <c r="F10" s="25"/>
      <c r="G10" s="226"/>
      <c r="H10" s="226"/>
      <c r="I10" s="226"/>
    </row>
    <row r="11" spans="1:9">
      <c r="A11" s="23"/>
      <c r="B11" s="322" t="s">
        <v>9</v>
      </c>
      <c r="C11" s="322"/>
      <c r="D11" s="322"/>
      <c r="E11" s="26"/>
      <c r="F11" s="26"/>
      <c r="G11" s="226"/>
      <c r="H11" s="226"/>
      <c r="I11" s="226"/>
    </row>
    <row r="12" spans="1:9" ht="18.75">
      <c r="A12" s="30"/>
      <c r="B12" s="22"/>
      <c r="C12" s="22"/>
      <c r="D12" s="226"/>
      <c r="E12" s="226"/>
      <c r="F12" s="226"/>
      <c r="G12" s="226"/>
      <c r="H12" s="226"/>
      <c r="I12" s="226"/>
    </row>
    <row r="13" spans="1:9" ht="18.75">
      <c r="A13" s="23">
        <v>1</v>
      </c>
      <c r="B13" s="24" t="s">
        <v>54</v>
      </c>
      <c r="C13" s="22"/>
      <c r="D13" s="226"/>
      <c r="E13" s="226"/>
      <c r="F13" s="226"/>
      <c r="G13" s="226"/>
      <c r="H13" s="226"/>
      <c r="I13" s="226"/>
    </row>
    <row r="14" spans="1:9" ht="18.75">
      <c r="A14" s="30"/>
      <c r="B14" s="226" t="s">
        <v>55</v>
      </c>
      <c r="C14" s="22"/>
      <c r="D14" s="226"/>
      <c r="E14" s="226"/>
      <c r="F14" s="226"/>
      <c r="G14" s="226"/>
      <c r="H14" s="226"/>
      <c r="I14" s="226"/>
    </row>
    <row r="15" spans="1:9" ht="18.75">
      <c r="A15" s="30"/>
      <c r="B15" s="226"/>
      <c r="C15" s="22"/>
      <c r="D15" s="226"/>
      <c r="E15" s="226"/>
      <c r="F15" s="226"/>
      <c r="G15" s="226"/>
      <c r="H15" s="226"/>
      <c r="I15" s="226"/>
    </row>
    <row r="16" spans="1:9" ht="18.75">
      <c r="A16" s="23">
        <v>1</v>
      </c>
      <c r="B16" s="24" t="s">
        <v>513</v>
      </c>
      <c r="C16" s="22"/>
      <c r="D16" s="226"/>
      <c r="E16" s="226"/>
      <c r="F16" s="226"/>
      <c r="G16" s="226"/>
      <c r="H16" s="226"/>
      <c r="I16" s="226"/>
    </row>
    <row r="17" spans="1:9" ht="18.75">
      <c r="A17" s="30"/>
      <c r="B17" s="226" t="s">
        <v>56</v>
      </c>
      <c r="C17" s="22"/>
      <c r="D17" s="226"/>
      <c r="E17" s="226"/>
      <c r="F17" s="226"/>
      <c r="G17" s="226"/>
      <c r="H17" s="226"/>
      <c r="I17" s="226"/>
    </row>
    <row r="18" spans="1:9" ht="18.75">
      <c r="A18" s="30"/>
      <c r="B18" s="309"/>
      <c r="C18" s="22"/>
      <c r="D18" s="309"/>
      <c r="E18" s="309"/>
      <c r="F18" s="309"/>
      <c r="G18" s="309"/>
      <c r="H18" s="309"/>
      <c r="I18" s="309"/>
    </row>
    <row r="19" spans="1:9" ht="18.75">
      <c r="A19" s="23">
        <v>1</v>
      </c>
      <c r="B19" s="24" t="s">
        <v>491</v>
      </c>
      <c r="C19" s="22"/>
      <c r="D19" s="309"/>
      <c r="E19" s="309"/>
      <c r="F19" s="309"/>
      <c r="G19" s="309"/>
      <c r="H19" s="309"/>
      <c r="I19" s="309"/>
    </row>
    <row r="20" spans="1:9" ht="18.75">
      <c r="A20" s="30"/>
      <c r="B20" s="309" t="s">
        <v>492</v>
      </c>
      <c r="C20" s="22"/>
      <c r="D20" s="309"/>
      <c r="E20" s="309"/>
      <c r="F20" s="309"/>
      <c r="G20" s="309"/>
      <c r="H20" s="309"/>
      <c r="I20" s="309"/>
    </row>
    <row r="21" spans="1:9" ht="18.75">
      <c r="A21" s="30"/>
      <c r="B21" s="309"/>
      <c r="C21" s="22"/>
      <c r="D21" s="309"/>
      <c r="E21" s="309"/>
      <c r="F21" s="309"/>
      <c r="G21" s="309"/>
      <c r="H21" s="309"/>
      <c r="I21" s="309"/>
    </row>
    <row r="22" spans="1:9" ht="18.75">
      <c r="A22" s="23">
        <v>1</v>
      </c>
      <c r="B22" s="24" t="s">
        <v>493</v>
      </c>
      <c r="C22" s="22"/>
      <c r="D22" s="309"/>
      <c r="E22" s="309"/>
      <c r="F22" s="309"/>
      <c r="G22" s="309"/>
      <c r="H22" s="309"/>
      <c r="I22" s="309"/>
    </row>
    <row r="23" spans="1:9" ht="18.75">
      <c r="A23" s="30"/>
      <c r="B23" s="309" t="s">
        <v>494</v>
      </c>
      <c r="C23" s="22"/>
      <c r="D23" s="309"/>
      <c r="E23" s="309"/>
      <c r="F23" s="309"/>
      <c r="G23" s="309"/>
      <c r="H23" s="309"/>
      <c r="I23" s="309"/>
    </row>
    <row r="24" spans="1:9" ht="18.75">
      <c r="A24" s="30"/>
      <c r="B24" s="309"/>
      <c r="C24" s="22"/>
      <c r="D24" s="309"/>
      <c r="E24" s="309"/>
      <c r="F24" s="309"/>
      <c r="G24" s="309"/>
      <c r="H24" s="309"/>
      <c r="I24" s="309"/>
    </row>
    <row r="25" spans="1:9" ht="18.75">
      <c r="A25" s="327" t="s">
        <v>60</v>
      </c>
      <c r="B25" s="327"/>
      <c r="C25" s="22"/>
      <c r="D25" s="226"/>
      <c r="E25" s="226"/>
      <c r="F25" s="226"/>
      <c r="G25" s="226"/>
      <c r="H25" s="226"/>
      <c r="I25" s="226"/>
    </row>
    <row r="26" spans="1:9" ht="18.75">
      <c r="A26" s="30"/>
      <c r="B26" s="226"/>
      <c r="C26" s="22"/>
      <c r="D26" s="226"/>
      <c r="E26" s="226"/>
      <c r="F26" s="226"/>
      <c r="G26" s="226"/>
      <c r="H26" s="226"/>
      <c r="I26" s="226"/>
    </row>
    <row r="27" spans="1:9" s="15" customFormat="1" ht="18.75">
      <c r="A27" s="23">
        <v>2</v>
      </c>
      <c r="B27" s="24" t="s">
        <v>495</v>
      </c>
      <c r="C27" s="226"/>
      <c r="D27" s="226"/>
      <c r="E27" s="25"/>
      <c r="F27" s="25"/>
      <c r="G27" s="25"/>
      <c r="H27" s="25"/>
      <c r="I27" s="25"/>
    </row>
    <row r="28" spans="1:9">
      <c r="A28" s="23"/>
      <c r="B28" s="321" t="s">
        <v>497</v>
      </c>
      <c r="C28" s="322"/>
      <c r="D28" s="322"/>
      <c r="E28" s="322"/>
      <c r="F28" s="322"/>
      <c r="G28" s="322"/>
      <c r="H28" s="226"/>
      <c r="I28" s="226"/>
    </row>
    <row r="29" spans="1:9">
      <c r="A29" s="23"/>
      <c r="B29" s="226"/>
      <c r="C29" s="226"/>
      <c r="D29" s="226"/>
      <c r="E29" s="226"/>
      <c r="F29" s="226"/>
      <c r="G29" s="226"/>
      <c r="H29" s="226"/>
      <c r="I29" s="226"/>
    </row>
    <row r="30" spans="1:9" s="15" customFormat="1" ht="18.75">
      <c r="A30" s="23">
        <v>2</v>
      </c>
      <c r="B30" s="24" t="s">
        <v>496</v>
      </c>
      <c r="C30" s="309"/>
      <c r="D30" s="309"/>
      <c r="E30" s="25"/>
      <c r="F30" s="25"/>
      <c r="G30" s="25"/>
      <c r="H30" s="25"/>
      <c r="I30" s="25"/>
    </row>
    <row r="31" spans="1:9">
      <c r="A31" s="23"/>
      <c r="B31" s="321" t="s">
        <v>57</v>
      </c>
      <c r="C31" s="322"/>
      <c r="D31" s="322"/>
      <c r="E31" s="322"/>
      <c r="F31" s="322"/>
      <c r="G31" s="322"/>
      <c r="H31" s="309"/>
      <c r="I31" s="309"/>
    </row>
    <row r="32" spans="1:9">
      <c r="A32" s="23"/>
      <c r="B32" s="309"/>
      <c r="C32" s="309"/>
      <c r="D32" s="309"/>
      <c r="E32" s="309"/>
      <c r="F32" s="309"/>
      <c r="G32" s="309"/>
      <c r="H32" s="309"/>
      <c r="I32" s="309"/>
    </row>
    <row r="33" spans="1:9">
      <c r="A33" s="23">
        <v>2</v>
      </c>
      <c r="B33" s="24" t="s">
        <v>337</v>
      </c>
      <c r="C33" s="226"/>
      <c r="D33" s="226"/>
      <c r="E33" s="226"/>
      <c r="F33" s="226"/>
      <c r="G33" s="226"/>
      <c r="H33" s="226"/>
      <c r="I33" s="226"/>
    </row>
    <row r="34" spans="1:9">
      <c r="A34" s="23"/>
      <c r="B34" s="226" t="s">
        <v>58</v>
      </c>
      <c r="C34" s="226"/>
      <c r="D34" s="226"/>
      <c r="E34" s="226"/>
      <c r="F34" s="226"/>
      <c r="G34" s="226"/>
      <c r="H34" s="226"/>
      <c r="I34" s="226"/>
    </row>
    <row r="35" spans="1:9">
      <c r="A35" s="23"/>
      <c r="B35" s="226"/>
      <c r="C35" s="226"/>
      <c r="D35" s="226"/>
      <c r="E35" s="226"/>
      <c r="F35" s="226"/>
      <c r="G35" s="226"/>
      <c r="H35" s="226"/>
      <c r="I35" s="226"/>
    </row>
    <row r="36" spans="1:9">
      <c r="A36" s="23">
        <v>2</v>
      </c>
      <c r="B36" s="24" t="s">
        <v>226</v>
      </c>
      <c r="C36" s="226"/>
      <c r="D36" s="226"/>
      <c r="E36" s="226"/>
      <c r="F36" s="226"/>
      <c r="G36" s="226"/>
      <c r="H36" s="226"/>
      <c r="I36" s="226"/>
    </row>
    <row r="37" spans="1:9">
      <c r="A37" s="23"/>
      <c r="B37" s="226" t="s">
        <v>460</v>
      </c>
      <c r="C37" s="226"/>
      <c r="D37" s="226"/>
      <c r="E37" s="226"/>
      <c r="F37" s="226"/>
      <c r="G37" s="226"/>
      <c r="H37" s="226"/>
      <c r="I37" s="226"/>
    </row>
    <row r="38" spans="1:9">
      <c r="A38" s="23"/>
      <c r="B38" s="309"/>
      <c r="C38" s="309"/>
      <c r="D38" s="309"/>
      <c r="E38" s="309"/>
      <c r="F38" s="309"/>
      <c r="G38" s="309"/>
      <c r="H38" s="309"/>
      <c r="I38" s="309"/>
    </row>
    <row r="39" spans="1:9">
      <c r="A39" s="23">
        <v>2</v>
      </c>
      <c r="B39" s="24" t="s">
        <v>498</v>
      </c>
      <c r="C39" s="309"/>
      <c r="D39" s="309"/>
      <c r="E39" s="309"/>
      <c r="F39" s="309"/>
      <c r="G39" s="309"/>
      <c r="H39" s="309"/>
      <c r="I39" s="309"/>
    </row>
    <row r="40" spans="1:9">
      <c r="A40" s="23"/>
      <c r="B40" s="309" t="s">
        <v>499</v>
      </c>
      <c r="C40" s="309"/>
      <c r="D40" s="309"/>
      <c r="E40" s="309"/>
      <c r="F40" s="309"/>
      <c r="G40" s="309"/>
      <c r="H40" s="309"/>
      <c r="I40" s="309"/>
    </row>
    <row r="41" spans="1:9">
      <c r="A41" s="23"/>
      <c r="B41" s="226"/>
      <c r="C41" s="226"/>
      <c r="D41" s="226"/>
      <c r="E41" s="226"/>
      <c r="F41" s="226"/>
      <c r="G41" s="226"/>
      <c r="H41" s="226"/>
      <c r="I41" s="226"/>
    </row>
    <row r="42" spans="1:9" s="15" customFormat="1" ht="18.75">
      <c r="A42" s="325" t="s">
        <v>18</v>
      </c>
      <c r="B42" s="325"/>
      <c r="C42" s="325"/>
      <c r="D42" s="25"/>
      <c r="E42" s="25"/>
      <c r="F42" s="25"/>
      <c r="G42" s="25"/>
      <c r="H42" s="25"/>
      <c r="I42" s="25"/>
    </row>
    <row r="43" spans="1:9" s="15" customFormat="1" ht="18.75">
      <c r="A43" s="30"/>
      <c r="B43" s="30"/>
      <c r="C43" s="30"/>
      <c r="D43" s="25"/>
      <c r="E43" s="25"/>
      <c r="F43" s="25"/>
      <c r="G43" s="25"/>
      <c r="H43" s="25"/>
      <c r="I43" s="25"/>
    </row>
    <row r="44" spans="1:9" s="15" customFormat="1" ht="18.75">
      <c r="A44" s="327" t="s">
        <v>41</v>
      </c>
      <c r="B44" s="327"/>
      <c r="C44" s="30"/>
      <c r="D44" s="25"/>
      <c r="E44" s="25"/>
      <c r="F44" s="25"/>
      <c r="G44" s="25"/>
      <c r="H44" s="25"/>
      <c r="I44" s="25"/>
    </row>
    <row r="45" spans="1:9" s="15" customFormat="1" ht="18.75">
      <c r="A45" s="30"/>
      <c r="B45" s="30"/>
      <c r="C45" s="30"/>
      <c r="D45" s="25"/>
      <c r="E45" s="25"/>
      <c r="F45" s="25"/>
      <c r="G45" s="25"/>
      <c r="H45" s="25"/>
      <c r="I45" s="25"/>
    </row>
    <row r="46" spans="1:9">
      <c r="A46" s="23">
        <v>3</v>
      </c>
      <c r="B46" s="235" t="s">
        <v>1</v>
      </c>
      <c r="C46" s="226"/>
      <c r="D46" s="226"/>
      <c r="E46" s="226"/>
      <c r="F46" s="226"/>
      <c r="G46" s="226"/>
      <c r="H46" s="226"/>
      <c r="I46" s="226"/>
    </row>
    <row r="47" spans="1:9">
      <c r="A47" s="20"/>
      <c r="B47" s="321" t="s">
        <v>20</v>
      </c>
      <c r="C47" s="322"/>
      <c r="D47" s="322"/>
      <c r="E47" s="322"/>
      <c r="F47" s="24"/>
      <c r="G47" s="226"/>
      <c r="H47" s="226"/>
      <c r="I47" s="226"/>
    </row>
    <row r="48" spans="1:9">
      <c r="A48" s="20"/>
      <c r="B48" s="225"/>
      <c r="C48" s="226"/>
      <c r="D48" s="226"/>
      <c r="E48" s="226"/>
      <c r="F48" s="24"/>
      <c r="G48" s="226"/>
      <c r="H48" s="226"/>
      <c r="I48" s="226"/>
    </row>
    <row r="49" spans="1:9">
      <c r="A49" s="20">
        <v>3</v>
      </c>
      <c r="B49" s="28" t="s">
        <v>34</v>
      </c>
      <c r="C49" s="226"/>
      <c r="D49" s="226"/>
      <c r="E49" s="226"/>
      <c r="F49" s="24"/>
      <c r="G49" s="226"/>
      <c r="H49" s="226"/>
      <c r="I49" s="226"/>
    </row>
    <row r="50" spans="1:9">
      <c r="A50" s="20"/>
      <c r="B50" s="310" t="s">
        <v>514</v>
      </c>
      <c r="C50" s="226"/>
      <c r="D50" s="226"/>
      <c r="E50" s="226"/>
      <c r="F50" s="24"/>
      <c r="G50" s="226"/>
      <c r="H50" s="226"/>
      <c r="I50" s="226"/>
    </row>
    <row r="51" spans="1:9">
      <c r="A51" s="20"/>
      <c r="B51" s="225"/>
      <c r="C51" s="226"/>
      <c r="D51" s="226"/>
      <c r="E51" s="226"/>
      <c r="F51" s="24"/>
      <c r="G51" s="226"/>
      <c r="H51" s="226"/>
      <c r="I51" s="226"/>
    </row>
    <row r="52" spans="1:9">
      <c r="A52" s="20">
        <v>3</v>
      </c>
      <c r="B52" s="28" t="s">
        <v>35</v>
      </c>
      <c r="C52" s="226"/>
      <c r="D52" s="226"/>
      <c r="E52" s="226"/>
      <c r="F52" s="24"/>
      <c r="G52" s="226"/>
      <c r="H52" s="226"/>
      <c r="I52" s="226"/>
    </row>
    <row r="53" spans="1:9">
      <c r="A53" s="20"/>
      <c r="B53" s="310" t="s">
        <v>515</v>
      </c>
      <c r="C53" s="226"/>
      <c r="D53" s="226"/>
      <c r="E53" s="226"/>
      <c r="F53" s="24"/>
      <c r="G53" s="226"/>
      <c r="H53" s="226"/>
      <c r="I53" s="226"/>
    </row>
    <row r="54" spans="1:9">
      <c r="A54" s="20"/>
      <c r="B54" s="225"/>
      <c r="C54" s="226"/>
      <c r="D54" s="226"/>
      <c r="E54" s="226"/>
      <c r="F54" s="24"/>
      <c r="G54" s="226"/>
      <c r="H54" s="226"/>
      <c r="I54" s="226"/>
    </row>
    <row r="55" spans="1:9">
      <c r="A55" s="23">
        <v>3</v>
      </c>
      <c r="B55" s="28" t="s">
        <v>10</v>
      </c>
      <c r="C55" s="226"/>
      <c r="D55" s="226"/>
      <c r="E55" s="226"/>
      <c r="F55" s="226"/>
      <c r="G55" s="226"/>
      <c r="H55" s="226"/>
      <c r="I55" s="226"/>
    </row>
    <row r="56" spans="1:9">
      <c r="A56" s="20"/>
      <c r="B56" s="321" t="s">
        <v>21</v>
      </c>
      <c r="C56" s="322"/>
      <c r="D56" s="226"/>
      <c r="E56" s="226"/>
      <c r="F56" s="226"/>
      <c r="G56" s="226"/>
      <c r="H56" s="226"/>
      <c r="I56" s="226"/>
    </row>
    <row r="57" spans="1:9">
      <c r="A57" s="20"/>
      <c r="B57" s="225"/>
      <c r="C57" s="226"/>
      <c r="D57" s="226"/>
      <c r="E57" s="226"/>
      <c r="F57" s="226"/>
      <c r="G57" s="226"/>
      <c r="H57" s="226"/>
      <c r="I57" s="226"/>
    </row>
    <row r="58" spans="1:9">
      <c r="A58" s="20">
        <v>3</v>
      </c>
      <c r="B58" s="28" t="s">
        <v>36</v>
      </c>
      <c r="C58" s="226"/>
      <c r="D58" s="226"/>
      <c r="E58" s="226"/>
      <c r="F58" s="226"/>
      <c r="G58" s="226"/>
      <c r="H58" s="226"/>
      <c r="I58" s="226"/>
    </row>
    <row r="59" spans="1:9">
      <c r="A59" s="20"/>
      <c r="B59" s="310" t="s">
        <v>516</v>
      </c>
      <c r="C59" s="226"/>
      <c r="D59" s="226"/>
      <c r="E59" s="226"/>
      <c r="F59" s="226"/>
      <c r="G59" s="226"/>
      <c r="H59" s="226"/>
      <c r="I59" s="226"/>
    </row>
    <row r="60" spans="1:9" ht="21">
      <c r="A60" s="27"/>
      <c r="B60" s="226"/>
      <c r="C60" s="226"/>
      <c r="D60" s="226"/>
      <c r="E60" s="226"/>
      <c r="F60" s="226"/>
      <c r="G60" s="226"/>
      <c r="H60" s="226"/>
      <c r="I60" s="226"/>
    </row>
    <row r="61" spans="1:9" s="15" customFormat="1" ht="18.75">
      <c r="A61" s="327" t="s">
        <v>40</v>
      </c>
      <c r="B61" s="327"/>
      <c r="C61" s="30"/>
      <c r="D61" s="25"/>
      <c r="E61" s="25"/>
      <c r="F61" s="25"/>
      <c r="G61" s="25"/>
      <c r="H61" s="25"/>
      <c r="I61" s="25"/>
    </row>
    <row r="62" spans="1:9" s="15" customFormat="1" ht="18.75">
      <c r="A62" s="30"/>
      <c r="B62" s="30"/>
      <c r="C62" s="30"/>
      <c r="D62" s="25"/>
      <c r="E62" s="25"/>
      <c r="F62" s="25"/>
      <c r="G62" s="25"/>
      <c r="H62" s="25"/>
      <c r="I62" s="25"/>
    </row>
    <row r="63" spans="1:9">
      <c r="A63" s="23">
        <v>4</v>
      </c>
      <c r="B63" s="234" t="s">
        <v>3</v>
      </c>
      <c r="C63" s="226"/>
      <c r="D63" s="226"/>
      <c r="E63" s="226"/>
      <c r="F63" s="226"/>
      <c r="G63" s="226"/>
      <c r="H63" s="226"/>
      <c r="I63" s="226"/>
    </row>
    <row r="64" spans="1:9">
      <c r="A64" s="20"/>
      <c r="B64" s="321" t="s">
        <v>19</v>
      </c>
      <c r="C64" s="322"/>
      <c r="D64" s="322"/>
      <c r="E64" s="226"/>
      <c r="F64" s="226"/>
      <c r="G64" s="226"/>
      <c r="H64" s="226"/>
      <c r="I64" s="226"/>
    </row>
    <row r="65" spans="1:9">
      <c r="A65" s="20"/>
      <c r="B65" s="321" t="s">
        <v>31</v>
      </c>
      <c r="C65" s="322"/>
      <c r="D65" s="322"/>
      <c r="E65" s="226"/>
      <c r="F65" s="226"/>
      <c r="G65" s="226"/>
      <c r="H65" s="226"/>
      <c r="I65" s="226"/>
    </row>
    <row r="66" spans="1:9" ht="21">
      <c r="A66" s="27"/>
      <c r="B66" s="226"/>
      <c r="C66" s="226"/>
      <c r="D66" s="226"/>
      <c r="E66" s="226"/>
      <c r="F66" s="226"/>
      <c r="G66" s="226"/>
      <c r="H66" s="226"/>
      <c r="I66" s="226"/>
    </row>
    <row r="67" spans="1:9">
      <c r="A67" s="23">
        <v>4</v>
      </c>
      <c r="B67" s="28" t="s">
        <v>204</v>
      </c>
      <c r="C67" s="226"/>
      <c r="D67" s="226"/>
      <c r="E67" s="226"/>
      <c r="F67" s="226"/>
      <c r="G67" s="226"/>
      <c r="H67" s="226"/>
      <c r="I67" s="226"/>
    </row>
    <row r="68" spans="1:9">
      <c r="A68" s="20"/>
      <c r="B68" s="321" t="s">
        <v>214</v>
      </c>
      <c r="C68" s="322"/>
      <c r="D68" s="226"/>
      <c r="E68" s="226"/>
      <c r="F68" s="226"/>
      <c r="G68" s="226"/>
      <c r="H68" s="226"/>
      <c r="I68" s="226"/>
    </row>
    <row r="69" spans="1:9">
      <c r="A69" s="20"/>
      <c r="B69" s="321" t="s">
        <v>215</v>
      </c>
      <c r="C69" s="322"/>
      <c r="D69" s="322"/>
      <c r="E69" s="322"/>
      <c r="F69" s="226"/>
      <c r="G69" s="226"/>
      <c r="H69" s="226"/>
      <c r="I69" s="226"/>
    </row>
    <row r="70" spans="1:9" ht="21">
      <c r="A70" s="27"/>
      <c r="B70" s="226"/>
      <c r="C70" s="226"/>
      <c r="D70" s="226"/>
      <c r="E70" s="226"/>
      <c r="F70" s="226"/>
      <c r="G70" s="226"/>
      <c r="H70" s="226"/>
      <c r="I70" s="226"/>
    </row>
    <row r="71" spans="1:9">
      <c r="A71" s="23">
        <v>4</v>
      </c>
      <c r="B71" s="28" t="s">
        <v>37</v>
      </c>
      <c r="C71" s="226"/>
      <c r="D71" s="226"/>
      <c r="E71" s="226"/>
      <c r="F71" s="226"/>
      <c r="G71" s="226"/>
      <c r="H71" s="226"/>
      <c r="I71" s="226"/>
    </row>
    <row r="72" spans="1:9">
      <c r="A72" s="20"/>
      <c r="B72" s="321" t="s">
        <v>61</v>
      </c>
      <c r="C72" s="322"/>
      <c r="D72" s="322"/>
      <c r="E72" s="322"/>
      <c r="F72" s="24"/>
      <c r="G72" s="226"/>
      <c r="H72" s="226"/>
      <c r="I72" s="226"/>
    </row>
    <row r="73" spans="1:9">
      <c r="A73" s="20"/>
      <c r="B73" s="321"/>
      <c r="C73" s="322"/>
      <c r="D73" s="322"/>
      <c r="E73" s="322"/>
      <c r="F73" s="226"/>
      <c r="G73" s="24"/>
      <c r="H73" s="226"/>
      <c r="I73" s="226"/>
    </row>
    <row r="74" spans="1:9">
      <c r="A74" s="20">
        <v>4</v>
      </c>
      <c r="B74" s="28" t="s">
        <v>38</v>
      </c>
      <c r="C74" s="226"/>
      <c r="D74" s="226"/>
      <c r="E74" s="226"/>
      <c r="F74" s="226"/>
      <c r="G74" s="24"/>
      <c r="H74" s="226"/>
      <c r="I74" s="226"/>
    </row>
    <row r="75" spans="1:9">
      <c r="A75" s="20"/>
      <c r="B75" s="310" t="s">
        <v>517</v>
      </c>
      <c r="C75" s="226"/>
      <c r="D75" s="226"/>
      <c r="E75" s="226"/>
      <c r="F75" s="226"/>
      <c r="G75" s="24"/>
      <c r="H75" s="226"/>
      <c r="I75" s="226"/>
    </row>
    <row r="76" spans="1:9">
      <c r="A76" s="20"/>
      <c r="B76" s="225"/>
      <c r="C76" s="226"/>
      <c r="D76" s="226"/>
      <c r="E76" s="226"/>
      <c r="F76" s="226"/>
      <c r="G76" s="24"/>
      <c r="H76" s="226"/>
      <c r="I76" s="226"/>
    </row>
    <row r="77" spans="1:9">
      <c r="A77" s="23">
        <v>4</v>
      </c>
      <c r="B77" s="28" t="s">
        <v>4</v>
      </c>
      <c r="C77" s="226"/>
      <c r="D77" s="226"/>
      <c r="E77" s="226"/>
      <c r="F77" s="226"/>
      <c r="G77" s="226"/>
      <c r="H77" s="226"/>
      <c r="I77" s="226"/>
    </row>
    <row r="78" spans="1:9">
      <c r="A78" s="20"/>
      <c r="B78" s="321" t="s">
        <v>22</v>
      </c>
      <c r="C78" s="322"/>
      <c r="D78" s="322"/>
      <c r="E78" s="226"/>
      <c r="F78" s="226"/>
      <c r="G78" s="226"/>
      <c r="H78" s="226"/>
      <c r="I78" s="226"/>
    </row>
    <row r="79" spans="1:9">
      <c r="A79" s="20"/>
      <c r="B79" s="225"/>
      <c r="C79" s="226"/>
      <c r="D79" s="226"/>
      <c r="E79" s="226"/>
      <c r="F79" s="226"/>
      <c r="G79" s="226"/>
      <c r="H79" s="226"/>
      <c r="I79" s="226"/>
    </row>
    <row r="80" spans="1:9">
      <c r="A80" s="23">
        <v>4</v>
      </c>
      <c r="B80" s="28" t="s">
        <v>500</v>
      </c>
      <c r="C80" s="309"/>
      <c r="D80" s="309"/>
      <c r="E80" s="309"/>
      <c r="F80" s="309"/>
      <c r="G80" s="309"/>
      <c r="H80" s="309"/>
      <c r="I80" s="309"/>
    </row>
    <row r="81" spans="1:9">
      <c r="A81" s="20"/>
      <c r="B81" s="321" t="s">
        <v>501</v>
      </c>
      <c r="C81" s="322"/>
      <c r="D81" s="322"/>
      <c r="E81" s="309"/>
      <c r="F81" s="309"/>
      <c r="G81" s="309"/>
      <c r="H81" s="309"/>
      <c r="I81" s="309"/>
    </row>
    <row r="82" spans="1:9">
      <c r="A82" s="20"/>
      <c r="B82" s="308"/>
      <c r="C82" s="309"/>
      <c r="D82" s="309"/>
      <c r="E82" s="309"/>
      <c r="F82" s="309"/>
      <c r="G82" s="309"/>
      <c r="H82" s="309"/>
      <c r="I82" s="309"/>
    </row>
    <row r="83" spans="1:9">
      <c r="A83" s="323" t="s">
        <v>62</v>
      </c>
      <c r="B83" s="323"/>
      <c r="C83" s="226"/>
      <c r="D83" s="226"/>
      <c r="E83" s="226"/>
      <c r="F83" s="226"/>
      <c r="G83" s="226"/>
      <c r="H83" s="226"/>
      <c r="I83" s="226"/>
    </row>
    <row r="84" spans="1:9">
      <c r="A84" s="20"/>
      <c r="B84" s="225"/>
      <c r="C84" s="226"/>
      <c r="D84" s="226"/>
      <c r="E84" s="226"/>
      <c r="F84" s="226"/>
      <c r="G84" s="226"/>
      <c r="H84" s="226"/>
      <c r="I84" s="226"/>
    </row>
    <row r="85" spans="1:9">
      <c r="A85" s="23">
        <v>5</v>
      </c>
      <c r="B85" s="235" t="s">
        <v>11</v>
      </c>
      <c r="C85" s="226"/>
      <c r="D85" s="226"/>
      <c r="E85" s="226"/>
      <c r="F85" s="226"/>
      <c r="G85" s="226"/>
      <c r="H85" s="226"/>
      <c r="I85" s="226"/>
    </row>
    <row r="86" spans="1:9">
      <c r="A86" s="20"/>
      <c r="B86" s="321" t="s">
        <v>23</v>
      </c>
      <c r="C86" s="322"/>
      <c r="D86" s="322"/>
      <c r="E86" s="226"/>
      <c r="F86" s="226"/>
      <c r="G86" s="226"/>
      <c r="H86" s="226"/>
      <c r="I86" s="226"/>
    </row>
    <row r="87" spans="1:9">
      <c r="A87" s="20"/>
      <c r="B87" s="225"/>
      <c r="C87" s="226"/>
      <c r="D87" s="226"/>
      <c r="E87" s="226"/>
      <c r="F87" s="226"/>
      <c r="G87" s="226"/>
      <c r="H87" s="226"/>
      <c r="I87" s="226"/>
    </row>
    <row r="88" spans="1:9">
      <c r="A88" s="20">
        <v>5</v>
      </c>
      <c r="B88" s="28" t="s">
        <v>42</v>
      </c>
      <c r="C88" s="226"/>
      <c r="D88" s="226"/>
      <c r="E88" s="226"/>
      <c r="F88" s="226"/>
      <c r="G88" s="226"/>
      <c r="H88" s="226"/>
      <c r="I88" s="226"/>
    </row>
    <row r="89" spans="1:9">
      <c r="A89" s="20"/>
      <c r="B89" s="310" t="s">
        <v>518</v>
      </c>
      <c r="C89" s="226"/>
      <c r="D89" s="226"/>
      <c r="E89" s="226"/>
      <c r="F89" s="226"/>
      <c r="G89" s="226"/>
      <c r="H89" s="226"/>
      <c r="I89" s="226"/>
    </row>
    <row r="90" spans="1:9">
      <c r="A90" s="20"/>
      <c r="B90" s="226"/>
      <c r="C90" s="226"/>
      <c r="D90" s="226"/>
      <c r="E90" s="226"/>
      <c r="F90" s="226"/>
      <c r="G90" s="226"/>
      <c r="H90" s="226"/>
      <c r="I90" s="226"/>
    </row>
    <row r="91" spans="1:9">
      <c r="A91" s="23">
        <v>5</v>
      </c>
      <c r="B91" s="28" t="s">
        <v>230</v>
      </c>
      <c r="C91" s="226"/>
      <c r="D91" s="226"/>
      <c r="E91" s="226"/>
      <c r="F91" s="226"/>
      <c r="G91" s="226"/>
      <c r="H91" s="226"/>
      <c r="I91" s="226"/>
    </row>
    <row r="92" spans="1:9">
      <c r="A92" s="20"/>
      <c r="B92" s="321" t="s">
        <v>63</v>
      </c>
      <c r="C92" s="322"/>
      <c r="D92" s="322"/>
      <c r="E92" s="226"/>
      <c r="F92" s="226"/>
      <c r="G92" s="226"/>
      <c r="H92" s="226"/>
      <c r="I92" s="226"/>
    </row>
    <row r="93" spans="1:9">
      <c r="A93" s="20"/>
      <c r="B93" s="321"/>
      <c r="C93" s="322"/>
      <c r="D93" s="322"/>
      <c r="E93" s="226"/>
      <c r="F93" s="226"/>
      <c r="G93" s="226"/>
      <c r="H93" s="226"/>
      <c r="I93" s="226"/>
    </row>
    <row r="94" spans="1:9">
      <c r="A94" s="20">
        <v>5</v>
      </c>
      <c r="B94" s="28" t="s">
        <v>43</v>
      </c>
      <c r="C94" s="226"/>
      <c r="D94" s="226"/>
      <c r="E94" s="226"/>
      <c r="F94" s="226"/>
      <c r="G94" s="226"/>
      <c r="H94" s="226"/>
      <c r="I94" s="226"/>
    </row>
    <row r="95" spans="1:9">
      <c r="A95" s="20"/>
      <c r="B95" s="321" t="s">
        <v>63</v>
      </c>
      <c r="C95" s="322"/>
      <c r="D95" s="322"/>
      <c r="E95" s="226"/>
      <c r="F95" s="226"/>
      <c r="G95" s="226"/>
      <c r="H95" s="226"/>
      <c r="I95" s="226"/>
    </row>
    <row r="96" spans="1:9">
      <c r="A96" s="20"/>
      <c r="B96" s="225"/>
      <c r="C96" s="226"/>
      <c r="D96" s="226"/>
      <c r="E96" s="226"/>
      <c r="F96" s="226"/>
      <c r="G96" s="226"/>
      <c r="H96" s="226"/>
      <c r="I96" s="226"/>
    </row>
    <row r="97" spans="1:9">
      <c r="A97" s="20">
        <v>5</v>
      </c>
      <c r="B97" s="28" t="s">
        <v>502</v>
      </c>
      <c r="C97" s="309"/>
      <c r="D97" s="309"/>
      <c r="E97" s="309"/>
      <c r="F97" s="309"/>
      <c r="G97" s="309"/>
      <c r="H97" s="309"/>
      <c r="I97" s="309"/>
    </row>
    <row r="98" spans="1:9">
      <c r="A98" s="20"/>
      <c r="B98" s="321" t="s">
        <v>503</v>
      </c>
      <c r="C98" s="322"/>
      <c r="D98" s="322"/>
      <c r="E98" s="309"/>
      <c r="F98" s="309"/>
      <c r="G98" s="309"/>
      <c r="H98" s="309"/>
      <c r="I98" s="309"/>
    </row>
    <row r="99" spans="1:9">
      <c r="A99" s="20"/>
      <c r="B99" s="308"/>
      <c r="C99" s="309"/>
      <c r="D99" s="309"/>
      <c r="E99" s="309"/>
      <c r="F99" s="309"/>
      <c r="G99" s="309"/>
      <c r="H99" s="309"/>
      <c r="I99" s="309"/>
    </row>
    <row r="100" spans="1:9">
      <c r="A100" s="323" t="s">
        <v>44</v>
      </c>
      <c r="B100" s="323"/>
      <c r="C100" s="226"/>
      <c r="D100" s="226"/>
      <c r="E100" s="226"/>
      <c r="F100" s="226"/>
      <c r="G100" s="226"/>
      <c r="H100" s="226"/>
      <c r="I100" s="226"/>
    </row>
    <row r="101" spans="1:9">
      <c r="A101" s="20"/>
      <c r="B101" s="225"/>
      <c r="C101" s="226"/>
      <c r="D101" s="226"/>
      <c r="E101" s="226"/>
      <c r="F101" s="226"/>
      <c r="G101" s="226"/>
      <c r="H101" s="226"/>
      <c r="I101" s="226"/>
    </row>
    <row r="102" spans="1:9">
      <c r="A102" s="23">
        <v>6</v>
      </c>
      <c r="B102" s="235" t="s">
        <v>12</v>
      </c>
      <c r="C102" s="226"/>
      <c r="D102" s="226"/>
      <c r="E102" s="226"/>
      <c r="F102" s="226"/>
      <c r="G102" s="226"/>
      <c r="H102" s="226"/>
      <c r="I102" s="226"/>
    </row>
    <row r="103" spans="1:9">
      <c r="A103" s="20"/>
      <c r="B103" s="321" t="s">
        <v>24</v>
      </c>
      <c r="C103" s="322"/>
      <c r="D103" s="322"/>
      <c r="E103" s="226"/>
      <c r="F103" s="226"/>
      <c r="G103" s="226"/>
      <c r="H103" s="226"/>
      <c r="I103" s="226"/>
    </row>
    <row r="104" spans="1:9">
      <c r="A104" s="20"/>
      <c r="B104" s="321"/>
      <c r="C104" s="322"/>
      <c r="D104" s="322"/>
      <c r="E104" s="226"/>
      <c r="F104" s="226"/>
      <c r="G104" s="226"/>
      <c r="H104" s="226"/>
      <c r="I104" s="226"/>
    </row>
    <row r="105" spans="1:9">
      <c r="A105" s="20">
        <v>6</v>
      </c>
      <c r="B105" s="28" t="s">
        <v>45</v>
      </c>
      <c r="C105" s="226"/>
      <c r="D105" s="226"/>
      <c r="E105" s="226"/>
      <c r="F105" s="226"/>
      <c r="G105" s="226"/>
      <c r="H105" s="226"/>
      <c r="I105" s="226"/>
    </row>
    <row r="106" spans="1:9">
      <c r="A106" s="20"/>
      <c r="B106" s="310" t="s">
        <v>520</v>
      </c>
      <c r="C106" s="226"/>
      <c r="D106" s="226"/>
      <c r="E106" s="226"/>
      <c r="F106" s="226"/>
      <c r="G106" s="226"/>
      <c r="H106" s="226"/>
      <c r="I106" s="226"/>
    </row>
    <row r="107" spans="1:9">
      <c r="A107" s="20"/>
      <c r="B107" s="226"/>
      <c r="C107" s="226"/>
      <c r="D107" s="226"/>
      <c r="E107" s="226"/>
      <c r="F107" s="226"/>
      <c r="G107" s="226"/>
      <c r="H107" s="226"/>
      <c r="I107" s="226"/>
    </row>
    <row r="108" spans="1:9">
      <c r="A108" s="23">
        <v>6</v>
      </c>
      <c r="B108" s="28" t="s">
        <v>232</v>
      </c>
      <c r="C108" s="226"/>
      <c r="D108" s="226"/>
      <c r="E108" s="226"/>
      <c r="F108" s="226"/>
      <c r="G108" s="226"/>
      <c r="H108" s="226"/>
      <c r="I108" s="226"/>
    </row>
    <row r="109" spans="1:9">
      <c r="A109" s="20"/>
      <c r="B109" s="321" t="s">
        <v>25</v>
      </c>
      <c r="C109" s="322"/>
      <c r="D109" s="322"/>
      <c r="E109" s="226"/>
      <c r="F109" s="226"/>
      <c r="G109" s="226"/>
      <c r="H109" s="226"/>
      <c r="I109" s="226"/>
    </row>
    <row r="110" spans="1:9">
      <c r="A110" s="20"/>
      <c r="B110" s="321"/>
      <c r="C110" s="322"/>
      <c r="D110" s="322"/>
      <c r="E110" s="226"/>
      <c r="F110" s="226"/>
      <c r="G110" s="226"/>
      <c r="H110" s="226"/>
      <c r="I110" s="226"/>
    </row>
    <row r="111" spans="1:9">
      <c r="A111" s="20">
        <v>6</v>
      </c>
      <c r="B111" s="28" t="s">
        <v>46</v>
      </c>
      <c r="C111" s="226"/>
      <c r="D111" s="226"/>
      <c r="E111" s="226"/>
      <c r="F111" s="226"/>
      <c r="G111" s="226"/>
      <c r="H111" s="226"/>
      <c r="I111" s="226"/>
    </row>
    <row r="112" spans="1:9">
      <c r="A112" s="20"/>
      <c r="B112" s="310" t="s">
        <v>519</v>
      </c>
      <c r="C112" s="226"/>
      <c r="D112" s="226"/>
      <c r="E112" s="226"/>
      <c r="F112" s="226"/>
      <c r="G112" s="226"/>
      <c r="H112" s="226"/>
      <c r="I112" s="226"/>
    </row>
    <row r="113" spans="1:9">
      <c r="A113" s="20"/>
      <c r="B113" s="225"/>
      <c r="C113" s="226"/>
      <c r="D113" s="226"/>
      <c r="E113" s="226"/>
      <c r="F113" s="226"/>
      <c r="G113" s="226"/>
      <c r="H113" s="226"/>
      <c r="I113" s="226"/>
    </row>
    <row r="114" spans="1:9">
      <c r="A114" s="20">
        <v>6</v>
      </c>
      <c r="B114" s="28" t="s">
        <v>461</v>
      </c>
      <c r="C114" s="267"/>
      <c r="D114" s="267"/>
      <c r="E114" s="267"/>
      <c r="F114" s="267"/>
      <c r="G114" s="267"/>
      <c r="H114" s="267"/>
      <c r="I114" s="267"/>
    </row>
    <row r="115" spans="1:9">
      <c r="A115" s="20"/>
      <c r="B115" s="308" t="s">
        <v>505</v>
      </c>
      <c r="C115" s="267"/>
      <c r="D115" s="267"/>
      <c r="E115" s="267"/>
      <c r="F115" s="267"/>
      <c r="G115" s="267"/>
      <c r="H115" s="267"/>
      <c r="I115" s="267"/>
    </row>
    <row r="116" spans="1:9">
      <c r="A116" s="20"/>
      <c r="B116" s="266"/>
      <c r="C116" s="267"/>
      <c r="D116" s="267"/>
      <c r="E116" s="267"/>
      <c r="F116" s="267"/>
      <c r="G116" s="267"/>
      <c r="H116" s="267"/>
      <c r="I116" s="267"/>
    </row>
    <row r="117" spans="1:9">
      <c r="A117" s="20">
        <v>6</v>
      </c>
      <c r="B117" s="24" t="s">
        <v>30</v>
      </c>
      <c r="C117" s="226"/>
      <c r="D117" s="226"/>
      <c r="E117" s="226"/>
      <c r="F117" s="226"/>
      <c r="G117" s="226"/>
      <c r="H117" s="226"/>
      <c r="I117" s="226"/>
    </row>
    <row r="118" spans="1:9">
      <c r="A118" s="23"/>
      <c r="B118" s="226" t="s">
        <v>64</v>
      </c>
      <c r="C118" s="226"/>
      <c r="D118" s="226"/>
      <c r="E118" s="226"/>
      <c r="F118" s="226"/>
      <c r="G118" s="226"/>
      <c r="H118" s="226"/>
      <c r="I118" s="226"/>
    </row>
    <row r="119" spans="1:9">
      <c r="A119" s="20"/>
      <c r="B119" s="321"/>
      <c r="C119" s="322"/>
      <c r="D119" s="322"/>
      <c r="E119" s="226"/>
      <c r="F119" s="226"/>
      <c r="G119" s="226"/>
      <c r="H119" s="226"/>
      <c r="I119" s="226"/>
    </row>
    <row r="120" spans="1:9">
      <c r="A120" s="20">
        <v>6</v>
      </c>
      <c r="B120" s="28" t="s">
        <v>13</v>
      </c>
      <c r="C120" s="226"/>
      <c r="D120" s="226"/>
      <c r="E120" s="226"/>
      <c r="F120" s="226"/>
      <c r="G120" s="226"/>
      <c r="H120" s="226"/>
      <c r="I120" s="226"/>
    </row>
    <row r="121" spans="1:9">
      <c r="A121" s="29"/>
      <c r="B121" s="321" t="s">
        <v>14</v>
      </c>
      <c r="C121" s="322"/>
      <c r="D121" s="322"/>
      <c r="E121" s="226"/>
      <c r="F121" s="226"/>
      <c r="G121" s="226"/>
      <c r="H121" s="226"/>
      <c r="I121" s="226"/>
    </row>
    <row r="122" spans="1:9">
      <c r="A122" s="29"/>
      <c r="B122" s="225"/>
      <c r="C122" s="226"/>
      <c r="D122" s="226"/>
      <c r="E122" s="226"/>
      <c r="F122" s="226"/>
      <c r="G122" s="226"/>
      <c r="H122" s="226"/>
      <c r="I122" s="226"/>
    </row>
    <row r="123" spans="1:9">
      <c r="A123" s="20">
        <v>6</v>
      </c>
      <c r="B123" s="28" t="s">
        <v>399</v>
      </c>
      <c r="C123" s="309"/>
      <c r="D123" s="309"/>
      <c r="E123" s="309"/>
      <c r="F123" s="309"/>
      <c r="G123" s="309"/>
      <c r="H123" s="309"/>
      <c r="I123" s="309"/>
    </row>
    <row r="124" spans="1:9">
      <c r="A124" s="29"/>
      <c r="B124" s="321" t="s">
        <v>504</v>
      </c>
      <c r="C124" s="322"/>
      <c r="D124" s="322"/>
      <c r="E124" s="309"/>
      <c r="F124" s="309"/>
      <c r="G124" s="309"/>
      <c r="H124" s="309"/>
      <c r="I124" s="309"/>
    </row>
    <row r="125" spans="1:9">
      <c r="A125" s="29"/>
      <c r="B125" s="308"/>
      <c r="C125" s="309"/>
      <c r="D125" s="309"/>
      <c r="E125" s="309"/>
      <c r="F125" s="309"/>
      <c r="G125" s="309"/>
      <c r="H125" s="309"/>
      <c r="I125" s="309"/>
    </row>
    <row r="126" spans="1:9">
      <c r="A126" s="323" t="s">
        <v>47</v>
      </c>
      <c r="B126" s="323"/>
      <c r="C126" s="33"/>
      <c r="D126" s="33"/>
      <c r="E126" s="226"/>
      <c r="F126" s="226"/>
      <c r="G126" s="226"/>
      <c r="H126" s="226"/>
      <c r="I126" s="226"/>
    </row>
    <row r="127" spans="1:9">
      <c r="A127" s="29"/>
      <c r="B127" s="28"/>
      <c r="C127" s="226"/>
      <c r="D127" s="226"/>
      <c r="E127" s="226"/>
      <c r="F127" s="226"/>
      <c r="G127" s="226"/>
      <c r="H127" s="226"/>
      <c r="I127" s="226"/>
    </row>
    <row r="128" spans="1:9">
      <c r="A128" s="23">
        <v>7</v>
      </c>
      <c r="B128" s="235" t="s">
        <v>235</v>
      </c>
      <c r="C128" s="226"/>
      <c r="D128" s="226"/>
      <c r="E128" s="226"/>
      <c r="F128" s="226"/>
      <c r="G128" s="226"/>
      <c r="H128" s="226"/>
      <c r="I128" s="226"/>
    </row>
    <row r="129" spans="1:9">
      <c r="A129" s="29"/>
      <c r="B129" s="321" t="s">
        <v>338</v>
      </c>
      <c r="C129" s="322"/>
      <c r="D129" s="322"/>
      <c r="E129" s="226"/>
      <c r="F129" s="226"/>
      <c r="G129" s="226"/>
      <c r="H129" s="226"/>
      <c r="I129" s="226"/>
    </row>
    <row r="130" spans="1:9">
      <c r="A130" s="29"/>
      <c r="B130" s="321"/>
      <c r="C130" s="322"/>
      <c r="D130" s="322"/>
      <c r="E130" s="226"/>
      <c r="F130" s="226"/>
      <c r="G130" s="226"/>
      <c r="H130" s="226"/>
      <c r="I130" s="226"/>
    </row>
    <row r="131" spans="1:9">
      <c r="A131" s="23">
        <v>7</v>
      </c>
      <c r="B131" s="28" t="s">
        <v>506</v>
      </c>
      <c r="C131" s="309"/>
      <c r="D131" s="309"/>
      <c r="E131" s="309"/>
      <c r="F131" s="309"/>
      <c r="G131" s="309"/>
      <c r="H131" s="309"/>
      <c r="I131" s="309"/>
    </row>
    <row r="132" spans="1:9">
      <c r="A132" s="29"/>
      <c r="B132" s="321" t="s">
        <v>507</v>
      </c>
      <c r="C132" s="322"/>
      <c r="D132" s="322"/>
      <c r="E132" s="309"/>
      <c r="F132" s="309"/>
      <c r="G132" s="309"/>
      <c r="H132" s="309"/>
      <c r="I132" s="309"/>
    </row>
    <row r="133" spans="1:9">
      <c r="A133" s="29"/>
      <c r="B133" s="321"/>
      <c r="C133" s="322"/>
      <c r="D133" s="322"/>
      <c r="E133" s="309"/>
      <c r="F133" s="309"/>
      <c r="G133" s="309"/>
      <c r="H133" s="309"/>
      <c r="I133" s="309"/>
    </row>
    <row r="134" spans="1:9">
      <c r="A134" s="23">
        <v>7</v>
      </c>
      <c r="B134" s="28" t="s">
        <v>48</v>
      </c>
      <c r="C134" s="226"/>
      <c r="D134" s="226"/>
      <c r="E134" s="226"/>
      <c r="F134" s="226"/>
      <c r="G134" s="226"/>
      <c r="H134" s="226"/>
      <c r="I134" s="226"/>
    </row>
    <row r="135" spans="1:9">
      <c r="A135" s="29"/>
      <c r="B135" s="225" t="s">
        <v>65</v>
      </c>
      <c r="C135" s="226"/>
      <c r="D135" s="226"/>
      <c r="E135" s="226"/>
      <c r="F135" s="226"/>
      <c r="G135" s="226"/>
      <c r="H135" s="226"/>
      <c r="I135" s="226"/>
    </row>
    <row r="136" spans="1:9">
      <c r="A136" s="29"/>
      <c r="B136" s="225"/>
      <c r="C136" s="226"/>
      <c r="D136" s="226"/>
      <c r="E136" s="226"/>
      <c r="F136" s="226"/>
      <c r="G136" s="226"/>
      <c r="H136" s="226"/>
      <c r="I136" s="226"/>
    </row>
    <row r="137" spans="1:9">
      <c r="A137" s="23">
        <v>7</v>
      </c>
      <c r="B137" s="28" t="s">
        <v>508</v>
      </c>
      <c r="C137" s="309"/>
      <c r="D137" s="309"/>
      <c r="E137" s="309"/>
      <c r="F137" s="309"/>
      <c r="G137" s="309"/>
      <c r="H137" s="309"/>
      <c r="I137" s="309"/>
    </row>
    <row r="138" spans="1:9">
      <c r="A138" s="29"/>
      <c r="B138" s="321" t="s">
        <v>509</v>
      </c>
      <c r="C138" s="322"/>
      <c r="D138" s="322"/>
      <c r="E138" s="309"/>
      <c r="F138" s="309"/>
      <c r="G138" s="309"/>
      <c r="H138" s="309"/>
      <c r="I138" s="309"/>
    </row>
    <row r="139" spans="1:9">
      <c r="A139" s="29"/>
      <c r="B139" s="308"/>
      <c r="C139" s="309"/>
      <c r="D139" s="309"/>
      <c r="E139" s="309"/>
      <c r="F139" s="309"/>
      <c r="G139" s="309"/>
      <c r="H139" s="309"/>
      <c r="I139" s="309"/>
    </row>
    <row r="140" spans="1:9">
      <c r="A140" s="23">
        <v>7</v>
      </c>
      <c r="B140" s="28" t="s">
        <v>416</v>
      </c>
      <c r="C140" s="226"/>
      <c r="D140" s="226"/>
      <c r="E140" s="226"/>
      <c r="F140" s="226"/>
      <c r="G140" s="226"/>
      <c r="H140" s="226"/>
      <c r="I140" s="226"/>
    </row>
    <row r="141" spans="1:9">
      <c r="A141" s="29"/>
      <c r="B141" s="225" t="s">
        <v>66</v>
      </c>
      <c r="C141" s="226"/>
      <c r="D141" s="226"/>
      <c r="E141" s="226"/>
      <c r="F141" s="226"/>
      <c r="G141" s="226"/>
      <c r="H141" s="226"/>
      <c r="I141" s="226"/>
    </row>
    <row r="142" spans="1:9">
      <c r="A142" s="23"/>
      <c r="B142" s="225"/>
      <c r="C142" s="226"/>
      <c r="D142" s="226"/>
      <c r="E142" s="226"/>
      <c r="F142" s="226"/>
      <c r="G142" s="226"/>
      <c r="H142" s="226"/>
      <c r="I142" s="226"/>
    </row>
    <row r="143" spans="1:9">
      <c r="A143" s="23">
        <v>7</v>
      </c>
      <c r="B143" s="28" t="s">
        <v>510</v>
      </c>
      <c r="C143" s="309"/>
      <c r="D143" s="309"/>
      <c r="E143" s="309"/>
      <c r="F143" s="309"/>
      <c r="G143" s="309"/>
      <c r="H143" s="309"/>
      <c r="I143" s="309"/>
    </row>
    <row r="144" spans="1:9">
      <c r="A144" s="29"/>
      <c r="B144" s="321" t="s">
        <v>511</v>
      </c>
      <c r="C144" s="322"/>
      <c r="D144" s="322"/>
      <c r="E144" s="309"/>
      <c r="F144" s="309"/>
      <c r="G144" s="309"/>
      <c r="H144" s="309"/>
      <c r="I144" s="309"/>
    </row>
    <row r="145" spans="1:9">
      <c r="A145" s="23"/>
      <c r="B145" s="308"/>
      <c r="C145" s="309"/>
      <c r="D145" s="309"/>
      <c r="E145" s="309"/>
      <c r="F145" s="309"/>
      <c r="G145" s="309"/>
      <c r="H145" s="309"/>
      <c r="I145" s="309"/>
    </row>
    <row r="146" spans="1:9">
      <c r="A146" s="23">
        <v>7</v>
      </c>
      <c r="B146" s="28" t="s">
        <v>237</v>
      </c>
      <c r="C146" s="226"/>
      <c r="D146" s="226"/>
      <c r="E146" s="226"/>
      <c r="F146" s="226"/>
      <c r="G146" s="226"/>
      <c r="H146" s="226"/>
      <c r="I146" s="226"/>
    </row>
    <row r="147" spans="1:9">
      <c r="A147" s="23"/>
      <c r="B147" s="266" t="s">
        <v>339</v>
      </c>
      <c r="C147" s="226"/>
      <c r="D147" s="226"/>
      <c r="E147" s="226"/>
      <c r="F147" s="226"/>
      <c r="G147" s="226"/>
      <c r="H147" s="226"/>
      <c r="I147" s="226"/>
    </row>
    <row r="148" spans="1:9">
      <c r="A148" s="23"/>
      <c r="B148" s="225"/>
      <c r="C148" s="226"/>
      <c r="D148" s="226"/>
      <c r="E148" s="226"/>
      <c r="F148" s="226"/>
      <c r="G148" s="226"/>
      <c r="H148" s="226"/>
      <c r="I148" s="226"/>
    </row>
    <row r="149" spans="1:9">
      <c r="A149" s="23">
        <v>7</v>
      </c>
      <c r="B149" s="28" t="s">
        <v>422</v>
      </c>
      <c r="C149" s="309"/>
      <c r="D149" s="309"/>
      <c r="E149" s="309"/>
      <c r="F149" s="309"/>
      <c r="G149" s="309"/>
      <c r="H149" s="309"/>
      <c r="I149" s="309"/>
    </row>
    <row r="150" spans="1:9">
      <c r="A150" s="29"/>
      <c r="B150" s="321" t="s">
        <v>512</v>
      </c>
      <c r="C150" s="322"/>
      <c r="D150" s="322"/>
      <c r="E150" s="309"/>
      <c r="F150" s="309"/>
      <c r="G150" s="309"/>
      <c r="H150" s="309"/>
      <c r="I150" s="309"/>
    </row>
    <row r="151" spans="1:9">
      <c r="A151" s="23"/>
      <c r="B151" s="308"/>
      <c r="C151" s="309"/>
      <c r="D151" s="309"/>
      <c r="E151" s="309"/>
      <c r="F151" s="309"/>
      <c r="G151" s="309"/>
      <c r="H151" s="309"/>
      <c r="I151" s="309"/>
    </row>
    <row r="152" spans="1:9">
      <c r="A152" s="23">
        <v>7</v>
      </c>
      <c r="B152" s="28" t="s">
        <v>425</v>
      </c>
      <c r="C152" s="309"/>
      <c r="D152" s="309"/>
      <c r="E152" s="309"/>
      <c r="F152" s="309"/>
      <c r="G152" s="309"/>
      <c r="H152" s="309"/>
      <c r="I152" s="309"/>
    </row>
    <row r="153" spans="1:9">
      <c r="A153" s="29"/>
      <c r="B153" s="310" t="s">
        <v>521</v>
      </c>
      <c r="C153" s="309"/>
      <c r="D153" s="309"/>
      <c r="E153" s="309"/>
      <c r="F153" s="309"/>
      <c r="G153" s="309"/>
      <c r="H153" s="309"/>
      <c r="I153" s="309"/>
    </row>
    <row r="154" spans="1:9">
      <c r="A154" s="29"/>
      <c r="B154" s="308"/>
      <c r="C154" s="309"/>
      <c r="D154" s="309"/>
      <c r="E154" s="309"/>
      <c r="F154" s="309"/>
      <c r="G154" s="309"/>
      <c r="H154" s="309"/>
      <c r="I154" s="309"/>
    </row>
    <row r="155" spans="1:9">
      <c r="A155" s="23">
        <v>7</v>
      </c>
      <c r="B155" s="28" t="s">
        <v>15</v>
      </c>
      <c r="C155" s="226"/>
      <c r="D155" s="226"/>
      <c r="E155" s="226"/>
      <c r="F155" s="226"/>
      <c r="G155" s="226"/>
      <c r="H155" s="226"/>
      <c r="I155" s="226"/>
    </row>
    <row r="156" spans="1:9">
      <c r="A156" s="29"/>
      <c r="B156" s="321" t="s">
        <v>26</v>
      </c>
      <c r="C156" s="322"/>
      <c r="D156" s="322"/>
      <c r="E156" s="226"/>
      <c r="F156" s="226"/>
      <c r="G156" s="226"/>
      <c r="H156" s="226"/>
      <c r="I156" s="226"/>
    </row>
    <row r="157" spans="1:9">
      <c r="A157" s="23"/>
      <c r="B157" s="225"/>
      <c r="C157" s="226"/>
      <c r="D157" s="226"/>
      <c r="E157" s="226"/>
      <c r="F157" s="226"/>
      <c r="G157" s="226"/>
      <c r="H157" s="226"/>
      <c r="I157" s="226"/>
    </row>
    <row r="158" spans="1:9">
      <c r="A158" s="23">
        <v>7</v>
      </c>
      <c r="B158" s="28" t="s">
        <v>67</v>
      </c>
      <c r="C158" s="226"/>
      <c r="D158" s="226"/>
      <c r="E158" s="226"/>
      <c r="F158" s="226"/>
      <c r="G158" s="226"/>
      <c r="H158" s="226"/>
      <c r="I158" s="226"/>
    </row>
    <row r="159" spans="1:9">
      <c r="A159" s="29"/>
      <c r="B159" s="310" t="s">
        <v>522</v>
      </c>
      <c r="C159" s="226"/>
      <c r="D159" s="226"/>
      <c r="E159" s="226"/>
      <c r="F159" s="226"/>
      <c r="G159" s="226"/>
      <c r="H159" s="226"/>
      <c r="I159" s="226"/>
    </row>
    <row r="160" spans="1:9">
      <c r="A160" s="29"/>
      <c r="B160" s="225"/>
      <c r="C160" s="226"/>
      <c r="D160" s="226"/>
      <c r="E160" s="226"/>
      <c r="F160" s="226"/>
      <c r="G160" s="226"/>
      <c r="H160" s="226"/>
      <c r="I160" s="226"/>
    </row>
    <row r="161" spans="1:9">
      <c r="A161" s="23">
        <v>7</v>
      </c>
      <c r="B161" s="318" t="s">
        <v>49</v>
      </c>
      <c r="C161" s="23"/>
      <c r="D161" s="23"/>
      <c r="E161" s="226"/>
      <c r="F161" s="226"/>
      <c r="G161" s="226"/>
      <c r="H161" s="226"/>
      <c r="I161" s="226"/>
    </row>
    <row r="162" spans="1:9">
      <c r="A162" s="23"/>
      <c r="B162" s="23" t="s">
        <v>27</v>
      </c>
      <c r="C162" s="23"/>
      <c r="D162" s="23"/>
      <c r="E162" s="226"/>
      <c r="F162" s="226"/>
      <c r="G162" s="226"/>
      <c r="H162" s="226"/>
      <c r="I162" s="226"/>
    </row>
    <row r="163" spans="1:9">
      <c r="A163" s="23"/>
      <c r="B163" s="23"/>
      <c r="C163" s="23"/>
      <c r="D163" s="23"/>
      <c r="E163" s="226"/>
      <c r="F163" s="226"/>
      <c r="G163" s="226"/>
      <c r="H163" s="226"/>
      <c r="I163" s="226"/>
    </row>
    <row r="164" spans="1:9">
      <c r="A164" s="23">
        <v>7</v>
      </c>
      <c r="B164" s="318" t="s">
        <v>50</v>
      </c>
      <c r="C164" s="23"/>
      <c r="D164" s="23"/>
      <c r="E164" s="226"/>
      <c r="F164" s="226"/>
      <c r="G164" s="226"/>
      <c r="H164" s="226"/>
      <c r="I164" s="226"/>
    </row>
    <row r="165" spans="1:9">
      <c r="A165" s="23"/>
      <c r="B165" s="23" t="s">
        <v>523</v>
      </c>
      <c r="C165" s="23"/>
      <c r="D165" s="23"/>
      <c r="E165" s="226"/>
      <c r="F165" s="226"/>
      <c r="G165" s="226"/>
      <c r="H165" s="226"/>
      <c r="I165" s="226"/>
    </row>
    <row r="166" spans="1:9">
      <c r="A166" s="29"/>
      <c r="B166" s="225"/>
      <c r="C166" s="226"/>
      <c r="D166" s="226"/>
      <c r="E166" s="226"/>
      <c r="F166" s="226"/>
      <c r="G166" s="226"/>
      <c r="H166" s="226"/>
      <c r="I166" s="226"/>
    </row>
    <row r="167" spans="1:9">
      <c r="A167" s="23">
        <v>7</v>
      </c>
      <c r="B167" s="318" t="s">
        <v>16</v>
      </c>
      <c r="C167" s="226"/>
      <c r="D167" s="226"/>
      <c r="E167" s="226"/>
      <c r="F167" s="226"/>
      <c r="G167" s="226"/>
      <c r="H167" s="226"/>
      <c r="I167" s="226"/>
    </row>
    <row r="168" spans="1:9">
      <c r="A168" s="29"/>
      <c r="B168" s="321" t="s">
        <v>28</v>
      </c>
      <c r="C168" s="322"/>
      <c r="D168" s="322"/>
      <c r="E168" s="226"/>
      <c r="F168" s="226"/>
      <c r="G168" s="226"/>
      <c r="H168" s="226"/>
      <c r="I168" s="226"/>
    </row>
    <row r="169" spans="1:9">
      <c r="A169" s="29"/>
      <c r="B169" s="225"/>
      <c r="C169" s="226"/>
      <c r="D169" s="226"/>
      <c r="E169" s="226"/>
      <c r="F169" s="226"/>
      <c r="G169" s="226"/>
      <c r="H169" s="226"/>
      <c r="I169" s="226"/>
    </row>
    <row r="170" spans="1:9">
      <c r="A170" s="23">
        <v>7</v>
      </c>
      <c r="B170" s="28" t="s">
        <v>51</v>
      </c>
      <c r="C170" s="226"/>
      <c r="D170" s="226"/>
      <c r="E170" s="226"/>
      <c r="F170" s="226"/>
      <c r="G170" s="226"/>
      <c r="H170" s="226"/>
      <c r="I170" s="226"/>
    </row>
    <row r="171" spans="1:9">
      <c r="A171" s="29"/>
      <c r="B171" s="23" t="s">
        <v>524</v>
      </c>
      <c r="C171" s="226"/>
      <c r="D171" s="226"/>
      <c r="E171" s="226"/>
      <c r="F171" s="226"/>
      <c r="G171" s="226"/>
      <c r="H171" s="226"/>
      <c r="I171" s="226"/>
    </row>
    <row r="172" spans="1:9">
      <c r="A172" s="29"/>
      <c r="B172" s="225"/>
      <c r="C172" s="226"/>
      <c r="D172" s="226"/>
      <c r="E172" s="226"/>
      <c r="F172" s="226"/>
      <c r="G172" s="226"/>
      <c r="H172" s="226"/>
      <c r="I172" s="226"/>
    </row>
    <row r="173" spans="1:9">
      <c r="A173" s="323" t="s">
        <v>52</v>
      </c>
      <c r="B173" s="323"/>
      <c r="C173" s="32"/>
      <c r="D173" s="32"/>
      <c r="E173" s="226"/>
      <c r="F173" s="226"/>
      <c r="G173" s="226"/>
      <c r="H173" s="226"/>
      <c r="I173" s="226"/>
    </row>
    <row r="174" spans="1:9">
      <c r="A174" s="29"/>
      <c r="B174" s="28"/>
      <c r="C174" s="226"/>
      <c r="D174" s="226"/>
      <c r="E174" s="226"/>
      <c r="F174" s="226"/>
      <c r="G174" s="226"/>
      <c r="H174" s="226"/>
      <c r="I174" s="226"/>
    </row>
    <row r="175" spans="1:9">
      <c r="A175" s="23">
        <v>8</v>
      </c>
      <c r="B175" s="235" t="s">
        <v>17</v>
      </c>
      <c r="C175" s="226"/>
      <c r="D175" s="226"/>
      <c r="E175" s="226"/>
      <c r="F175" s="226"/>
      <c r="G175" s="226"/>
      <c r="H175" s="226"/>
      <c r="I175" s="226"/>
    </row>
    <row r="176" spans="1:9">
      <c r="A176" s="29"/>
      <c r="B176" s="321" t="s">
        <v>29</v>
      </c>
      <c r="C176" s="322"/>
      <c r="D176" s="322"/>
      <c r="E176" s="226"/>
      <c r="F176" s="226"/>
      <c r="G176" s="226"/>
      <c r="H176" s="226"/>
      <c r="I176" s="226"/>
    </row>
    <row r="177" spans="1:9">
      <c r="A177" s="29"/>
      <c r="B177" s="321"/>
      <c r="C177" s="322"/>
      <c r="D177" s="322"/>
      <c r="E177" s="226"/>
      <c r="F177" s="226"/>
      <c r="G177" s="226"/>
      <c r="H177" s="226"/>
      <c r="I177" s="226"/>
    </row>
    <row r="178" spans="1:9">
      <c r="A178" s="20">
        <v>8</v>
      </c>
      <c r="B178" s="24" t="s">
        <v>53</v>
      </c>
      <c r="C178" s="226"/>
      <c r="D178" s="226"/>
      <c r="E178" s="226"/>
      <c r="F178" s="226"/>
      <c r="G178" s="226"/>
      <c r="H178" s="226"/>
      <c r="I178" s="226"/>
    </row>
    <row r="179" spans="1:9">
      <c r="A179" s="20"/>
      <c r="B179" s="23" t="s">
        <v>525</v>
      </c>
      <c r="C179" s="226"/>
      <c r="D179" s="226"/>
      <c r="E179" s="226"/>
      <c r="F179" s="226"/>
      <c r="G179" s="226"/>
      <c r="H179" s="226"/>
      <c r="I179" s="226"/>
    </row>
    <row r="180" spans="1:9">
      <c r="A180" s="20"/>
      <c r="B180" s="226"/>
      <c r="C180" s="226"/>
      <c r="D180" s="226"/>
      <c r="E180" s="226"/>
      <c r="F180" s="226"/>
      <c r="G180" s="226"/>
      <c r="H180" s="226"/>
      <c r="I180" s="226"/>
    </row>
    <row r="181" spans="1:9">
      <c r="A181" s="20"/>
      <c r="B181" s="226"/>
      <c r="C181" s="226"/>
      <c r="D181" s="226"/>
      <c r="E181" s="226"/>
      <c r="F181" s="226"/>
      <c r="G181" s="226"/>
      <c r="H181" s="226"/>
      <c r="I181" s="226"/>
    </row>
  </sheetData>
  <mergeCells count="47">
    <mergeCell ref="B119:D119"/>
    <mergeCell ref="B78:D78"/>
    <mergeCell ref="B93:D93"/>
    <mergeCell ref="B72:E72"/>
    <mergeCell ref="B104:D104"/>
    <mergeCell ref="B92:D92"/>
    <mergeCell ref="B103:D103"/>
    <mergeCell ref="B73:E73"/>
    <mergeCell ref="B95:D95"/>
    <mergeCell ref="B81:D81"/>
    <mergeCell ref="B98:D98"/>
    <mergeCell ref="A83:B83"/>
    <mergeCell ref="A100:B100"/>
    <mergeCell ref="B68:C68"/>
    <mergeCell ref="B109:D109"/>
    <mergeCell ref="B110:D110"/>
    <mergeCell ref="B86:D86"/>
    <mergeCell ref="B69:E69"/>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47" display="K6 psychological distress" xr:uid="{00000000-0004-0000-0300-000006000000}"/>
    <hyperlink ref="B46" location="'3 FinancialCapital'!A3" display="Household financial wellbeing" xr:uid="{00000000-0004-0000-0300-000007000000}"/>
    <hyperlink ref="B55" location="'3 FinancialCapital'!A135" display="Community economic wellbeing" xr:uid="{00000000-0004-0000-0300-000008000000}"/>
    <hyperlink ref="B71" location="'4 HumanCapital'!A91" display="Self-efficacy" xr:uid="{00000000-0004-0000-0300-000009000000}"/>
    <hyperlink ref="B77" location="'4 HumanCapital'!A17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9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91" display="Getting involved in the community" xr:uid="{00000000-0004-0000-0300-000012000000}"/>
    <hyperlink ref="B120" location="'6 SocialCapital'!A26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399" display="Access to telecommunications" xr:uid="{00000000-0004-0000-0300-000016000000}"/>
    <hyperlink ref="B161" location="'7 PhysicalCapital'!A487" display="Crime and safety in the local community" xr:uid="{00000000-0004-0000-0300-000017000000}"/>
    <hyperlink ref="B167" location="'7 PhysicalCapital'!A575" display="Landscape and aesthetics" xr:uid="{00000000-0004-0000-0300-000018000000}"/>
    <hyperlink ref="B175" location="'8 NaturalCapital'!A3" display="Perceived environmental health" xr:uid="{00000000-0004-0000-0300-000019000000}"/>
    <hyperlink ref="B10" location="'1 IndividualWellbeing'!A47" display="Personal Wellbeing Index" xr:uid="{00000000-0004-0000-0300-00001A000000}"/>
    <hyperlink ref="B27" location="'2 CommunityWellbeing'!A3" display="Community wellbeing measures" xr:uid="{00000000-0004-0000-0300-00001B000000}"/>
    <hyperlink ref="B13" location="'1 IndividualWellbeing'!A91" display="Personal wellbeing domains" xr:uid="{00000000-0004-0000-0300-00001C000000}"/>
    <hyperlink ref="B16" location="'1 IndividualWellbeing'!A135" display="Eudaimonic wellbeing index" xr:uid="{00000000-0004-0000-0300-00001D000000}"/>
    <hyperlink ref="B33" location="'2 CommunityWellbeing'!A91" display="Changes in community liveability" xr:uid="{00000000-0004-0000-0300-00001E000000}"/>
    <hyperlink ref="B36" location="'2 CommunityWellbeing'!A135"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47" display="Household financial measures" xr:uid="{00000000-0004-0000-0300-000023000000}"/>
    <hyperlink ref="B52" location="'3 FinancialCapital'!A91" display="Financial distress" xr:uid="{00000000-0004-0000-0300-000024000000}"/>
    <hyperlink ref="B58" location="'3 FinancialCapital'!A179" display="Community economic measures" xr:uid="{00000000-0004-0000-0300-000025000000}"/>
    <hyperlink ref="B74" location="'4 HumanCapital'!A135" display="Self-efficacy measures" xr:uid="{00000000-0004-0000-0300-000026000000}"/>
    <hyperlink ref="A83" location="'5 InstitutionalCapital'!A1" display="Institutional Capital" xr:uid="{00000000-0004-0000-0300-000027000000}"/>
    <hyperlink ref="B88" location="'5 InstitutionalCapital'!A47" display="Having a say and being heard measures" xr:uid="{00000000-0004-0000-0300-000028000000}"/>
    <hyperlink ref="A100" location="'6 SocialCapital'!A1" display="Social capital" xr:uid="{00000000-0004-0000-0300-000029000000}"/>
    <hyperlink ref="B105" location="'6 SocialCapital'!A47" display="Spending time with friends and family measures" xr:uid="{00000000-0004-0000-0300-00002A000000}"/>
    <hyperlink ref="B111" location="'6 SocialCapital'!A135" display="Getting involved measures" xr:uid="{00000000-0004-0000-0300-00002B000000}"/>
    <hyperlink ref="B117" location="'6 SocialCapital'!A223" display="Volunteering" xr:uid="{00000000-0004-0000-0300-00002C000000}"/>
    <hyperlink ref="A126" location="'7 PhysicalCapital'!A1" display="Physical capital" xr:uid="{00000000-0004-0000-0300-00002D000000}"/>
    <hyperlink ref="B134" location="'7 PhysicalCapital'!A91" display="Access to roads and public transport " xr:uid="{00000000-0004-0000-0300-00002E000000}"/>
    <hyperlink ref="B140" location="'7 PhysicalCapital'!A179" display="Access to food" xr:uid="{00000000-0004-0000-0300-00002F000000}"/>
    <hyperlink ref="B146" location="'7 PhysicalCapital'!A267" display="Access to local government services" xr:uid="{00000000-0004-0000-0300-000030000000}"/>
    <hyperlink ref="B158" location="'7 PhysicalCapital'!A443" display="Access to telecommunications measures" xr:uid="{00000000-0004-0000-0300-000031000000}"/>
    <hyperlink ref="B164" location="'7 PhysicalCapital'!A531" display="Crime and safety in the local community measures" xr:uid="{00000000-0004-0000-0300-000032000000}"/>
    <hyperlink ref="B170" location="'7 PhysicalCapital'!A619" display="Landscape and aesthetics measures" xr:uid="{00000000-0004-0000-0300-000033000000}"/>
    <hyperlink ref="A173" location="'8 NaturalCapital'!A1" display="Natural capital" xr:uid="{00000000-0004-0000-0300-000034000000}"/>
    <hyperlink ref="B178" location="'8 NaturalCapital'!A47" display="Perceived environmental health measures" xr:uid="{00000000-0004-0000-0300-000035000000}"/>
    <hyperlink ref="B94" location="'5 InstitutionalCapital'!A135" display="Equity and inclusion" xr:uid="{00000000-0004-0000-0300-000036000000}"/>
    <hyperlink ref="B114" location="'6 SocialCapital'!A179" display="Access to community events" xr:uid="{00000000-0004-0000-0300-000037000000}"/>
    <hyperlink ref="B19" location="'1 IndividualWellbeing'!A179" display="Eudaimonic wellbeing domains" xr:uid="{00000000-0004-0000-0300-000038000000}"/>
    <hyperlink ref="A25" location="'2 CommunityWellbeing'!A1" display="Wellbeing of communities" xr:uid="{00000000-0004-0000-0300-000039000000}"/>
    <hyperlink ref="B22" location="'1 IndividualWellbeing'!A223" display="Emotional Affect Index " xr:uid="{00000000-0004-0000-0300-00003A000000}"/>
    <hyperlink ref="B30" location="'2 CommunityWellbeing'!A47" display="Community wellbeing domains" xr:uid="{00000000-0004-0000-0300-00003B000000}"/>
    <hyperlink ref="B39" location="'2 CommunityWellbeing'!A179" display="Would recommend community" xr:uid="{00000000-0004-0000-0300-00003C000000}"/>
    <hyperlink ref="A80:B80" location="'02'!A68" display="'02'!A68" xr:uid="{00000000-0004-0000-0300-00003D000000}"/>
    <hyperlink ref="B80" location="'4 HumanCapital'!A223" display="Community leadership and collaboration measures" xr:uid="{00000000-0004-0000-0300-00003E000000}"/>
    <hyperlink ref="B97" location="'5 InstitutionalCapital'!A179" display="Equity and inclusion measures" xr:uid="{00000000-0004-0000-0300-00003F000000}"/>
    <hyperlink ref="B123" location="'6 SocialCapital'!A311" display="Sense of belonging measures" xr:uid="{00000000-0004-0000-0300-000040000000}"/>
    <hyperlink ref="A131:B131" location="'02'!A68" display="'02'!A68" xr:uid="{00000000-0004-0000-0300-000041000000}"/>
    <hyperlink ref="B131" location="'7 PhysicalCapital'!A47" display="Access to health and education services measures" xr:uid="{00000000-0004-0000-0300-000042000000}"/>
    <hyperlink ref="B137" location="'7 PhysicalCapital'!A135" display="Access to roads and public transport measures" xr:uid="{00000000-0004-0000-0300-000043000000}"/>
    <hyperlink ref="B143" location="'7 PhysicalCapital'!A223" display="Access to food measures" xr:uid="{00000000-0004-0000-0300-000044000000}"/>
    <hyperlink ref="B149" location="'7 PhysicalCapital'!A311" display="Access to financial and professional services" xr:uid="{00000000-0004-0000-0300-000045000000}"/>
    <hyperlink ref="B152" location="'7 PhysicalCapital'!A35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309"/>
  <sheetViews>
    <sheetView zoomScaleNormal="100" zoomScalePageLayoutView="75" workbookViewId="0"/>
  </sheetViews>
  <sheetFormatPr defaultColWidth="20.28515625" defaultRowHeight="15"/>
  <cols>
    <col min="1" max="1" width="45.140625" style="1" customWidth="1"/>
    <col min="2" max="4" width="20.28515625" style="1" customWidth="1"/>
    <col min="5" max="6" width="20.28515625" style="5" customWidth="1"/>
    <col min="7" max="16384" width="20.28515625" style="1"/>
  </cols>
  <sheetData>
    <row r="1" spans="1:8" ht="31.5">
      <c r="A1" s="31" t="s">
        <v>59</v>
      </c>
    </row>
    <row r="3" spans="1:8" ht="18.75">
      <c r="A3" s="343" t="s">
        <v>68</v>
      </c>
      <c r="B3" s="343"/>
      <c r="C3" s="343"/>
      <c r="D3" s="343"/>
      <c r="E3" s="343"/>
      <c r="F3" s="343"/>
      <c r="G3" s="343"/>
      <c r="H3" s="343"/>
    </row>
    <row r="4" spans="1:8" ht="43.5" customHeight="1">
      <c r="A4" s="345" t="s">
        <v>539</v>
      </c>
      <c r="B4" s="345"/>
      <c r="C4" s="345"/>
      <c r="D4" s="345"/>
      <c r="E4" s="345"/>
      <c r="F4" s="345"/>
      <c r="G4" s="345"/>
      <c r="H4" s="345"/>
    </row>
    <row r="5" spans="1:8" ht="40.5" customHeight="1">
      <c r="A5" s="337" t="s">
        <v>69</v>
      </c>
      <c r="B5" s="338"/>
      <c r="C5" s="338"/>
      <c r="D5" s="338"/>
      <c r="E5" s="338"/>
      <c r="F5" s="338"/>
      <c r="G5" s="338"/>
      <c r="H5" s="338"/>
    </row>
    <row r="6" spans="1:8" ht="45" customHeight="1">
      <c r="A6" s="35" t="s">
        <v>70</v>
      </c>
      <c r="B6" s="36" t="s">
        <v>71</v>
      </c>
      <c r="C6" s="37" t="s">
        <v>550</v>
      </c>
      <c r="D6" s="38" t="s">
        <v>72</v>
      </c>
      <c r="E6" s="36" t="s">
        <v>329</v>
      </c>
      <c r="F6" s="38" t="s">
        <v>333</v>
      </c>
      <c r="G6" s="37" t="s">
        <v>331</v>
      </c>
      <c r="H6" s="38" t="s">
        <v>334</v>
      </c>
    </row>
    <row r="7" spans="1:8" ht="60">
      <c r="A7" s="39"/>
      <c r="B7" s="40" t="s">
        <v>73</v>
      </c>
      <c r="C7" s="41" t="s">
        <v>74</v>
      </c>
      <c r="D7" s="42" t="s">
        <v>75</v>
      </c>
      <c r="E7" s="40" t="s">
        <v>330</v>
      </c>
      <c r="F7" s="89" t="s">
        <v>87</v>
      </c>
      <c r="G7" s="126" t="s">
        <v>332</v>
      </c>
      <c r="H7" s="89" t="s">
        <v>87</v>
      </c>
    </row>
    <row r="8" spans="1:8">
      <c r="A8" s="43" t="s">
        <v>348</v>
      </c>
      <c r="B8" s="44">
        <v>13603</v>
      </c>
      <c r="C8" s="45">
        <v>69.414645476983182</v>
      </c>
      <c r="D8" s="46">
        <v>0.35037310145591</v>
      </c>
      <c r="E8" s="276">
        <v>0.25018988080187143</v>
      </c>
      <c r="F8" s="269">
        <v>7.4268009015894436E-3</v>
      </c>
      <c r="G8" s="276">
        <v>0.35384439625459785</v>
      </c>
      <c r="H8" s="269">
        <v>8.1985197592878839E-3</v>
      </c>
    </row>
    <row r="9" spans="1:8">
      <c r="A9" s="47" t="s">
        <v>349</v>
      </c>
      <c r="B9" s="48">
        <v>10078</v>
      </c>
      <c r="C9" s="49">
        <v>70.952475882326496</v>
      </c>
      <c r="D9" s="50">
        <v>0.39666146567503169</v>
      </c>
      <c r="E9" s="277">
        <v>0.2186499859839999</v>
      </c>
      <c r="F9" s="270">
        <v>8.2344385554779347E-3</v>
      </c>
      <c r="G9" s="277">
        <v>0.38470680343691377</v>
      </c>
      <c r="H9" s="270">
        <v>9.6910829926267501E-3</v>
      </c>
    </row>
    <row r="10" spans="1:8" s="5" customFormat="1">
      <c r="A10" s="43" t="s">
        <v>350</v>
      </c>
      <c r="B10" s="44">
        <v>3525</v>
      </c>
      <c r="C10" s="45">
        <v>68.111747174470864</v>
      </c>
      <c r="D10" s="46">
        <v>0.72343117209105501</v>
      </c>
      <c r="E10" s="276">
        <v>0.27691147199739036</v>
      </c>
      <c r="F10" s="269">
        <v>1.5069284269508867E-2</v>
      </c>
      <c r="G10" s="276">
        <v>0.32769679389896594</v>
      </c>
      <c r="H10" s="269">
        <v>1.5804804968703009E-2</v>
      </c>
    </row>
    <row r="11" spans="1:8" s="5" customFormat="1">
      <c r="A11" s="47" t="s">
        <v>568</v>
      </c>
      <c r="B11" s="48">
        <v>11218</v>
      </c>
      <c r="C11" s="49">
        <v>69.372025073047652</v>
      </c>
      <c r="D11" s="50">
        <v>0.38908407314773308</v>
      </c>
      <c r="E11" s="277">
        <v>0.2507919841821542</v>
      </c>
      <c r="F11" s="270">
        <v>8.184724165140593E-3</v>
      </c>
      <c r="G11" s="277">
        <v>0.35333866451016149</v>
      </c>
      <c r="H11" s="270">
        <v>9.0249221025049155E-3</v>
      </c>
    </row>
    <row r="12" spans="1:8" s="5" customFormat="1">
      <c r="A12" s="43" t="s">
        <v>569</v>
      </c>
      <c r="B12" s="44">
        <v>2385</v>
      </c>
      <c r="C12" s="45">
        <v>74.541980434774061</v>
      </c>
      <c r="D12" s="46">
        <v>0.78653616857574637</v>
      </c>
      <c r="E12" s="276">
        <v>0.17775542629597912</v>
      </c>
      <c r="F12" s="269">
        <v>1.5662080162369495E-2</v>
      </c>
      <c r="G12" s="276">
        <v>0.41468511602854591</v>
      </c>
      <c r="H12" s="269">
        <v>2.0160333635346521E-2</v>
      </c>
    </row>
    <row r="13" spans="1:8" s="5" customFormat="1">
      <c r="A13" s="47" t="s">
        <v>570</v>
      </c>
      <c r="B13" s="48">
        <v>610</v>
      </c>
      <c r="C13" s="49">
        <v>74.960178541025556</v>
      </c>
      <c r="D13" s="50">
        <v>1.6408810103637239</v>
      </c>
      <c r="E13" s="277">
        <v>0.16462377110413676</v>
      </c>
      <c r="F13" s="270">
        <v>3.0090364733504536E-2</v>
      </c>
      <c r="G13" s="277">
        <v>0.40533820766483086</v>
      </c>
      <c r="H13" s="270">
        <v>3.9636419157451065E-2</v>
      </c>
    </row>
    <row r="14" spans="1:8" s="5" customFormat="1">
      <c r="A14" s="43" t="s">
        <v>571</v>
      </c>
      <c r="B14" s="44">
        <v>1278</v>
      </c>
      <c r="C14" s="45">
        <v>76.589430072530945</v>
      </c>
      <c r="D14" s="46">
        <v>1.0108919213752705</v>
      </c>
      <c r="E14" s="276">
        <v>0.13596073113219001</v>
      </c>
      <c r="F14" s="269">
        <v>1.9212345475861248E-2</v>
      </c>
      <c r="G14" s="276">
        <v>0.4520804623012003</v>
      </c>
      <c r="H14" s="269">
        <v>2.7801279722588012E-2</v>
      </c>
    </row>
    <row r="15" spans="1:8" s="5" customFormat="1">
      <c r="A15" s="47" t="s">
        <v>582</v>
      </c>
      <c r="B15" s="48">
        <v>871</v>
      </c>
      <c r="C15" s="49">
        <v>72.896931904146854</v>
      </c>
      <c r="D15" s="50">
        <v>1.2677524925678518</v>
      </c>
      <c r="E15" s="277">
        <v>0.20561440030110564</v>
      </c>
      <c r="F15" s="270">
        <v>2.7391565246547591E-2</v>
      </c>
      <c r="G15" s="277">
        <v>0.40195015529837669</v>
      </c>
      <c r="H15" s="270">
        <v>3.3155834609324489E-2</v>
      </c>
    </row>
    <row r="16" spans="1:8" s="5" customFormat="1">
      <c r="A16" s="43" t="s">
        <v>583</v>
      </c>
      <c r="B16" s="44">
        <v>1514</v>
      </c>
      <c r="C16" s="45">
        <v>75.204672628038992</v>
      </c>
      <c r="D16" s="46">
        <v>0.99895842190360384</v>
      </c>
      <c r="E16" s="276">
        <v>0.16653270292833966</v>
      </c>
      <c r="F16" s="269">
        <v>1.9164692656465858E-2</v>
      </c>
      <c r="G16" s="276">
        <v>0.41981527413652947</v>
      </c>
      <c r="H16" s="269">
        <v>2.5335911887434896E-2</v>
      </c>
    </row>
    <row r="17" spans="1:8" s="5" customFormat="1">
      <c r="A17" s="47" t="s">
        <v>572</v>
      </c>
      <c r="B17" s="48">
        <v>293</v>
      </c>
      <c r="C17" s="49">
        <v>70.188228843005334</v>
      </c>
      <c r="D17" s="50">
        <v>2.3439024540886542</v>
      </c>
      <c r="E17" s="277">
        <v>0.25569874692137601</v>
      </c>
      <c r="F17" s="270">
        <v>5.0839908186457144E-2</v>
      </c>
      <c r="G17" s="277">
        <v>0.33104315190928041</v>
      </c>
      <c r="H17" s="270">
        <v>5.4706727445956484E-2</v>
      </c>
    </row>
    <row r="18" spans="1:8" s="5" customFormat="1">
      <c r="A18" s="43" t="s">
        <v>573</v>
      </c>
      <c r="B18" s="44">
        <v>447</v>
      </c>
      <c r="C18" s="45">
        <v>71.30992435182003</v>
      </c>
      <c r="D18" s="46">
        <v>1.786387767038093</v>
      </c>
      <c r="E18" s="276">
        <v>0.19853777082494919</v>
      </c>
      <c r="F18" s="269">
        <v>3.775582988954411E-2</v>
      </c>
      <c r="G18" s="276">
        <v>0.34325446200130072</v>
      </c>
      <c r="H18" s="269">
        <v>4.4757510764627875E-2</v>
      </c>
    </row>
    <row r="19" spans="1:8" s="5" customFormat="1">
      <c r="A19" s="47" t="s">
        <v>574</v>
      </c>
      <c r="B19" s="48">
        <v>680</v>
      </c>
      <c r="C19" s="49">
        <v>73.693443368563209</v>
      </c>
      <c r="D19" s="50">
        <v>1.5029514272310485</v>
      </c>
      <c r="E19" s="277">
        <v>0.18408793650899277</v>
      </c>
      <c r="F19" s="270">
        <v>2.9751741963162624E-2</v>
      </c>
      <c r="G19" s="277">
        <v>0.39074948652229713</v>
      </c>
      <c r="H19" s="270">
        <v>3.7322955610921617E-2</v>
      </c>
    </row>
    <row r="20" spans="1:8">
      <c r="A20" s="43" t="s">
        <v>575</v>
      </c>
      <c r="B20" s="44">
        <v>938</v>
      </c>
      <c r="C20" s="45">
        <v>80.551269174965242</v>
      </c>
      <c r="D20" s="46">
        <v>1.15347051973519</v>
      </c>
      <c r="E20" s="276">
        <v>0.10117322222392851</v>
      </c>
      <c r="F20" s="269">
        <v>1.9795685162359068E-2</v>
      </c>
      <c r="G20" s="276">
        <v>0.52970718955050422</v>
      </c>
      <c r="H20" s="269">
        <v>3.252469007043373E-2</v>
      </c>
    </row>
    <row r="21" spans="1:8">
      <c r="A21" s="47" t="s">
        <v>576</v>
      </c>
      <c r="B21" s="48">
        <v>757</v>
      </c>
      <c r="C21" s="49">
        <v>74.043047075757471</v>
      </c>
      <c r="D21" s="50">
        <v>1.3715422562305233</v>
      </c>
      <c r="E21" s="277">
        <v>0.19651457364899991</v>
      </c>
      <c r="F21" s="270">
        <v>2.8896688230081492E-2</v>
      </c>
      <c r="G21" s="277">
        <v>0.44242114418538792</v>
      </c>
      <c r="H21" s="270">
        <v>3.6011345566760375E-2</v>
      </c>
    </row>
    <row r="22" spans="1:8">
      <c r="A22" s="55" t="s">
        <v>577</v>
      </c>
      <c r="B22" s="44">
        <v>770</v>
      </c>
      <c r="C22" s="45">
        <v>76.944548805305473</v>
      </c>
      <c r="D22" s="46">
        <v>1.3360366861741042</v>
      </c>
      <c r="E22" s="276">
        <v>0.112414145981237</v>
      </c>
      <c r="F22" s="269">
        <v>2.288335594824863E-2</v>
      </c>
      <c r="G22" s="276">
        <v>0.4159864010746282</v>
      </c>
      <c r="H22" s="269">
        <v>3.543852124851634E-2</v>
      </c>
    </row>
    <row r="23" spans="1:8">
      <c r="A23" s="47" t="s">
        <v>578</v>
      </c>
      <c r="B23" s="48">
        <v>260</v>
      </c>
      <c r="C23" s="49">
        <v>71.940375250481168</v>
      </c>
      <c r="D23" s="50">
        <v>2.5880779439782784</v>
      </c>
      <c r="E23" s="277">
        <v>0.24292039378156882</v>
      </c>
      <c r="F23" s="270">
        <v>5.3071939295040955E-2</v>
      </c>
      <c r="G23" s="277">
        <v>0.36365039180814995</v>
      </c>
      <c r="H23" s="270">
        <v>5.9284609705220453E-2</v>
      </c>
    </row>
    <row r="24" spans="1:8">
      <c r="A24" s="55" t="s">
        <v>579</v>
      </c>
      <c r="B24" s="44">
        <v>223</v>
      </c>
      <c r="C24" s="45">
        <v>72.439947279384583</v>
      </c>
      <c r="D24" s="46">
        <v>2.6128103403567846</v>
      </c>
      <c r="E24" s="276">
        <v>0.22419722267583975</v>
      </c>
      <c r="F24" s="269">
        <v>5.5782774122945883E-2</v>
      </c>
      <c r="G24" s="276">
        <v>0.3988214307034269</v>
      </c>
      <c r="H24" s="269">
        <v>6.504766092726802E-2</v>
      </c>
    </row>
    <row r="25" spans="1:8">
      <c r="A25" s="47" t="s">
        <v>580</v>
      </c>
      <c r="B25" s="48">
        <v>223</v>
      </c>
      <c r="C25" s="49">
        <v>73.088811196560513</v>
      </c>
      <c r="D25" s="50">
        <v>2.6298503927374242</v>
      </c>
      <c r="E25" s="277">
        <v>0.18525502841559432</v>
      </c>
      <c r="F25" s="270">
        <v>5.2159717301103664E-2</v>
      </c>
      <c r="G25" s="277">
        <v>0.40994670277764056</v>
      </c>
      <c r="H25" s="270">
        <v>6.5325169214624723E-2</v>
      </c>
    </row>
    <row r="26" spans="1:8">
      <c r="A26" s="55" t="s">
        <v>581</v>
      </c>
      <c r="B26" s="44">
        <v>123</v>
      </c>
      <c r="C26" s="45">
        <v>75.995261060044172</v>
      </c>
      <c r="D26" s="46">
        <v>3.6443040204669388</v>
      </c>
      <c r="E26" s="276">
        <v>0.2002813979963434</v>
      </c>
      <c r="F26" s="269">
        <v>7.2250288429485124E-2</v>
      </c>
      <c r="G26" s="276">
        <v>0.42155603339861736</v>
      </c>
      <c r="H26" s="269">
        <v>8.7705315317144733E-2</v>
      </c>
    </row>
    <row r="27" spans="1:8">
      <c r="A27" s="47" t="s">
        <v>584</v>
      </c>
      <c r="B27" s="48">
        <v>118</v>
      </c>
      <c r="C27" s="49">
        <v>69.45075796889239</v>
      </c>
      <c r="D27" s="50">
        <v>4.0045503535178888</v>
      </c>
      <c r="E27" s="277">
        <v>0.27054921970882351</v>
      </c>
      <c r="F27" s="270">
        <v>8.1128929945754616E-2</v>
      </c>
      <c r="G27" s="277">
        <v>0.33159881391060786</v>
      </c>
      <c r="H27" s="270">
        <v>8.5597257331949339E-2</v>
      </c>
    </row>
    <row r="28" spans="1:8" s="5" customFormat="1">
      <c r="A28" s="55" t="s">
        <v>585</v>
      </c>
      <c r="B28" s="44">
        <v>2267</v>
      </c>
      <c r="C28" s="45">
        <v>75.456191429685347</v>
      </c>
      <c r="D28" s="46">
        <v>0.79873202829529533</v>
      </c>
      <c r="E28" s="276">
        <v>0.16109280611663027</v>
      </c>
      <c r="F28" s="269">
        <v>1.5451300782064916E-2</v>
      </c>
      <c r="G28" s="276">
        <v>0.42960459979335314</v>
      </c>
      <c r="H28" s="269">
        <v>2.0775876372872048E-2</v>
      </c>
    </row>
    <row r="29" spans="1:8" s="5" customFormat="1">
      <c r="A29" s="47" t="s">
        <v>620</v>
      </c>
      <c r="B29" s="48">
        <v>155</v>
      </c>
      <c r="C29" s="49">
        <v>73.465967874743754</v>
      </c>
      <c r="D29" s="50">
        <v>3.2283273893834297</v>
      </c>
      <c r="E29" s="277">
        <v>0.17786130070800443</v>
      </c>
      <c r="F29" s="270">
        <v>6.171190560072199E-2</v>
      </c>
      <c r="G29" s="277">
        <v>0.37012434499693442</v>
      </c>
      <c r="H29" s="270">
        <v>7.6720570741305463E-2</v>
      </c>
    </row>
    <row r="30" spans="1:8" s="5" customFormat="1">
      <c r="A30" s="55" t="s">
        <v>621</v>
      </c>
      <c r="B30" s="44">
        <v>163</v>
      </c>
      <c r="C30" s="45">
        <v>76.888585981583319</v>
      </c>
      <c r="D30" s="46">
        <v>2.7876868403370985</v>
      </c>
      <c r="E30" s="276">
        <v>0.13864101626425843</v>
      </c>
      <c r="F30" s="269">
        <v>5.4848755575386363E-2</v>
      </c>
      <c r="G30" s="276">
        <v>0.43825425916122485</v>
      </c>
      <c r="H30" s="269">
        <v>7.6818147915795748E-2</v>
      </c>
    </row>
    <row r="31" spans="1:8" s="5" customFormat="1">
      <c r="A31" s="47" t="s">
        <v>622</v>
      </c>
      <c r="B31" s="48">
        <v>999</v>
      </c>
      <c r="C31" s="49">
        <v>76.055637391035546</v>
      </c>
      <c r="D31" s="50">
        <v>1.1644969275416956</v>
      </c>
      <c r="E31" s="277">
        <v>0.15070708875511543</v>
      </c>
      <c r="F31" s="270">
        <v>2.2678616089407955E-2</v>
      </c>
      <c r="G31" s="277">
        <v>0.42855761590426034</v>
      </c>
      <c r="H31" s="270">
        <v>3.1254055900290727E-2</v>
      </c>
    </row>
    <row r="32" spans="1:8" s="5" customFormat="1">
      <c r="A32" s="55" t="s">
        <v>623</v>
      </c>
      <c r="B32" s="44">
        <v>303</v>
      </c>
      <c r="C32" s="45">
        <v>76.045327163790887</v>
      </c>
      <c r="D32" s="46">
        <v>2.3734895531762512</v>
      </c>
      <c r="E32" s="276">
        <v>0.13844688851751943</v>
      </c>
      <c r="F32" s="269">
        <v>3.9977771902651123E-2</v>
      </c>
      <c r="G32" s="276">
        <v>0.45831245003744464</v>
      </c>
      <c r="H32" s="269">
        <v>5.6879452985546676E-2</v>
      </c>
    </row>
    <row r="33" spans="1:8" s="5" customFormat="1">
      <c r="A33" s="47" t="s">
        <v>624</v>
      </c>
      <c r="B33" s="48">
        <v>317</v>
      </c>
      <c r="C33" s="49">
        <v>76.701504380989434</v>
      </c>
      <c r="D33" s="50">
        <v>2.0380887723934529</v>
      </c>
      <c r="E33" s="277">
        <v>0.13813365815151618</v>
      </c>
      <c r="F33" s="270">
        <v>3.9037628665800864E-2</v>
      </c>
      <c r="G33" s="277">
        <v>0.44440337433451288</v>
      </c>
      <c r="H33" s="270">
        <v>5.5477038458760335E-2</v>
      </c>
    </row>
    <row r="34" spans="1:8" s="5" customFormat="1">
      <c r="A34" s="55" t="s">
        <v>625</v>
      </c>
      <c r="B34" s="44">
        <v>1201</v>
      </c>
      <c r="C34" s="45">
        <v>74.298143122536615</v>
      </c>
      <c r="D34" s="46">
        <v>1.109937797272682</v>
      </c>
      <c r="E34" s="276">
        <v>0.18377039474231383</v>
      </c>
      <c r="F34" s="269">
        <v>2.2363399482824214E-2</v>
      </c>
      <c r="G34" s="276">
        <v>0.4088746831040328</v>
      </c>
      <c r="H34" s="269">
        <v>2.8328318997447532E-2</v>
      </c>
    </row>
    <row r="35" spans="1:8" s="5" customFormat="1">
      <c r="A35" s="47" t="s">
        <v>626</v>
      </c>
      <c r="B35" s="48">
        <v>1183</v>
      </c>
      <c r="C35" s="49">
        <v>75.114450327388553</v>
      </c>
      <c r="D35" s="50">
        <v>1.1156748873926707</v>
      </c>
      <c r="E35" s="277">
        <v>0.161591101943107</v>
      </c>
      <c r="F35" s="270">
        <v>2.142756449009579E-2</v>
      </c>
      <c r="G35" s="277">
        <v>0.42842770009740883</v>
      </c>
      <c r="H35" s="270">
        <v>2.8728275399798241E-2</v>
      </c>
    </row>
    <row r="36" spans="1:8" s="5" customFormat="1">
      <c r="A36" s="55" t="s">
        <v>627</v>
      </c>
      <c r="B36" s="44">
        <v>346</v>
      </c>
      <c r="C36" s="45">
        <v>75.200780107536517</v>
      </c>
      <c r="D36" s="46">
        <v>2.1153568859370369</v>
      </c>
      <c r="E36" s="276">
        <v>0.15986830773396427</v>
      </c>
      <c r="F36" s="269">
        <v>3.9560392086286887E-2</v>
      </c>
      <c r="G36" s="276">
        <v>0.43599110228390425</v>
      </c>
      <c r="H36" s="269">
        <v>5.3022472299720215E-2</v>
      </c>
    </row>
    <row r="37" spans="1:8" s="5" customFormat="1">
      <c r="A37" s="47" t="s">
        <v>628</v>
      </c>
      <c r="B37" s="48">
        <v>837</v>
      </c>
      <c r="C37" s="49">
        <v>75.062794483273464</v>
      </c>
      <c r="D37" s="50">
        <v>1.3129294486742595</v>
      </c>
      <c r="E37" s="277">
        <v>0.16262194424291557</v>
      </c>
      <c r="F37" s="270">
        <v>2.5550418435843512E-2</v>
      </c>
      <c r="G37" s="277">
        <v>0.42390210158835168</v>
      </c>
      <c r="H37" s="270">
        <v>3.4084881429107192E-2</v>
      </c>
    </row>
    <row r="38" spans="1:8" s="5" customFormat="1">
      <c r="A38" s="55" t="s">
        <v>629</v>
      </c>
      <c r="B38" s="44">
        <v>218</v>
      </c>
      <c r="C38" s="45">
        <v>75.43347237700462</v>
      </c>
      <c r="D38" s="46">
        <v>2.6607393581336876</v>
      </c>
      <c r="E38" s="276">
        <v>0.1575670205491764</v>
      </c>
      <c r="F38" s="269">
        <v>4.9670478872985188E-2</v>
      </c>
      <c r="G38" s="276">
        <v>0.40010078001890442</v>
      </c>
      <c r="H38" s="269">
        <v>6.5811160405387217E-2</v>
      </c>
    </row>
    <row r="39" spans="1:8" s="5" customFormat="1">
      <c r="A39" s="47" t="s">
        <v>630</v>
      </c>
      <c r="B39" s="48">
        <v>392</v>
      </c>
      <c r="C39" s="49">
        <v>74.372583712836104</v>
      </c>
      <c r="D39" s="50">
        <v>2.0833130092785273</v>
      </c>
      <c r="E39" s="277">
        <v>0.17338473483260156</v>
      </c>
      <c r="F39" s="270">
        <v>3.8332237909664148E-2</v>
      </c>
      <c r="G39" s="277">
        <v>0.41184047996127404</v>
      </c>
      <c r="H39" s="270">
        <v>4.948054593502757E-2</v>
      </c>
    </row>
    <row r="40" spans="1:8" s="5" customFormat="1">
      <c r="A40" s="55" t="s">
        <v>631</v>
      </c>
      <c r="B40" s="44">
        <v>56</v>
      </c>
      <c r="C40" s="45">
        <v>74.676781056567606</v>
      </c>
      <c r="D40" s="46">
        <v>6.6229951683509469</v>
      </c>
      <c r="E40" s="276">
        <v>0.1531363773600001</v>
      </c>
      <c r="F40" s="269">
        <v>9.8384556072970794E-2</v>
      </c>
      <c r="G40" s="276">
        <v>0.44229535395596176</v>
      </c>
      <c r="H40" s="269">
        <v>0.12834831551182116</v>
      </c>
    </row>
    <row r="41" spans="1:8" s="5" customFormat="1">
      <c r="A41" s="47" t="s">
        <v>632</v>
      </c>
      <c r="B41" s="48">
        <v>336</v>
      </c>
      <c r="C41" s="49">
        <v>74.286100053979354</v>
      </c>
      <c r="D41" s="50">
        <v>2.1701454539867528</v>
      </c>
      <c r="E41" s="277">
        <v>0.17914136642770243</v>
      </c>
      <c r="F41" s="270">
        <v>4.1932417224421141E-2</v>
      </c>
      <c r="G41" s="277">
        <v>0.40318212384029695</v>
      </c>
      <c r="H41" s="270">
        <v>5.323041580014861E-2</v>
      </c>
    </row>
    <row r="42" spans="1:8" s="5" customFormat="1">
      <c r="A42" s="55" t="s">
        <v>633</v>
      </c>
      <c r="B42" s="44">
        <v>667</v>
      </c>
      <c r="C42" s="45">
        <v>77.284047925063064</v>
      </c>
      <c r="D42" s="46">
        <v>1.3797254118381568</v>
      </c>
      <c r="E42" s="276">
        <v>0.12757815155443183</v>
      </c>
      <c r="F42" s="269">
        <v>2.5948552305441176E-2</v>
      </c>
      <c r="G42" s="276">
        <v>0.46710932125449667</v>
      </c>
      <c r="H42" s="269">
        <v>3.8521951667368201E-2</v>
      </c>
    </row>
    <row r="43" spans="1:8" s="5" customFormat="1">
      <c r="A43" s="47" t="s">
        <v>634</v>
      </c>
      <c r="B43" s="48">
        <v>611</v>
      </c>
      <c r="C43" s="49">
        <v>75.392193573862883</v>
      </c>
      <c r="D43" s="50">
        <v>1.48318844256942</v>
      </c>
      <c r="E43" s="277">
        <v>0.15040886284504179</v>
      </c>
      <c r="F43" s="270">
        <v>2.9007500230341553E-2</v>
      </c>
      <c r="G43" s="277">
        <v>0.42617686882655031</v>
      </c>
      <c r="H43" s="270">
        <v>3.9887712897367589E-2</v>
      </c>
    </row>
    <row r="44" spans="1:8" s="5" customFormat="1">
      <c r="A44" s="55" t="s">
        <v>635</v>
      </c>
      <c r="B44" s="44">
        <v>228</v>
      </c>
      <c r="C44" s="45">
        <v>74.978854896635625</v>
      </c>
      <c r="D44" s="46">
        <v>2.4479313579435682</v>
      </c>
      <c r="E44" s="276">
        <v>0.16499024877785215</v>
      </c>
      <c r="F44" s="269">
        <v>4.9411215559449939E-2</v>
      </c>
      <c r="G44" s="276">
        <v>0.43319036041329928</v>
      </c>
      <c r="H44" s="269">
        <v>6.5084700777016072E-2</v>
      </c>
    </row>
    <row r="45" spans="1:8" s="5" customFormat="1">
      <c r="A45" s="47" t="s">
        <v>636</v>
      </c>
      <c r="B45" s="48">
        <v>383</v>
      </c>
      <c r="C45" s="49">
        <v>75.745092430414928</v>
      </c>
      <c r="D45" s="50">
        <v>1.8639537637809982</v>
      </c>
      <c r="E45" s="277">
        <v>0.13795961793732528</v>
      </c>
      <c r="F45" s="270">
        <v>3.5455293879676213E-2</v>
      </c>
      <c r="G45" s="277">
        <v>0.42018891440136974</v>
      </c>
      <c r="H45" s="270">
        <v>5.0194576003078362E-2</v>
      </c>
    </row>
    <row r="47" spans="1:8" ht="18.75">
      <c r="A47" s="343" t="s">
        <v>7</v>
      </c>
      <c r="B47" s="343"/>
      <c r="C47" s="343"/>
      <c r="D47" s="343"/>
      <c r="E47" s="343"/>
      <c r="F47" s="343"/>
      <c r="G47" s="343"/>
      <c r="H47" s="343"/>
    </row>
    <row r="48" spans="1:8" ht="58.5" customHeight="1">
      <c r="A48" s="346" t="s">
        <v>454</v>
      </c>
      <c r="B48" s="346"/>
      <c r="C48" s="346"/>
      <c r="D48" s="346"/>
      <c r="E48" s="346"/>
      <c r="F48" s="346"/>
      <c r="G48" s="346"/>
      <c r="H48" s="346"/>
    </row>
    <row r="49" spans="1:8" ht="39.75" customHeight="1">
      <c r="A49" s="337" t="s">
        <v>76</v>
      </c>
      <c r="B49" s="338"/>
      <c r="C49" s="338"/>
      <c r="D49" s="338"/>
      <c r="E49" s="338"/>
      <c r="F49" s="338"/>
      <c r="G49" s="338"/>
      <c r="H49" s="338"/>
    </row>
    <row r="50" spans="1:8" ht="45" customHeight="1">
      <c r="A50" s="35" t="s">
        <v>70</v>
      </c>
      <c r="B50" s="36" t="s">
        <v>71</v>
      </c>
      <c r="C50" s="37" t="s">
        <v>550</v>
      </c>
      <c r="D50" s="38" t="s">
        <v>72</v>
      </c>
      <c r="E50" s="36" t="s">
        <v>329</v>
      </c>
      <c r="F50" s="38" t="s">
        <v>333</v>
      </c>
      <c r="G50" s="37" t="s">
        <v>331</v>
      </c>
      <c r="H50" s="38" t="s">
        <v>334</v>
      </c>
    </row>
    <row r="51" spans="1:8" ht="67.5" customHeight="1">
      <c r="A51" s="39"/>
      <c r="B51" s="40" t="s">
        <v>73</v>
      </c>
      <c r="C51" s="41" t="s">
        <v>74</v>
      </c>
      <c r="D51" s="42" t="s">
        <v>75</v>
      </c>
      <c r="E51" s="40" t="s">
        <v>330</v>
      </c>
      <c r="F51" s="89" t="s">
        <v>87</v>
      </c>
      <c r="G51" s="126" t="s">
        <v>332</v>
      </c>
      <c r="H51" s="89" t="s">
        <v>87</v>
      </c>
    </row>
    <row r="52" spans="1:8">
      <c r="A52" s="43" t="s">
        <v>348</v>
      </c>
      <c r="B52" s="56">
        <v>13388</v>
      </c>
      <c r="C52" s="57">
        <v>68.207873174728974</v>
      </c>
      <c r="D52" s="58">
        <v>0.31219410610008241</v>
      </c>
      <c r="E52" s="271">
        <v>0.29200125744005584</v>
      </c>
      <c r="F52" s="272">
        <v>7.8585608336742812E-3</v>
      </c>
      <c r="G52" s="271">
        <v>0.29748781954773451</v>
      </c>
      <c r="H52" s="272">
        <v>7.9012217198860726E-3</v>
      </c>
    </row>
    <row r="53" spans="1:8" s="5" customFormat="1">
      <c r="A53" s="47" t="s">
        <v>349</v>
      </c>
      <c r="B53" s="59">
        <v>9889</v>
      </c>
      <c r="C53" s="60">
        <v>69.687648348819224</v>
      </c>
      <c r="D53" s="61">
        <v>0.35282419388633779</v>
      </c>
      <c r="E53" s="273">
        <v>0.26144549542372658</v>
      </c>
      <c r="F53" s="274">
        <v>8.8368927471551059E-3</v>
      </c>
      <c r="G53" s="273">
        <v>0.32979567643007823</v>
      </c>
      <c r="H53" s="274">
        <v>9.4539889739480489E-3</v>
      </c>
    </row>
    <row r="54" spans="1:8" s="5" customFormat="1">
      <c r="A54" s="43" t="s">
        <v>350</v>
      </c>
      <c r="B54" s="52">
        <v>3499</v>
      </c>
      <c r="C54" s="53">
        <v>66.961984852629868</v>
      </c>
      <c r="D54" s="54">
        <v>0.64258535087208368</v>
      </c>
      <c r="E54" s="275">
        <v>0.31772750811347128</v>
      </c>
      <c r="F54" s="272">
        <v>1.5735922680593154E-2</v>
      </c>
      <c r="G54" s="275">
        <v>0.27028640253078789</v>
      </c>
      <c r="H54" s="272">
        <v>1.5011732185328109E-2</v>
      </c>
    </row>
    <row r="55" spans="1:8" s="5" customFormat="1">
      <c r="A55" s="47" t="s">
        <v>568</v>
      </c>
      <c r="B55" s="59">
        <v>11067</v>
      </c>
      <c r="C55" s="60">
        <v>68.154709294711864</v>
      </c>
      <c r="D55" s="61">
        <v>0.34812549858488612</v>
      </c>
      <c r="E55" s="273">
        <v>0.29291036290057765</v>
      </c>
      <c r="F55" s="274">
        <v>8.6511463261338198E-3</v>
      </c>
      <c r="G55" s="273">
        <v>0.29640573620171606</v>
      </c>
      <c r="H55" s="274">
        <v>8.6810487871394528E-3</v>
      </c>
    </row>
    <row r="56" spans="1:8" s="5" customFormat="1">
      <c r="A56" s="43" t="s">
        <v>569</v>
      </c>
      <c r="B56" s="52">
        <v>2321</v>
      </c>
      <c r="C56" s="53">
        <v>74.714688596796947</v>
      </c>
      <c r="D56" s="54">
        <v>0.6642947890638804</v>
      </c>
      <c r="E56" s="275">
        <v>0.18073433281194412</v>
      </c>
      <c r="F56" s="272">
        <v>1.5979549343388359E-2</v>
      </c>
      <c r="G56" s="275">
        <v>0.42992579438281447</v>
      </c>
      <c r="H56" s="272">
        <v>2.0535057342230607E-2</v>
      </c>
    </row>
    <row r="57" spans="1:8" s="5" customFormat="1">
      <c r="A57" s="47" t="s">
        <v>570</v>
      </c>
      <c r="B57" s="59">
        <v>591</v>
      </c>
      <c r="C57" s="60">
        <v>74.372577423627405</v>
      </c>
      <c r="D57" s="61">
        <v>1.369394042215939</v>
      </c>
      <c r="E57" s="273">
        <v>0.1786277187079692</v>
      </c>
      <c r="F57" s="274">
        <v>3.1554017144763025E-2</v>
      </c>
      <c r="G57" s="273">
        <v>0.42399092444954289</v>
      </c>
      <c r="H57" s="274">
        <v>4.0525957104049763E-2</v>
      </c>
    </row>
    <row r="58" spans="1:8" s="5" customFormat="1">
      <c r="A58" s="43" t="s">
        <v>571</v>
      </c>
      <c r="B58" s="52">
        <v>1244</v>
      </c>
      <c r="C58" s="53">
        <v>75.922467116652413</v>
      </c>
      <c r="D58" s="54">
        <v>0.87089135371796511</v>
      </c>
      <c r="E58" s="275">
        <v>0.15040005930622541</v>
      </c>
      <c r="F58" s="272">
        <v>2.0299211192884914E-2</v>
      </c>
      <c r="G58" s="275">
        <v>0.45878552322503147</v>
      </c>
      <c r="H58" s="272">
        <v>2.8211213339783069E-2</v>
      </c>
    </row>
    <row r="59" spans="1:8" s="5" customFormat="1">
      <c r="A59" s="47" t="s">
        <v>582</v>
      </c>
      <c r="B59" s="59">
        <v>859</v>
      </c>
      <c r="C59" s="60">
        <v>73.716812812704859</v>
      </c>
      <c r="D59" s="61">
        <v>1.1290762695628649</v>
      </c>
      <c r="E59" s="273">
        <v>0.20006291298758591</v>
      </c>
      <c r="F59" s="274">
        <v>2.7306233842075006E-2</v>
      </c>
      <c r="G59" s="273">
        <v>0.40288375519048791</v>
      </c>
      <c r="H59" s="274">
        <v>3.33981676610706E-2</v>
      </c>
    </row>
    <row r="60" spans="1:8" s="5" customFormat="1">
      <c r="A60" s="43" t="s">
        <v>583</v>
      </c>
      <c r="B60" s="52">
        <v>1462</v>
      </c>
      <c r="C60" s="53">
        <v>75.126779628690031</v>
      </c>
      <c r="D60" s="54">
        <v>0.8181412707968192</v>
      </c>
      <c r="E60" s="275">
        <v>0.17275224257928407</v>
      </c>
      <c r="F60" s="272">
        <v>1.9786893761492411E-2</v>
      </c>
      <c r="G60" s="275">
        <v>0.44109329840777939</v>
      </c>
      <c r="H60" s="272">
        <v>2.5936690186312478E-2</v>
      </c>
    </row>
    <row r="61" spans="1:8" s="5" customFormat="1">
      <c r="A61" s="47" t="s">
        <v>572</v>
      </c>
      <c r="B61" s="59">
        <v>289</v>
      </c>
      <c r="C61" s="60">
        <v>72.807474762369125</v>
      </c>
      <c r="D61" s="61">
        <v>1.8354259834883555</v>
      </c>
      <c r="E61" s="273">
        <v>0.22723760237807147</v>
      </c>
      <c r="F61" s="274">
        <v>4.9242478577428965E-2</v>
      </c>
      <c r="G61" s="273">
        <v>0.37480638222007739</v>
      </c>
      <c r="H61" s="274">
        <v>5.6610950683452878E-2</v>
      </c>
    </row>
    <row r="62" spans="1:8" s="5" customFormat="1">
      <c r="A62" s="43" t="s">
        <v>573</v>
      </c>
      <c r="B62" s="56">
        <v>442</v>
      </c>
      <c r="C62" s="57">
        <v>71.312701025752702</v>
      </c>
      <c r="D62" s="58">
        <v>1.5254683094287815</v>
      </c>
      <c r="E62" s="271">
        <v>0.23435083777236865</v>
      </c>
      <c r="F62" s="272">
        <v>4.0255982092426576E-2</v>
      </c>
      <c r="G62" s="271">
        <v>0.34323906371822738</v>
      </c>
      <c r="H62" s="272">
        <v>4.5007704502607666E-2</v>
      </c>
    </row>
    <row r="63" spans="1:8">
      <c r="A63" s="47" t="s">
        <v>574</v>
      </c>
      <c r="B63" s="59">
        <v>667</v>
      </c>
      <c r="C63" s="60">
        <v>74.396223342219159</v>
      </c>
      <c r="D63" s="61">
        <v>1.2718503541353754</v>
      </c>
      <c r="E63" s="273">
        <v>0.18102097134694761</v>
      </c>
      <c r="F63" s="274">
        <v>2.9849283596207223E-2</v>
      </c>
      <c r="G63" s="273">
        <v>0.39788820608236075</v>
      </c>
      <c r="H63" s="274">
        <v>3.7800726602747088E-2</v>
      </c>
    </row>
    <row r="64" spans="1:8">
      <c r="A64" s="43" t="s">
        <v>575</v>
      </c>
      <c r="B64" s="52">
        <v>897</v>
      </c>
      <c r="C64" s="53">
        <v>78.533087468097563</v>
      </c>
      <c r="D64" s="54">
        <v>1.0228005888492715</v>
      </c>
      <c r="E64" s="275">
        <v>0.11069902523644823</v>
      </c>
      <c r="F64" s="272">
        <v>2.1047741999007004E-2</v>
      </c>
      <c r="G64" s="275">
        <v>0.54203612523536737</v>
      </c>
      <c r="H64" s="272">
        <v>3.3197931210064403E-2</v>
      </c>
    </row>
    <row r="65" spans="1:8">
      <c r="A65" s="47" t="s">
        <v>576</v>
      </c>
      <c r="B65" s="59">
        <v>736</v>
      </c>
      <c r="C65" s="60">
        <v>74.566571530972993</v>
      </c>
      <c r="D65" s="61">
        <v>1.1773177381917297</v>
      </c>
      <c r="E65" s="273">
        <v>0.1791331240144752</v>
      </c>
      <c r="F65" s="274">
        <v>2.8299028031607013E-2</v>
      </c>
      <c r="G65" s="273">
        <v>0.42888294961381768</v>
      </c>
      <c r="H65" s="274">
        <v>3.6391036504174287E-2</v>
      </c>
    </row>
    <row r="66" spans="1:8">
      <c r="A66" s="55" t="s">
        <v>577</v>
      </c>
      <c r="B66" s="56">
        <v>752</v>
      </c>
      <c r="C66" s="57">
        <v>76.380675721060001</v>
      </c>
      <c r="D66" s="58">
        <v>1.0954443715045772</v>
      </c>
      <c r="E66" s="271">
        <v>0.14502873919284348</v>
      </c>
      <c r="F66" s="272">
        <v>2.5750662240798118E-2</v>
      </c>
      <c r="G66" s="271">
        <v>0.43459438274545653</v>
      </c>
      <c r="H66" s="272">
        <v>3.6060447062285027E-2</v>
      </c>
    </row>
    <row r="67" spans="1:8">
      <c r="A67" s="47" t="s">
        <v>578</v>
      </c>
      <c r="B67" s="59">
        <v>249</v>
      </c>
      <c r="C67" s="60">
        <v>71.393402563452256</v>
      </c>
      <c r="D67" s="61">
        <v>2.2563935810007103</v>
      </c>
      <c r="E67" s="273">
        <v>0.2517927105377426</v>
      </c>
      <c r="F67" s="274">
        <v>5.4855294348391911E-2</v>
      </c>
      <c r="G67" s="273">
        <v>0.38088967456580919</v>
      </c>
      <c r="H67" s="274">
        <v>6.1117109560151428E-2</v>
      </c>
    </row>
    <row r="68" spans="1:8">
      <c r="A68" s="55" t="s">
        <v>579</v>
      </c>
      <c r="B68" s="56">
        <v>217</v>
      </c>
      <c r="C68" s="57">
        <v>74.906867265513199</v>
      </c>
      <c r="D68" s="58">
        <v>2.2255725656634247</v>
      </c>
      <c r="E68" s="271">
        <v>0.18106989913577312</v>
      </c>
      <c r="F68" s="272">
        <v>5.2439546936297113E-2</v>
      </c>
      <c r="G68" s="271">
        <v>0.46712278744616709</v>
      </c>
      <c r="H68" s="272">
        <v>6.7126929514493699E-2</v>
      </c>
    </row>
    <row r="69" spans="1:8">
      <c r="A69" s="47" t="s">
        <v>580</v>
      </c>
      <c r="B69" s="59">
        <v>221</v>
      </c>
      <c r="C69" s="60">
        <v>75.04561545983718</v>
      </c>
      <c r="D69" s="61">
        <v>2.1927292506638816</v>
      </c>
      <c r="E69" s="273">
        <v>0.18245261686766867</v>
      </c>
      <c r="F69" s="274">
        <v>5.2105377382635251E-2</v>
      </c>
      <c r="G69" s="273">
        <v>0.4559202431645098</v>
      </c>
      <c r="H69" s="274">
        <v>6.6416255878611233E-2</v>
      </c>
    </row>
    <row r="70" spans="1:8">
      <c r="A70" s="55" t="s">
        <v>581</v>
      </c>
      <c r="B70" s="56">
        <v>117</v>
      </c>
      <c r="C70" s="57">
        <v>75.051349550025677</v>
      </c>
      <c r="D70" s="58">
        <v>3.0384422541106462</v>
      </c>
      <c r="E70" s="271">
        <v>0.18277537552215933</v>
      </c>
      <c r="F70" s="272">
        <v>7.1792143777659009E-2</v>
      </c>
      <c r="G70" s="271">
        <v>0.47981955079427552</v>
      </c>
      <c r="H70" s="272">
        <v>9.0839833632061565E-2</v>
      </c>
    </row>
    <row r="71" spans="1:8">
      <c r="A71" s="47" t="s">
        <v>584</v>
      </c>
      <c r="B71" s="59">
        <v>116</v>
      </c>
      <c r="C71" s="60">
        <v>73.153246015389044</v>
      </c>
      <c r="D71" s="61">
        <v>3.1750980854479551</v>
      </c>
      <c r="E71" s="273">
        <v>0.22406193151386541</v>
      </c>
      <c r="F71" s="274">
        <v>7.7211765406690031E-2</v>
      </c>
      <c r="G71" s="273">
        <v>0.36677754176498234</v>
      </c>
      <c r="H71" s="274">
        <v>8.8207193823311963E-2</v>
      </c>
    </row>
    <row r="72" spans="1:8">
      <c r="A72" s="55" t="s">
        <v>585</v>
      </c>
      <c r="B72" s="56">
        <v>2205</v>
      </c>
      <c r="C72" s="57">
        <v>74.993814991615594</v>
      </c>
      <c r="D72" s="58">
        <v>0.67881836646253857</v>
      </c>
      <c r="E72" s="271">
        <v>0.17298901027122607</v>
      </c>
      <c r="F72" s="272">
        <v>1.6116974876501461E-2</v>
      </c>
      <c r="G72" s="271">
        <v>0.44121429407033957</v>
      </c>
      <c r="H72" s="272">
        <v>2.1129566224776821E-2</v>
      </c>
    </row>
    <row r="73" spans="1:8" s="5" customFormat="1">
      <c r="A73" s="47" t="s">
        <v>620</v>
      </c>
      <c r="B73" s="59">
        <v>149</v>
      </c>
      <c r="C73" s="60">
        <v>72.270079085741017</v>
      </c>
      <c r="D73" s="61">
        <v>2.7165024513699247</v>
      </c>
      <c r="E73" s="273">
        <v>0.21077949165660598</v>
      </c>
      <c r="F73" s="274">
        <v>6.6797538581689186E-2</v>
      </c>
      <c r="G73" s="273">
        <v>0.35552784140030602</v>
      </c>
      <c r="H73" s="274">
        <v>7.7578530549925237E-2</v>
      </c>
    </row>
    <row r="74" spans="1:8" s="5" customFormat="1">
      <c r="A74" s="55" t="s">
        <v>621</v>
      </c>
      <c r="B74" s="56">
        <v>155</v>
      </c>
      <c r="C74" s="57">
        <v>75.814813683108127</v>
      </c>
      <c r="D74" s="58">
        <v>2.366581990443887</v>
      </c>
      <c r="E74" s="271">
        <v>0.1552684992501156</v>
      </c>
      <c r="F74" s="272">
        <v>5.8721031490377502E-2</v>
      </c>
      <c r="G74" s="271">
        <v>0.45074882180571407</v>
      </c>
      <c r="H74" s="272">
        <v>7.8938688569922713E-2</v>
      </c>
    </row>
    <row r="75" spans="1:8" s="5" customFormat="1">
      <c r="A75" s="47" t="s">
        <v>622</v>
      </c>
      <c r="B75" s="59">
        <v>972</v>
      </c>
      <c r="C75" s="60">
        <v>75.678797133593633</v>
      </c>
      <c r="D75" s="61">
        <v>1.0032534916585927</v>
      </c>
      <c r="E75" s="273">
        <v>0.1554811721474714</v>
      </c>
      <c r="F75" s="274">
        <v>2.3283505637625917E-2</v>
      </c>
      <c r="G75" s="273">
        <v>0.43956724183361806</v>
      </c>
      <c r="H75" s="274">
        <v>3.1776483455391663E-2</v>
      </c>
    </row>
    <row r="76" spans="1:8" s="5" customFormat="1">
      <c r="A76" s="55" t="s">
        <v>623</v>
      </c>
      <c r="B76" s="56">
        <v>294</v>
      </c>
      <c r="C76" s="57">
        <v>75.685386270257865</v>
      </c>
      <c r="D76" s="58">
        <v>1.9260852630996499</v>
      </c>
      <c r="E76" s="271">
        <v>0.17228107693233244</v>
      </c>
      <c r="F76" s="272">
        <v>4.4187545735661291E-2</v>
      </c>
      <c r="G76" s="271">
        <v>0.50005151831809114</v>
      </c>
      <c r="H76" s="272">
        <v>5.7928444337048787E-2</v>
      </c>
    </row>
    <row r="77" spans="1:8" s="5" customFormat="1">
      <c r="A77" s="47" t="s">
        <v>624</v>
      </c>
      <c r="B77" s="59">
        <v>313</v>
      </c>
      <c r="C77" s="60">
        <v>76.443810588352903</v>
      </c>
      <c r="D77" s="61">
        <v>1.7830528856387704</v>
      </c>
      <c r="E77" s="273">
        <v>0.14085750858169749</v>
      </c>
      <c r="F77" s="274">
        <v>3.9595945645261622E-2</v>
      </c>
      <c r="G77" s="273">
        <v>0.48663766933683589</v>
      </c>
      <c r="H77" s="274">
        <v>5.6146038255153519E-2</v>
      </c>
    </row>
    <row r="78" spans="1:8" s="5" customFormat="1">
      <c r="A78" s="55" t="s">
        <v>625</v>
      </c>
      <c r="B78" s="56">
        <v>1170</v>
      </c>
      <c r="C78" s="57">
        <v>74.4417615632576</v>
      </c>
      <c r="D78" s="58">
        <v>0.93129855483642587</v>
      </c>
      <c r="E78" s="271">
        <v>0.1968056863077354</v>
      </c>
      <c r="F78" s="272">
        <v>2.3253184549017484E-2</v>
      </c>
      <c r="G78" s="271">
        <v>0.41270954478653077</v>
      </c>
      <c r="H78" s="272">
        <v>2.8740287475912979E-2</v>
      </c>
    </row>
    <row r="79" spans="1:8" s="5" customFormat="1">
      <c r="A79" s="47" t="s">
        <v>626</v>
      </c>
      <c r="B79" s="59">
        <v>1150</v>
      </c>
      <c r="C79" s="60">
        <v>75.279758989494169</v>
      </c>
      <c r="D79" s="61">
        <v>0.94885324696644235</v>
      </c>
      <c r="E79" s="273">
        <v>0.14898920915077191</v>
      </c>
      <c r="F79" s="274">
        <v>2.1034269030445162E-2</v>
      </c>
      <c r="G79" s="273">
        <v>0.46711732206454992</v>
      </c>
      <c r="H79" s="274">
        <v>2.9373953747964174E-2</v>
      </c>
    </row>
    <row r="80" spans="1:8" s="5" customFormat="1">
      <c r="A80" s="55" t="s">
        <v>627</v>
      </c>
      <c r="B80" s="56">
        <v>336</v>
      </c>
      <c r="C80" s="57">
        <v>74.560029318659588</v>
      </c>
      <c r="D80" s="58">
        <v>1.7781818333842723</v>
      </c>
      <c r="E80" s="271">
        <v>0.1525617066016878</v>
      </c>
      <c r="F80" s="272">
        <v>3.9423826638884434E-2</v>
      </c>
      <c r="G80" s="271">
        <v>0.45826180743838607</v>
      </c>
      <c r="H80" s="272">
        <v>5.4047764518632913E-2</v>
      </c>
    </row>
    <row r="81" spans="1:50" s="5" customFormat="1">
      <c r="A81" s="47" t="s">
        <v>628</v>
      </c>
      <c r="B81" s="59">
        <v>814</v>
      </c>
      <c r="C81" s="60">
        <v>75.714530870247458</v>
      </c>
      <c r="D81" s="61">
        <v>1.1216084706484186</v>
      </c>
      <c r="E81" s="273">
        <v>0.146831146896758</v>
      </c>
      <c r="F81" s="274">
        <v>2.4870187648884358E-2</v>
      </c>
      <c r="G81" s="273">
        <v>0.47246673157908503</v>
      </c>
      <c r="H81" s="274">
        <v>3.4911646426643239E-2</v>
      </c>
    </row>
    <row r="82" spans="1:50" s="5" customFormat="1">
      <c r="A82" s="55" t="s">
        <v>629</v>
      </c>
      <c r="B82" s="56">
        <v>211</v>
      </c>
      <c r="C82" s="57">
        <v>74.928235168903655</v>
      </c>
      <c r="D82" s="58">
        <v>2.1399815576686194</v>
      </c>
      <c r="E82" s="271">
        <v>0.17467847892226757</v>
      </c>
      <c r="F82" s="272">
        <v>5.2485619377173741E-2</v>
      </c>
      <c r="G82" s="271">
        <v>0.41945185559013176</v>
      </c>
      <c r="H82" s="272">
        <v>6.7341706183749753E-2</v>
      </c>
    </row>
    <row r="83" spans="1:50" s="5" customFormat="1">
      <c r="A83" s="47" t="s">
        <v>630</v>
      </c>
      <c r="B83" s="59">
        <v>380</v>
      </c>
      <c r="C83" s="60">
        <v>73.686443941919762</v>
      </c>
      <c r="D83" s="61">
        <v>1.7666387916632842</v>
      </c>
      <c r="E83" s="273">
        <v>0.18350429186347239</v>
      </c>
      <c r="F83" s="274">
        <v>3.9778876162168179E-2</v>
      </c>
      <c r="G83" s="273">
        <v>0.42959582629190041</v>
      </c>
      <c r="H83" s="274">
        <v>5.0533196603353848E-2</v>
      </c>
    </row>
    <row r="84" spans="1:50" s="5" customFormat="1">
      <c r="A84" s="55" t="s">
        <v>631</v>
      </c>
      <c r="B84" s="56">
        <v>53</v>
      </c>
      <c r="C84" s="57">
        <v>74.872436074208409</v>
      </c>
      <c r="D84" s="58">
        <v>5.1780250106597308</v>
      </c>
      <c r="E84" s="271">
        <v>0.16621588648886532</v>
      </c>
      <c r="F84" s="272">
        <v>0.10384747804115894</v>
      </c>
      <c r="G84" s="271">
        <v>0.51447726257829129</v>
      </c>
      <c r="H84" s="272">
        <v>0.13240522410231742</v>
      </c>
    </row>
    <row r="85" spans="1:50" s="5" customFormat="1">
      <c r="A85" s="47" t="s">
        <v>632</v>
      </c>
      <c r="B85" s="59">
        <v>327</v>
      </c>
      <c r="C85" s="60">
        <v>73.360335226990784</v>
      </c>
      <c r="D85" s="61">
        <v>1.8762871091539401</v>
      </c>
      <c r="E85" s="273">
        <v>0.18825803306157249</v>
      </c>
      <c r="F85" s="274">
        <v>4.3300619761103311E-2</v>
      </c>
      <c r="G85" s="273">
        <v>0.40625623123467258</v>
      </c>
      <c r="H85" s="274">
        <v>5.4013897583997543E-2</v>
      </c>
    </row>
    <row r="86" spans="1:50" s="5" customFormat="1">
      <c r="A86" s="55" t="s">
        <v>633</v>
      </c>
      <c r="B86" s="56">
        <v>648</v>
      </c>
      <c r="C86" s="57">
        <v>76.136258142338633</v>
      </c>
      <c r="D86" s="58">
        <v>1.2091654538548233</v>
      </c>
      <c r="E86" s="271">
        <v>0.15922131122397787</v>
      </c>
      <c r="F86" s="272">
        <v>2.8809765702368196E-2</v>
      </c>
      <c r="G86" s="271">
        <v>0.45138739361507324</v>
      </c>
      <c r="H86" s="272">
        <v>3.8979758920483935E-2</v>
      </c>
    </row>
    <row r="87" spans="1:50" s="5" customFormat="1">
      <c r="A87" s="47" t="s">
        <v>634</v>
      </c>
      <c r="B87" s="59">
        <v>596</v>
      </c>
      <c r="C87" s="60">
        <v>75.555400559221084</v>
      </c>
      <c r="D87" s="61">
        <v>1.2550033201355244</v>
      </c>
      <c r="E87" s="273">
        <v>0.13525449104260862</v>
      </c>
      <c r="F87" s="274">
        <v>2.8134043196688746E-2</v>
      </c>
      <c r="G87" s="273">
        <v>0.47148767458351976</v>
      </c>
      <c r="H87" s="274">
        <v>4.0759281195612833E-2</v>
      </c>
    </row>
    <row r="88" spans="1:50" s="5" customFormat="1">
      <c r="A88" s="55" t="s">
        <v>635</v>
      </c>
      <c r="B88" s="56">
        <v>223</v>
      </c>
      <c r="C88" s="57">
        <v>74.317468782343767</v>
      </c>
      <c r="D88" s="58">
        <v>2.0781302557822827</v>
      </c>
      <c r="E88" s="271">
        <v>0.14597063349233588</v>
      </c>
      <c r="F88" s="272">
        <v>4.7684987923276377E-2</v>
      </c>
      <c r="G88" s="271">
        <v>0.44864416542429103</v>
      </c>
      <c r="H88" s="272">
        <v>6.6033592853524184E-2</v>
      </c>
    </row>
    <row r="89" spans="1:50" s="5" customFormat="1">
      <c r="A89" s="47" t="s">
        <v>636</v>
      </c>
      <c r="B89" s="59">
        <v>373</v>
      </c>
      <c r="C89" s="60">
        <v>76.612411732788999</v>
      </c>
      <c r="D89" s="61">
        <v>1.5662206209407936</v>
      </c>
      <c r="E89" s="273">
        <v>0.12610448575275543</v>
      </c>
      <c r="F89" s="274">
        <v>3.4649122547684263E-2</v>
      </c>
      <c r="G89" s="273">
        <v>0.49099266256089441</v>
      </c>
      <c r="H89" s="274">
        <v>5.1494438975137294E-2</v>
      </c>
    </row>
    <row r="90" spans="1:50" s="5" customFormat="1"/>
    <row r="91" spans="1:50" ht="18.75">
      <c r="A91" s="343" t="s">
        <v>32</v>
      </c>
      <c r="B91" s="343"/>
      <c r="C91" s="343"/>
      <c r="D91" s="343"/>
      <c r="E91" s="343"/>
      <c r="F91" s="343"/>
      <c r="G91" s="343"/>
      <c r="H91" s="343"/>
      <c r="I91" s="343"/>
      <c r="J91" s="343"/>
      <c r="K91" s="343"/>
      <c r="L91" s="343"/>
      <c r="M91" s="343"/>
      <c r="N91" s="343"/>
      <c r="O91" s="343"/>
      <c r="P91" s="343"/>
      <c r="Q91" s="343"/>
      <c r="R91" s="343"/>
      <c r="S91" s="343"/>
      <c r="T91" s="343"/>
      <c r="U91" s="343"/>
      <c r="V91" s="343"/>
      <c r="W91" s="343"/>
      <c r="X91" s="343"/>
      <c r="Y91" s="343"/>
      <c r="Z91" s="343"/>
      <c r="AA91" s="343"/>
      <c r="AB91" s="343"/>
      <c r="AC91" s="343"/>
      <c r="AD91" s="343"/>
      <c r="AE91" s="343"/>
      <c r="AF91" s="343"/>
      <c r="AG91" s="343"/>
      <c r="AH91" s="343"/>
      <c r="AI91" s="343"/>
      <c r="AJ91" s="343"/>
      <c r="AK91" s="343"/>
      <c r="AL91" s="343"/>
      <c r="AM91" s="343"/>
      <c r="AN91" s="343"/>
      <c r="AO91" s="343"/>
      <c r="AP91" s="343"/>
      <c r="AQ91" s="343"/>
      <c r="AR91" s="343"/>
      <c r="AS91" s="343"/>
      <c r="AT91" s="343"/>
      <c r="AU91" s="343"/>
      <c r="AV91" s="343"/>
      <c r="AW91" s="343"/>
      <c r="AX91" s="343"/>
    </row>
    <row r="92" spans="1:50" ht="70.5" customHeight="1">
      <c r="A92" s="342" t="s">
        <v>540</v>
      </c>
      <c r="B92" s="342"/>
      <c r="C92" s="342"/>
      <c r="D92" s="342"/>
      <c r="E92" s="342"/>
      <c r="F92" s="342"/>
      <c r="G92" s="342"/>
      <c r="H92" s="342"/>
      <c r="I92" s="342"/>
      <c r="J92" s="342"/>
      <c r="K92" s="342"/>
      <c r="L92" s="342"/>
      <c r="M92" s="342"/>
      <c r="N92" s="342"/>
      <c r="O92" s="342"/>
      <c r="P92" s="342"/>
      <c r="Q92" s="342"/>
      <c r="R92" s="342"/>
      <c r="S92" s="342"/>
      <c r="T92" s="342"/>
      <c r="U92" s="342"/>
      <c r="V92" s="342"/>
      <c r="W92" s="342"/>
      <c r="X92" s="342"/>
      <c r="Y92" s="342"/>
      <c r="Z92" s="342"/>
      <c r="AA92" s="342"/>
      <c r="AB92" s="342"/>
      <c r="AC92" s="342"/>
      <c r="AD92" s="342"/>
      <c r="AE92" s="342"/>
      <c r="AF92" s="342"/>
      <c r="AG92" s="342"/>
      <c r="AH92" s="342"/>
      <c r="AI92" s="342"/>
      <c r="AJ92" s="342"/>
      <c r="AK92" s="342"/>
      <c r="AL92" s="342"/>
      <c r="AM92" s="342"/>
      <c r="AN92" s="342"/>
      <c r="AO92" s="342"/>
      <c r="AP92" s="342"/>
      <c r="AQ92" s="342"/>
      <c r="AR92" s="342"/>
      <c r="AS92" s="342"/>
      <c r="AT92" s="342"/>
      <c r="AU92" s="342"/>
      <c r="AV92" s="342"/>
      <c r="AW92" s="342"/>
      <c r="AX92" s="342"/>
    </row>
    <row r="93" spans="1:50" ht="32.25" customHeight="1">
      <c r="A93" s="311" t="s">
        <v>77</v>
      </c>
      <c r="B93" s="339" t="s">
        <v>78</v>
      </c>
      <c r="C93" s="340"/>
      <c r="D93" s="340"/>
      <c r="E93" s="340"/>
      <c r="F93" s="340"/>
      <c r="G93" s="340"/>
      <c r="H93" s="341"/>
      <c r="I93" s="339" t="s">
        <v>335</v>
      </c>
      <c r="J93" s="340"/>
      <c r="K93" s="340"/>
      <c r="L93" s="340"/>
      <c r="M93" s="340"/>
      <c r="N93" s="340"/>
      <c r="O93" s="341"/>
      <c r="P93" s="339" t="s">
        <v>336</v>
      </c>
      <c r="Q93" s="340"/>
      <c r="R93" s="340"/>
      <c r="S93" s="340"/>
      <c r="T93" s="340"/>
      <c r="U93" s="340"/>
      <c r="V93" s="341"/>
      <c r="W93" s="339" t="s">
        <v>79</v>
      </c>
      <c r="X93" s="340"/>
      <c r="Y93" s="340"/>
      <c r="Z93" s="340"/>
      <c r="AA93" s="340"/>
      <c r="AB93" s="340"/>
      <c r="AC93" s="341"/>
      <c r="AD93" s="339" t="s">
        <v>80</v>
      </c>
      <c r="AE93" s="340"/>
      <c r="AF93" s="340"/>
      <c r="AG93" s="340"/>
      <c r="AH93" s="340"/>
      <c r="AI93" s="340"/>
      <c r="AJ93" s="341"/>
      <c r="AK93" s="339" t="s">
        <v>81</v>
      </c>
      <c r="AL93" s="340"/>
      <c r="AM93" s="340"/>
      <c r="AN93" s="340"/>
      <c r="AO93" s="340"/>
      <c r="AP93" s="340"/>
      <c r="AQ93" s="341"/>
      <c r="AR93" s="339" t="s">
        <v>82</v>
      </c>
      <c r="AS93" s="340"/>
      <c r="AT93" s="340"/>
      <c r="AU93" s="340"/>
      <c r="AV93" s="340"/>
      <c r="AW93" s="340"/>
      <c r="AX93" s="341"/>
    </row>
    <row r="94" spans="1:50" ht="43.5" customHeight="1">
      <c r="A94" s="35" t="s">
        <v>70</v>
      </c>
      <c r="B94" s="36" t="s">
        <v>71</v>
      </c>
      <c r="C94" s="37" t="s">
        <v>550</v>
      </c>
      <c r="D94" s="38" t="s">
        <v>72</v>
      </c>
      <c r="E94" s="37" t="s">
        <v>329</v>
      </c>
      <c r="F94" s="38" t="s">
        <v>333</v>
      </c>
      <c r="G94" s="37" t="s">
        <v>331</v>
      </c>
      <c r="H94" s="38" t="s">
        <v>334</v>
      </c>
      <c r="I94" s="63" t="s">
        <v>71</v>
      </c>
      <c r="J94" s="64" t="s">
        <v>550</v>
      </c>
      <c r="K94" s="65" t="s">
        <v>72</v>
      </c>
      <c r="L94" s="64" t="s">
        <v>329</v>
      </c>
      <c r="M94" s="65" t="s">
        <v>333</v>
      </c>
      <c r="N94" s="64" t="s">
        <v>331</v>
      </c>
      <c r="O94" s="65" t="s">
        <v>334</v>
      </c>
      <c r="P94" s="36" t="s">
        <v>71</v>
      </c>
      <c r="Q94" s="37" t="s">
        <v>550</v>
      </c>
      <c r="R94" s="38" t="s">
        <v>72</v>
      </c>
      <c r="S94" s="37" t="s">
        <v>329</v>
      </c>
      <c r="T94" s="38" t="s">
        <v>333</v>
      </c>
      <c r="U94" s="37" t="s">
        <v>331</v>
      </c>
      <c r="V94" s="38" t="s">
        <v>334</v>
      </c>
      <c r="W94" s="63" t="s">
        <v>71</v>
      </c>
      <c r="X94" s="64" t="s">
        <v>550</v>
      </c>
      <c r="Y94" s="65" t="s">
        <v>72</v>
      </c>
      <c r="Z94" s="64" t="s">
        <v>329</v>
      </c>
      <c r="AA94" s="65" t="s">
        <v>333</v>
      </c>
      <c r="AB94" s="64" t="s">
        <v>331</v>
      </c>
      <c r="AC94" s="65" t="s">
        <v>334</v>
      </c>
      <c r="AD94" s="36" t="s">
        <v>71</v>
      </c>
      <c r="AE94" s="37" t="s">
        <v>550</v>
      </c>
      <c r="AF94" s="38" t="s">
        <v>72</v>
      </c>
      <c r="AG94" s="37" t="s">
        <v>329</v>
      </c>
      <c r="AH94" s="38" t="s">
        <v>333</v>
      </c>
      <c r="AI94" s="37" t="s">
        <v>331</v>
      </c>
      <c r="AJ94" s="38" t="s">
        <v>334</v>
      </c>
      <c r="AK94" s="63" t="s">
        <v>71</v>
      </c>
      <c r="AL94" s="64" t="s">
        <v>550</v>
      </c>
      <c r="AM94" s="65" t="s">
        <v>72</v>
      </c>
      <c r="AN94" s="64" t="s">
        <v>329</v>
      </c>
      <c r="AO94" s="65" t="s">
        <v>333</v>
      </c>
      <c r="AP94" s="64" t="s">
        <v>331</v>
      </c>
      <c r="AQ94" s="65" t="s">
        <v>334</v>
      </c>
      <c r="AR94" s="36" t="s">
        <v>71</v>
      </c>
      <c r="AS94" s="37" t="s">
        <v>550</v>
      </c>
      <c r="AT94" s="38" t="s">
        <v>72</v>
      </c>
      <c r="AU94" s="37" t="s">
        <v>329</v>
      </c>
      <c r="AV94" s="38" t="s">
        <v>333</v>
      </c>
      <c r="AW94" s="37" t="s">
        <v>331</v>
      </c>
      <c r="AX94" s="38" t="s">
        <v>334</v>
      </c>
    </row>
    <row r="95" spans="1:50" ht="69" customHeight="1">
      <c r="A95" s="39"/>
      <c r="B95" s="40" t="s">
        <v>73</v>
      </c>
      <c r="C95" s="41" t="s">
        <v>74</v>
      </c>
      <c r="D95" s="42" t="s">
        <v>75</v>
      </c>
      <c r="E95" s="41" t="s">
        <v>330</v>
      </c>
      <c r="F95" s="89" t="s">
        <v>87</v>
      </c>
      <c r="G95" s="41" t="s">
        <v>332</v>
      </c>
      <c r="H95" s="89" t="s">
        <v>87</v>
      </c>
      <c r="I95" s="66" t="s">
        <v>73</v>
      </c>
      <c r="J95" s="67" t="s">
        <v>74</v>
      </c>
      <c r="K95" s="68" t="s">
        <v>75</v>
      </c>
      <c r="L95" s="67" t="s">
        <v>330</v>
      </c>
      <c r="M95" s="68" t="s">
        <v>75</v>
      </c>
      <c r="N95" s="67" t="s">
        <v>332</v>
      </c>
      <c r="O95" s="68" t="s">
        <v>87</v>
      </c>
      <c r="P95" s="40" t="s">
        <v>73</v>
      </c>
      <c r="Q95" s="41" t="s">
        <v>74</v>
      </c>
      <c r="R95" s="42" t="s">
        <v>75</v>
      </c>
      <c r="S95" s="41" t="s">
        <v>330</v>
      </c>
      <c r="T95" s="42" t="s">
        <v>87</v>
      </c>
      <c r="U95" s="41" t="s">
        <v>332</v>
      </c>
      <c r="V95" s="42" t="s">
        <v>87</v>
      </c>
      <c r="W95" s="66" t="s">
        <v>73</v>
      </c>
      <c r="X95" s="67" t="s">
        <v>74</v>
      </c>
      <c r="Y95" s="68" t="s">
        <v>75</v>
      </c>
      <c r="Z95" s="67" t="s">
        <v>330</v>
      </c>
      <c r="AA95" s="68" t="s">
        <v>87</v>
      </c>
      <c r="AB95" s="67" t="s">
        <v>332</v>
      </c>
      <c r="AC95" s="68" t="s">
        <v>87</v>
      </c>
      <c r="AD95" s="40" t="s">
        <v>73</v>
      </c>
      <c r="AE95" s="41" t="s">
        <v>74</v>
      </c>
      <c r="AF95" s="42" t="s">
        <v>75</v>
      </c>
      <c r="AG95" s="41" t="s">
        <v>330</v>
      </c>
      <c r="AH95" s="42" t="s">
        <v>87</v>
      </c>
      <c r="AI95" s="41" t="s">
        <v>332</v>
      </c>
      <c r="AJ95" s="42" t="s">
        <v>87</v>
      </c>
      <c r="AK95" s="66" t="s">
        <v>73</v>
      </c>
      <c r="AL95" s="67" t="s">
        <v>74</v>
      </c>
      <c r="AM95" s="68" t="s">
        <v>75</v>
      </c>
      <c r="AN95" s="67" t="s">
        <v>330</v>
      </c>
      <c r="AO95" s="68" t="s">
        <v>87</v>
      </c>
      <c r="AP95" s="67" t="s">
        <v>332</v>
      </c>
      <c r="AQ95" s="68" t="s">
        <v>87</v>
      </c>
      <c r="AR95" s="40" t="s">
        <v>73</v>
      </c>
      <c r="AS95" s="41" t="s">
        <v>74</v>
      </c>
      <c r="AT95" s="42" t="s">
        <v>75</v>
      </c>
      <c r="AU95" s="41" t="s">
        <v>330</v>
      </c>
      <c r="AV95" s="42" t="s">
        <v>87</v>
      </c>
      <c r="AW95" s="41" t="s">
        <v>332</v>
      </c>
      <c r="AX95" s="42" t="s">
        <v>87</v>
      </c>
    </row>
    <row r="96" spans="1:50">
      <c r="A96" s="43" t="s">
        <v>348</v>
      </c>
      <c r="B96" s="69">
        <v>13570</v>
      </c>
      <c r="C96" s="70">
        <v>71.438630345390308</v>
      </c>
      <c r="D96" s="71">
        <v>0.35337904261092806</v>
      </c>
      <c r="E96" s="278">
        <v>0.240466845408177</v>
      </c>
      <c r="F96" s="279">
        <v>7.3370964794701836E-3</v>
      </c>
      <c r="G96" s="280">
        <v>0.40087115027287756</v>
      </c>
      <c r="H96" s="279">
        <v>8.4128631801001236E-3</v>
      </c>
      <c r="I96" s="69">
        <v>13556</v>
      </c>
      <c r="J96" s="70">
        <v>67.249706894513793</v>
      </c>
      <c r="K96" s="71">
        <v>0.39074111841170045</v>
      </c>
      <c r="L96" s="278">
        <v>0.30006086316616065</v>
      </c>
      <c r="M96" s="279">
        <v>7.8715334654811085E-3</v>
      </c>
      <c r="N96" s="280">
        <v>0.32844081781997503</v>
      </c>
      <c r="O96" s="279">
        <v>8.0665522454644312E-3</v>
      </c>
      <c r="P96" s="69">
        <v>13533</v>
      </c>
      <c r="Q96" s="70">
        <v>65.322654533475699</v>
      </c>
      <c r="R96" s="71">
        <v>0.4054703749536423</v>
      </c>
      <c r="S96" s="278">
        <v>0.34047814760760325</v>
      </c>
      <c r="T96" s="279">
        <v>8.1459649654541111E-3</v>
      </c>
      <c r="U96" s="280">
        <v>0.31825195682542395</v>
      </c>
      <c r="V96" s="279">
        <v>8.0072945826806866E-3</v>
      </c>
      <c r="W96" s="69">
        <v>13522</v>
      </c>
      <c r="X96" s="70">
        <v>71.045567311173087</v>
      </c>
      <c r="Y96" s="71">
        <v>0.42066220326834314</v>
      </c>
      <c r="Z96" s="278">
        <v>0.2735156750950844</v>
      </c>
      <c r="AA96" s="279">
        <v>7.6662448437937727E-3</v>
      </c>
      <c r="AB96" s="280">
        <v>0.44866137810191631</v>
      </c>
      <c r="AC96" s="279">
        <v>8.5529360242496532E-3</v>
      </c>
      <c r="AD96" s="69">
        <v>13549</v>
      </c>
      <c r="AE96" s="70">
        <v>74.042393617335378</v>
      </c>
      <c r="AF96" s="71">
        <v>0.36492693047760022</v>
      </c>
      <c r="AG96" s="278">
        <v>0.21918160250748378</v>
      </c>
      <c r="AH96" s="279">
        <v>7.1080158760762173E-3</v>
      </c>
      <c r="AI96" s="280">
        <v>0.48085613989649967</v>
      </c>
      <c r="AJ96" s="279">
        <v>8.5834900597652631E-3</v>
      </c>
      <c r="AK96" s="69">
        <v>13525</v>
      </c>
      <c r="AL96" s="70">
        <v>64.115309634413777</v>
      </c>
      <c r="AM96" s="71">
        <v>0.42139710288579496</v>
      </c>
      <c r="AN96" s="278">
        <v>0.37418317763397418</v>
      </c>
      <c r="AO96" s="279">
        <v>8.3209243159596807E-3</v>
      </c>
      <c r="AP96" s="280">
        <v>0.29474715129768669</v>
      </c>
      <c r="AQ96" s="279">
        <v>7.8400782607710145E-3</v>
      </c>
      <c r="AR96" s="69">
        <v>13529</v>
      </c>
      <c r="AS96" s="70">
        <v>64.674676425130073</v>
      </c>
      <c r="AT96" s="71">
        <v>0.43499056656587498</v>
      </c>
      <c r="AU96" s="278">
        <v>0.36491027912587382</v>
      </c>
      <c r="AV96" s="279">
        <v>8.2766321104891776E-3</v>
      </c>
      <c r="AW96" s="280">
        <v>0.32030615518574806</v>
      </c>
      <c r="AX96" s="279">
        <v>8.0221596477630282E-3</v>
      </c>
    </row>
    <row r="97" spans="1:50" s="5" customFormat="1">
      <c r="A97" s="47" t="s">
        <v>349</v>
      </c>
      <c r="B97" s="72">
        <v>10055</v>
      </c>
      <c r="C97" s="73">
        <v>73.164697367354762</v>
      </c>
      <c r="D97" s="74">
        <v>0.40048464601374079</v>
      </c>
      <c r="E97" s="281">
        <v>0.20987679526600334</v>
      </c>
      <c r="F97" s="282">
        <v>8.1221281139804268E-3</v>
      </c>
      <c r="G97" s="283">
        <v>0.43607647042244929</v>
      </c>
      <c r="H97" s="282">
        <v>9.8888751877334678E-3</v>
      </c>
      <c r="I97" s="72">
        <v>10043</v>
      </c>
      <c r="J97" s="73">
        <v>66.862155971112429</v>
      </c>
      <c r="K97" s="74">
        <v>0.45433726982971639</v>
      </c>
      <c r="L97" s="281">
        <v>0.30751297821261192</v>
      </c>
      <c r="M97" s="282">
        <v>9.2082990362279665E-3</v>
      </c>
      <c r="N97" s="283">
        <v>0.3300229878843946</v>
      </c>
      <c r="O97" s="282">
        <v>9.3828857711381556E-3</v>
      </c>
      <c r="P97" s="72">
        <v>10027</v>
      </c>
      <c r="Q97" s="73">
        <v>66.791836467068165</v>
      </c>
      <c r="R97" s="74">
        <v>0.46551816361235671</v>
      </c>
      <c r="S97" s="281">
        <v>0.31635250540374288</v>
      </c>
      <c r="T97" s="282">
        <v>9.2872392196801778E-3</v>
      </c>
      <c r="U97" s="283">
        <v>0.34251780998900488</v>
      </c>
      <c r="V97" s="282">
        <v>9.4767739960541098E-3</v>
      </c>
      <c r="W97" s="72">
        <v>10016</v>
      </c>
      <c r="X97" s="73">
        <v>73.037939169361266</v>
      </c>
      <c r="Y97" s="74">
        <v>0.47861896107427071</v>
      </c>
      <c r="Z97" s="281">
        <v>0.24646932655942103</v>
      </c>
      <c r="AA97" s="282">
        <v>8.6116827991018323E-3</v>
      </c>
      <c r="AB97" s="283">
        <v>0.48841836026437457</v>
      </c>
      <c r="AC97" s="282">
        <v>9.9873367464312877E-3</v>
      </c>
      <c r="AD97" s="72">
        <v>10042</v>
      </c>
      <c r="AE97" s="73">
        <v>76.524111162024013</v>
      </c>
      <c r="AF97" s="74">
        <v>0.40950905192480291</v>
      </c>
      <c r="AG97" s="281">
        <v>0.18469742367316946</v>
      </c>
      <c r="AH97" s="282">
        <v>7.7452839747371976E-3</v>
      </c>
      <c r="AI97" s="283">
        <v>0.52778538758003091</v>
      </c>
      <c r="AJ97" s="282">
        <v>9.9616742556273893E-3</v>
      </c>
      <c r="AK97" s="72">
        <v>10025</v>
      </c>
      <c r="AL97" s="73">
        <v>66.892036120047791</v>
      </c>
      <c r="AM97" s="74">
        <v>0.48085713434636318</v>
      </c>
      <c r="AN97" s="281">
        <v>0.32610143263671432</v>
      </c>
      <c r="AO97" s="282">
        <v>9.3626465751574205E-3</v>
      </c>
      <c r="AP97" s="283">
        <v>0.33752311325959089</v>
      </c>
      <c r="AQ97" s="282">
        <v>9.4440602605184599E-3</v>
      </c>
      <c r="AR97" s="72">
        <v>10021</v>
      </c>
      <c r="AS97" s="73">
        <v>65.681533639053356</v>
      </c>
      <c r="AT97" s="74">
        <v>0.5044151860498951</v>
      </c>
      <c r="AU97" s="281">
        <v>0.34756852736597621</v>
      </c>
      <c r="AV97" s="282">
        <v>9.5124684552233083E-3</v>
      </c>
      <c r="AW97" s="283">
        <v>0.34075583167763918</v>
      </c>
      <c r="AX97" s="282">
        <v>9.4678672150871439E-3</v>
      </c>
    </row>
    <row r="98" spans="1:50" s="5" customFormat="1">
      <c r="A98" s="43" t="s">
        <v>350</v>
      </c>
      <c r="B98" s="52">
        <v>3515</v>
      </c>
      <c r="C98" s="53">
        <v>69.976615823825824</v>
      </c>
      <c r="D98" s="54">
        <v>0.72461273116365144</v>
      </c>
      <c r="E98" s="275">
        <v>0.26637725152457892</v>
      </c>
      <c r="F98" s="284">
        <v>1.4908813318692257E-2</v>
      </c>
      <c r="G98" s="275">
        <v>0.37105151485892707</v>
      </c>
      <c r="H98" s="284">
        <v>1.6288464832602888E-2</v>
      </c>
      <c r="I98" s="52">
        <v>3513</v>
      </c>
      <c r="J98" s="53">
        <v>67.577772556268499</v>
      </c>
      <c r="K98" s="54">
        <v>0.76498159555816492</v>
      </c>
      <c r="L98" s="275">
        <v>0.29375257461215459</v>
      </c>
      <c r="M98" s="284">
        <v>1.5364353363018937E-2</v>
      </c>
      <c r="N98" s="275">
        <v>0.3271014953261957</v>
      </c>
      <c r="O98" s="284">
        <v>1.5824386942336503E-2</v>
      </c>
      <c r="P98" s="52">
        <v>3506</v>
      </c>
      <c r="Q98" s="53">
        <v>64.076642051783381</v>
      </c>
      <c r="R98" s="54">
        <v>0.80960608416473434</v>
      </c>
      <c r="S98" s="275">
        <v>0.36093909300008564</v>
      </c>
      <c r="T98" s="284">
        <v>1.6214590668248423E-2</v>
      </c>
      <c r="U98" s="275">
        <v>0.29767209858632715</v>
      </c>
      <c r="V98" s="284">
        <v>1.5438755758263732E-2</v>
      </c>
      <c r="W98" s="52">
        <v>3506</v>
      </c>
      <c r="X98" s="53">
        <v>69.35603935690294</v>
      </c>
      <c r="Y98" s="54">
        <v>0.86006341989208956</v>
      </c>
      <c r="Z98" s="275">
        <v>0.29645093274998163</v>
      </c>
      <c r="AA98" s="284">
        <v>1.5420493849944388E-2</v>
      </c>
      <c r="AB98" s="275">
        <v>0.41494752470408403</v>
      </c>
      <c r="AC98" s="284">
        <v>1.6633558727091127E-2</v>
      </c>
      <c r="AD98" s="52">
        <v>3507</v>
      </c>
      <c r="AE98" s="53">
        <v>71.939223780586431</v>
      </c>
      <c r="AF98" s="54">
        <v>0.75907590917583134</v>
      </c>
      <c r="AG98" s="275">
        <v>0.24840575209880325</v>
      </c>
      <c r="AH98" s="284">
        <v>1.4589980835254365E-2</v>
      </c>
      <c r="AI98" s="275">
        <v>0.44108522462831345</v>
      </c>
      <c r="AJ98" s="284">
        <v>1.6759289129489815E-2</v>
      </c>
      <c r="AK98" s="52">
        <v>3500</v>
      </c>
      <c r="AL98" s="53">
        <v>61.758635626394216</v>
      </c>
      <c r="AM98" s="54">
        <v>0.83583430222926502</v>
      </c>
      <c r="AN98" s="275">
        <v>0.41499130161793196</v>
      </c>
      <c r="AO98" s="284">
        <v>1.6648049325318787E-2</v>
      </c>
      <c r="AP98" s="275">
        <v>0.2584421719468955</v>
      </c>
      <c r="AQ98" s="284">
        <v>1.4796294089987715E-2</v>
      </c>
      <c r="AR98" s="52">
        <v>3508</v>
      </c>
      <c r="AS98" s="53">
        <v>63.824219254449147</v>
      </c>
      <c r="AT98" s="54">
        <v>0.84786993618243456</v>
      </c>
      <c r="AU98" s="275">
        <v>0.37955825197883186</v>
      </c>
      <c r="AV98" s="284">
        <v>1.637845445261624E-2</v>
      </c>
      <c r="AW98" s="275">
        <v>0.30303302671217563</v>
      </c>
      <c r="AX98" s="284">
        <v>1.5512957867430328E-2</v>
      </c>
    </row>
    <row r="99" spans="1:50" s="5" customFormat="1">
      <c r="A99" s="47" t="s">
        <v>568</v>
      </c>
      <c r="B99" s="72">
        <v>11191</v>
      </c>
      <c r="C99" s="73">
        <v>71.393621453489899</v>
      </c>
      <c r="D99" s="74">
        <v>0.39301638346752843</v>
      </c>
      <c r="E99" s="281">
        <v>0.24114104532092093</v>
      </c>
      <c r="F99" s="282">
        <v>8.0870634785447666E-3</v>
      </c>
      <c r="G99" s="283">
        <v>0.40028031409989706</v>
      </c>
      <c r="H99" s="282">
        <v>9.2614853001687179E-3</v>
      </c>
      <c r="I99" s="72">
        <v>11179</v>
      </c>
      <c r="J99" s="73">
        <v>67.214297527917083</v>
      </c>
      <c r="K99" s="74">
        <v>0.43327336886187851</v>
      </c>
      <c r="L99" s="281">
        <v>0.30061560764729306</v>
      </c>
      <c r="M99" s="282">
        <v>8.6724924228482516E-3</v>
      </c>
      <c r="N99" s="283">
        <v>0.32808036097134236</v>
      </c>
      <c r="O99" s="282">
        <v>8.8801528391734604E-3</v>
      </c>
      <c r="P99" s="72">
        <v>11156</v>
      </c>
      <c r="Q99" s="73">
        <v>65.266060428335763</v>
      </c>
      <c r="R99" s="74">
        <v>0.45149575832095185</v>
      </c>
      <c r="S99" s="281">
        <v>0.34145543751796908</v>
      </c>
      <c r="T99" s="282">
        <v>8.977902729191441E-3</v>
      </c>
      <c r="U99" s="283">
        <v>0.31770589825406714</v>
      </c>
      <c r="V99" s="282">
        <v>8.8149571041094346E-3</v>
      </c>
      <c r="W99" s="72">
        <v>11147</v>
      </c>
      <c r="X99" s="73">
        <v>70.992483104189361</v>
      </c>
      <c r="Y99" s="74">
        <v>0.4701590303290723</v>
      </c>
      <c r="Z99" s="281">
        <v>0.27419355366197823</v>
      </c>
      <c r="AA99" s="282">
        <v>8.4499087993529873E-3</v>
      </c>
      <c r="AB99" s="283">
        <v>0.44798543958847625</v>
      </c>
      <c r="AC99" s="282">
        <v>9.418505762433237E-3</v>
      </c>
      <c r="AD99" s="72">
        <v>11173</v>
      </c>
      <c r="AE99" s="73">
        <v>73.982356891073053</v>
      </c>
      <c r="AF99" s="74">
        <v>0.40823245279767378</v>
      </c>
      <c r="AG99" s="281">
        <v>0.21998146629177856</v>
      </c>
      <c r="AH99" s="282">
        <v>7.8376141031400691E-3</v>
      </c>
      <c r="AI99" s="283">
        <v>0.47997311733070896</v>
      </c>
      <c r="AJ99" s="282">
        <v>9.4512439764112225E-3</v>
      </c>
      <c r="AK99" s="72">
        <v>11145</v>
      </c>
      <c r="AL99" s="73">
        <v>64.032468442805055</v>
      </c>
      <c r="AM99" s="74">
        <v>0.46821208026837946</v>
      </c>
      <c r="AN99" s="281">
        <v>0.37552147129434721</v>
      </c>
      <c r="AO99" s="282">
        <v>9.172727113927517E-3</v>
      </c>
      <c r="AP99" s="283">
        <v>0.29350533834517217</v>
      </c>
      <c r="AQ99" s="282">
        <v>8.6259416317903646E-3</v>
      </c>
      <c r="AR99" s="72">
        <v>11154</v>
      </c>
      <c r="AS99" s="73">
        <v>64.603981715213692</v>
      </c>
      <c r="AT99" s="74">
        <v>0.48181162012993961</v>
      </c>
      <c r="AU99" s="281">
        <v>0.36608325794082247</v>
      </c>
      <c r="AV99" s="282">
        <v>9.1212611644686907E-3</v>
      </c>
      <c r="AW99" s="283">
        <v>0.3193597051602719</v>
      </c>
      <c r="AX99" s="282">
        <v>8.8279338625455676E-3</v>
      </c>
    </row>
    <row r="100" spans="1:50" s="5" customFormat="1">
      <c r="A100" s="43" t="s">
        <v>569</v>
      </c>
      <c r="B100" s="52">
        <v>2379</v>
      </c>
      <c r="C100" s="53">
        <v>76.852725740954597</v>
      </c>
      <c r="D100" s="54">
        <v>0.78374559078418482</v>
      </c>
      <c r="E100" s="275">
        <v>0.1593677005692003</v>
      </c>
      <c r="F100" s="284">
        <v>1.5017619345102805E-2</v>
      </c>
      <c r="G100" s="275">
        <v>0.47194251569890816</v>
      </c>
      <c r="H100" s="284">
        <v>2.0452925107400398E-2</v>
      </c>
      <c r="I100" s="52">
        <v>2377</v>
      </c>
      <c r="J100" s="53">
        <v>71.509938004226726</v>
      </c>
      <c r="K100" s="54">
        <v>0.89000493520551127</v>
      </c>
      <c r="L100" s="275">
        <v>0.23331751462342035</v>
      </c>
      <c r="M100" s="284">
        <v>1.7346880164751038E-2</v>
      </c>
      <c r="N100" s="275">
        <v>0.37180870682340322</v>
      </c>
      <c r="O100" s="284">
        <v>1.9811041842287803E-2</v>
      </c>
      <c r="P100" s="52">
        <v>2377</v>
      </c>
      <c r="Q100" s="53">
        <v>72.118651083744908</v>
      </c>
      <c r="R100" s="54">
        <v>0.88599438690145593</v>
      </c>
      <c r="S100" s="275">
        <v>0.22312212893674946</v>
      </c>
      <c r="T100" s="284">
        <v>1.7077337496118814E-2</v>
      </c>
      <c r="U100" s="275">
        <v>0.38382437215075316</v>
      </c>
      <c r="V100" s="284">
        <v>1.9934733223296443E-2</v>
      </c>
      <c r="W100" s="52">
        <v>2375</v>
      </c>
      <c r="X100" s="53">
        <v>77.406445573198098</v>
      </c>
      <c r="Y100" s="54">
        <v>0.90597681048060219</v>
      </c>
      <c r="Z100" s="275">
        <v>0.19228806926805611</v>
      </c>
      <c r="AA100" s="284">
        <v>1.6176387348919043E-2</v>
      </c>
      <c r="AB100" s="275">
        <v>0.52965651471586384</v>
      </c>
      <c r="AC100" s="284">
        <v>2.0466334888391061E-2</v>
      </c>
      <c r="AD100" s="52">
        <v>2376</v>
      </c>
      <c r="AE100" s="53">
        <v>81.294518407547855</v>
      </c>
      <c r="AF100" s="54">
        <v>0.76485392111924988</v>
      </c>
      <c r="AG100" s="275">
        <v>0.1225622106788361</v>
      </c>
      <c r="AH100" s="284">
        <v>1.3473856885908818E-2</v>
      </c>
      <c r="AI100" s="275">
        <v>0.58752068072601293</v>
      </c>
      <c r="AJ100" s="284">
        <v>2.0182605717846587E-2</v>
      </c>
      <c r="AK100" s="52">
        <v>2380</v>
      </c>
      <c r="AL100" s="53">
        <v>74.054524187284144</v>
      </c>
      <c r="AM100" s="54">
        <v>0.91080665772166425</v>
      </c>
      <c r="AN100" s="275">
        <v>0.2136158612203668</v>
      </c>
      <c r="AO100" s="284">
        <v>1.6802200799747459E-2</v>
      </c>
      <c r="AP100" s="275">
        <v>0.44373879579054121</v>
      </c>
      <c r="AQ100" s="284">
        <v>2.0351165801060955E-2</v>
      </c>
      <c r="AR100" s="52">
        <v>2375</v>
      </c>
      <c r="AS100" s="53">
        <v>73.188654018122378</v>
      </c>
      <c r="AT100" s="54">
        <v>0.97200902109143339</v>
      </c>
      <c r="AU100" s="275">
        <v>0.22364489506349702</v>
      </c>
      <c r="AV100" s="284">
        <v>1.7098702711348768E-2</v>
      </c>
      <c r="AW100" s="275">
        <v>0.43428999243924499</v>
      </c>
      <c r="AX100" s="284">
        <v>2.0325088182738826E-2</v>
      </c>
    </row>
    <row r="101" spans="1:50" s="5" customFormat="1">
      <c r="A101" s="47" t="s">
        <v>570</v>
      </c>
      <c r="B101" s="72">
        <v>609</v>
      </c>
      <c r="C101" s="73">
        <v>76.466893617351801</v>
      </c>
      <c r="D101" s="74">
        <v>1.655242928230092</v>
      </c>
      <c r="E101" s="281">
        <v>0.1499382538605317</v>
      </c>
      <c r="F101" s="282">
        <v>2.9018845780314207E-2</v>
      </c>
      <c r="G101" s="283">
        <v>0.45868186907705133</v>
      </c>
      <c r="H101" s="282">
        <v>4.0253277993111423E-2</v>
      </c>
      <c r="I101" s="72">
        <v>610</v>
      </c>
      <c r="J101" s="73">
        <v>70.983654647247917</v>
      </c>
      <c r="K101" s="74">
        <v>1.7862831783378585</v>
      </c>
      <c r="L101" s="281">
        <v>0.21913824836366452</v>
      </c>
      <c r="M101" s="282">
        <v>3.3487916469681592E-2</v>
      </c>
      <c r="N101" s="283">
        <v>0.35067736025213259</v>
      </c>
      <c r="O101" s="282">
        <v>3.8539486149227468E-2</v>
      </c>
      <c r="P101" s="72">
        <v>607</v>
      </c>
      <c r="Q101" s="73">
        <v>72.657488395680076</v>
      </c>
      <c r="R101" s="74">
        <v>1.7776488532053125</v>
      </c>
      <c r="S101" s="281">
        <v>0.1893675463668896</v>
      </c>
      <c r="T101" s="282">
        <v>3.1830848736408554E-2</v>
      </c>
      <c r="U101" s="283">
        <v>0.39209803029699958</v>
      </c>
      <c r="V101" s="282">
        <v>3.9514989921383928E-2</v>
      </c>
      <c r="W101" s="72">
        <v>610</v>
      </c>
      <c r="X101" s="73">
        <v>79.239652800220085</v>
      </c>
      <c r="Y101" s="74">
        <v>1.7620938016893934</v>
      </c>
      <c r="Z101" s="281">
        <v>0.15266965703935351</v>
      </c>
      <c r="AA101" s="282">
        <v>2.9205366098820996E-2</v>
      </c>
      <c r="AB101" s="283">
        <v>0.55707470094960332</v>
      </c>
      <c r="AC101" s="282">
        <v>4.0096364667152891E-2</v>
      </c>
      <c r="AD101" s="72">
        <v>607</v>
      </c>
      <c r="AE101" s="73">
        <v>81.146301863931825</v>
      </c>
      <c r="AF101" s="74">
        <v>1.6193106153960504</v>
      </c>
      <c r="AG101" s="281">
        <v>0.11233636213916479</v>
      </c>
      <c r="AH101" s="282">
        <v>2.5800209729854747E-2</v>
      </c>
      <c r="AI101" s="283">
        <v>0.54233559733611725</v>
      </c>
      <c r="AJ101" s="282">
        <v>4.0312290549879413E-2</v>
      </c>
      <c r="AK101" s="72">
        <v>608</v>
      </c>
      <c r="AL101" s="73">
        <v>73.120857057177716</v>
      </c>
      <c r="AM101" s="74">
        <v>1.8776880330481742</v>
      </c>
      <c r="AN101" s="281">
        <v>0.21843458838313726</v>
      </c>
      <c r="AO101" s="282">
        <v>3.3504839192490636E-2</v>
      </c>
      <c r="AP101" s="283">
        <v>0.39026313692597087</v>
      </c>
      <c r="AQ101" s="282">
        <v>3.9450036288459438E-2</v>
      </c>
      <c r="AR101" s="72">
        <v>608</v>
      </c>
      <c r="AS101" s="73">
        <v>71.051333777903181</v>
      </c>
      <c r="AT101" s="74">
        <v>2.1089101951642251</v>
      </c>
      <c r="AU101" s="281">
        <v>0.25234562026967444</v>
      </c>
      <c r="AV101" s="282">
        <v>3.5190092809427025E-2</v>
      </c>
      <c r="AW101" s="283">
        <v>0.40125516031846076</v>
      </c>
      <c r="AX101" s="282">
        <v>3.9636955274876325E-2</v>
      </c>
    </row>
    <row r="102" spans="1:50" s="5" customFormat="1">
      <c r="A102" s="43" t="s">
        <v>571</v>
      </c>
      <c r="B102" s="52">
        <v>1274</v>
      </c>
      <c r="C102" s="53">
        <v>79.022278469312411</v>
      </c>
      <c r="D102" s="54">
        <v>1.0116690699381137</v>
      </c>
      <c r="E102" s="275">
        <v>0.11477176864570308</v>
      </c>
      <c r="F102" s="284">
        <v>1.791360875182783E-2</v>
      </c>
      <c r="G102" s="275">
        <v>0.51015427753114106</v>
      </c>
      <c r="H102" s="284">
        <v>2.7966978912328168E-2</v>
      </c>
      <c r="I102" s="52">
        <v>1274</v>
      </c>
      <c r="J102" s="53">
        <v>71.360841214408595</v>
      </c>
      <c r="K102" s="54">
        <v>1.205744205170348</v>
      </c>
      <c r="L102" s="275">
        <v>0.23714615219563967</v>
      </c>
      <c r="M102" s="284">
        <v>2.3823797596297477E-2</v>
      </c>
      <c r="N102" s="275">
        <v>0.36909016214668766</v>
      </c>
      <c r="O102" s="284">
        <v>2.7003142618431512E-2</v>
      </c>
      <c r="P102" s="52">
        <v>1275</v>
      </c>
      <c r="Q102" s="53">
        <v>73.333309268754888</v>
      </c>
      <c r="R102" s="54">
        <v>1.1663506521025868</v>
      </c>
      <c r="S102" s="275">
        <v>0.2037226234906899</v>
      </c>
      <c r="T102" s="284">
        <v>2.2562079302017687E-2</v>
      </c>
      <c r="U102" s="275">
        <v>0.41001370844685625</v>
      </c>
      <c r="V102" s="284">
        <v>2.7508078977048545E-2</v>
      </c>
      <c r="W102" s="52">
        <v>1271</v>
      </c>
      <c r="X102" s="53">
        <v>78.953323085769114</v>
      </c>
      <c r="Y102" s="54">
        <v>1.2381940675020704</v>
      </c>
      <c r="Z102" s="275">
        <v>0.17442094013883441</v>
      </c>
      <c r="AA102" s="284">
        <v>2.1303582784731531E-2</v>
      </c>
      <c r="AB102" s="275">
        <v>0.58502600896164714</v>
      </c>
      <c r="AC102" s="284">
        <v>2.7600276652542884E-2</v>
      </c>
      <c r="AD102" s="52">
        <v>1274</v>
      </c>
      <c r="AE102" s="53">
        <v>83.527354685480404</v>
      </c>
      <c r="AF102" s="54">
        <v>0.97501603872370379</v>
      </c>
      <c r="AG102" s="275">
        <v>0.10300883540696282</v>
      </c>
      <c r="AH102" s="284">
        <v>1.7096158609748932E-2</v>
      </c>
      <c r="AI102" s="275">
        <v>0.6595203500851351</v>
      </c>
      <c r="AJ102" s="284">
        <v>2.6520273029447559E-2</v>
      </c>
      <c r="AK102" s="52">
        <v>1276</v>
      </c>
      <c r="AL102" s="53">
        <v>75.568928285880276</v>
      </c>
      <c r="AM102" s="54">
        <v>1.1946666637635939</v>
      </c>
      <c r="AN102" s="275">
        <v>0.1861368266656703</v>
      </c>
      <c r="AO102" s="284">
        <v>2.1801994926227385E-2</v>
      </c>
      <c r="AP102" s="275">
        <v>0.47002799407911972</v>
      </c>
      <c r="AQ102" s="284">
        <v>2.7900900780459221E-2</v>
      </c>
      <c r="AR102" s="52">
        <v>1276</v>
      </c>
      <c r="AS102" s="53">
        <v>74.14256801626604</v>
      </c>
      <c r="AT102" s="54">
        <v>1.2793093561154432</v>
      </c>
      <c r="AU102" s="275">
        <v>0.22442790971948082</v>
      </c>
      <c r="AV102" s="284">
        <v>2.3354195709294728E-2</v>
      </c>
      <c r="AW102" s="275">
        <v>0.47125997537286907</v>
      </c>
      <c r="AX102" s="284">
        <v>2.7904925940004315E-2</v>
      </c>
    </row>
    <row r="103" spans="1:50" s="5" customFormat="1">
      <c r="A103" s="47" t="s">
        <v>582</v>
      </c>
      <c r="B103" s="72">
        <v>868</v>
      </c>
      <c r="C103" s="73">
        <v>75.830270452286769</v>
      </c>
      <c r="D103" s="74">
        <v>1.3143732324724924</v>
      </c>
      <c r="E103" s="281">
        <v>0.19449737952539589</v>
      </c>
      <c r="F103" s="282">
        <v>2.6880848244349078E-2</v>
      </c>
      <c r="G103" s="283">
        <v>0.45761084067776914</v>
      </c>
      <c r="H103" s="282">
        <v>3.3743474132321725E-2</v>
      </c>
      <c r="I103" s="72">
        <v>870</v>
      </c>
      <c r="J103" s="73">
        <v>72.069509548815063</v>
      </c>
      <c r="K103" s="74">
        <v>1.4450118836386248</v>
      </c>
      <c r="L103" s="281">
        <v>0.24876103335715846</v>
      </c>
      <c r="M103" s="282">
        <v>2.929026410031384E-2</v>
      </c>
      <c r="N103" s="283">
        <v>0.4028062983084057</v>
      </c>
      <c r="O103" s="282">
        <v>3.3186226800515847E-2</v>
      </c>
      <c r="P103" s="72">
        <v>869</v>
      </c>
      <c r="Q103" s="73">
        <v>70.23058195496742</v>
      </c>
      <c r="R103" s="74">
        <v>1.4880328259645417</v>
      </c>
      <c r="S103" s="281">
        <v>0.28662082514453652</v>
      </c>
      <c r="T103" s="282">
        <v>3.063928300666979E-2</v>
      </c>
      <c r="U103" s="283">
        <v>0.36615418227052454</v>
      </c>
      <c r="V103" s="282">
        <v>3.262119619471629E-2</v>
      </c>
      <c r="W103" s="72">
        <v>866</v>
      </c>
      <c r="X103" s="73">
        <v>77.370302985549458</v>
      </c>
      <c r="Y103" s="74">
        <v>1.4918373778237446</v>
      </c>
      <c r="Z103" s="281">
        <v>0.19099212339535906</v>
      </c>
      <c r="AA103" s="282">
        <v>2.6728962697952347E-2</v>
      </c>
      <c r="AB103" s="283">
        <v>0.51655011987567456</v>
      </c>
      <c r="AC103" s="282">
        <v>3.3884767976064205E-2</v>
      </c>
      <c r="AD103" s="72">
        <v>867</v>
      </c>
      <c r="AE103" s="73">
        <v>80.30028402040405</v>
      </c>
      <c r="AF103" s="74">
        <v>1.3590152635473729</v>
      </c>
      <c r="AG103" s="281">
        <v>0.15149071947787929</v>
      </c>
      <c r="AH103" s="282">
        <v>2.4401379502963158E-2</v>
      </c>
      <c r="AI103" s="283">
        <v>0.58911294617260335</v>
      </c>
      <c r="AJ103" s="282">
        <v>3.3346226970267116E-2</v>
      </c>
      <c r="AK103" s="72">
        <v>870</v>
      </c>
      <c r="AL103" s="73">
        <v>72.552009688416376</v>
      </c>
      <c r="AM103" s="74">
        <v>1.6042158052267188</v>
      </c>
      <c r="AN103" s="281">
        <v>0.23090959636043121</v>
      </c>
      <c r="AO103" s="282">
        <v>2.8562158840823564E-2</v>
      </c>
      <c r="AP103" s="283">
        <v>0.44246743061203603</v>
      </c>
      <c r="AQ103" s="282">
        <v>3.3602892404398635E-2</v>
      </c>
      <c r="AR103" s="72">
        <v>867</v>
      </c>
      <c r="AS103" s="73">
        <v>69.831657572213942</v>
      </c>
      <c r="AT103" s="74">
        <v>1.6720207411279358</v>
      </c>
      <c r="AU103" s="281">
        <v>0.29689035653673451</v>
      </c>
      <c r="AV103" s="282">
        <v>3.0990129159577613E-2</v>
      </c>
      <c r="AW103" s="283">
        <v>0.40010226180476416</v>
      </c>
      <c r="AX103" s="282">
        <v>3.3206855566342126E-2</v>
      </c>
    </row>
    <row r="104" spans="1:50" s="5" customFormat="1">
      <c r="A104" s="43" t="s">
        <v>583</v>
      </c>
      <c r="B104" s="52">
        <v>1511</v>
      </c>
      <c r="C104" s="53">
        <v>77.264310778643562</v>
      </c>
      <c r="D104" s="54">
        <v>0.97570423705631915</v>
      </c>
      <c r="E104" s="275">
        <v>0.14522639737732346</v>
      </c>
      <c r="F104" s="284">
        <v>1.8152230749486513E-2</v>
      </c>
      <c r="G104" s="275">
        <v>0.47771167066255515</v>
      </c>
      <c r="H104" s="284">
        <v>2.5666346067260388E-2</v>
      </c>
      <c r="I104" s="52">
        <v>1507</v>
      </c>
      <c r="J104" s="53">
        <v>71.283425806659949</v>
      </c>
      <c r="K104" s="54">
        <v>1.1293575736568424</v>
      </c>
      <c r="L104" s="275">
        <v>0.22706604347487502</v>
      </c>
      <c r="M104" s="284">
        <v>2.15790260663257E-2</v>
      </c>
      <c r="N104" s="275">
        <v>0.35926101272700733</v>
      </c>
      <c r="O104" s="284">
        <v>2.4691197755290585E-2</v>
      </c>
      <c r="P104" s="52">
        <v>1508</v>
      </c>
      <c r="Q104" s="53">
        <v>72.881667553676834</v>
      </c>
      <c r="R104" s="54">
        <v>1.0985586595725914</v>
      </c>
      <c r="S104" s="275">
        <v>0.19746070039725899</v>
      </c>
      <c r="T104" s="284">
        <v>2.0506394503240464E-2</v>
      </c>
      <c r="U104" s="275">
        <v>0.39096534262685567</v>
      </c>
      <c r="V104" s="284">
        <v>2.5101606364344897E-2</v>
      </c>
      <c r="W104" s="52">
        <v>1509</v>
      </c>
      <c r="X104" s="53">
        <v>77.421031208391909</v>
      </c>
      <c r="Y104" s="54">
        <v>1.1400260218544007</v>
      </c>
      <c r="Z104" s="275">
        <v>0.19281105876491419</v>
      </c>
      <c r="AA104" s="284">
        <v>2.031693694242322E-2</v>
      </c>
      <c r="AB104" s="275">
        <v>0.53494570694796162</v>
      </c>
      <c r="AC104" s="284">
        <v>2.5646189233552302E-2</v>
      </c>
      <c r="AD104" s="52">
        <v>1509</v>
      </c>
      <c r="AE104" s="53">
        <v>81.698292445738261</v>
      </c>
      <c r="AF104" s="54">
        <v>0.91621862144963373</v>
      </c>
      <c r="AG104" s="275">
        <v>0.11081389361431318</v>
      </c>
      <c r="AH104" s="284">
        <v>1.6205389647853688E-2</v>
      </c>
      <c r="AI104" s="275">
        <v>0.58687403697927576</v>
      </c>
      <c r="AJ104" s="284">
        <v>2.5319779242100271E-2</v>
      </c>
      <c r="AK104" s="52">
        <v>1510</v>
      </c>
      <c r="AL104" s="53">
        <v>74.663526601446307</v>
      </c>
      <c r="AM104" s="54">
        <v>1.09082890804638</v>
      </c>
      <c r="AN104" s="275">
        <v>0.2066063272304336</v>
      </c>
      <c r="AO104" s="284">
        <v>2.0839348970742959E-2</v>
      </c>
      <c r="AP104" s="275">
        <v>0.44425410826411599</v>
      </c>
      <c r="AQ104" s="284">
        <v>2.5540849478005508E-2</v>
      </c>
      <c r="AR104" s="52">
        <v>1508</v>
      </c>
      <c r="AS104" s="53">
        <v>74.550044042694083</v>
      </c>
      <c r="AT104" s="54">
        <v>1.183237421207666</v>
      </c>
      <c r="AU104" s="275">
        <v>0.19394106838344671</v>
      </c>
      <c r="AV104" s="284">
        <v>2.0368489917382562E-2</v>
      </c>
      <c r="AW104" s="275">
        <v>0.44815442041779052</v>
      </c>
      <c r="AX104" s="284">
        <v>2.5579331887988926E-2</v>
      </c>
    </row>
    <row r="105" spans="1:50" s="5" customFormat="1">
      <c r="A105" s="47" t="s">
        <v>572</v>
      </c>
      <c r="B105" s="72">
        <v>292</v>
      </c>
      <c r="C105" s="73">
        <v>71.128464442019379</v>
      </c>
      <c r="D105" s="74">
        <v>2.3114315246397812</v>
      </c>
      <c r="E105" s="281">
        <v>0.28940419761048342</v>
      </c>
      <c r="F105" s="282">
        <v>5.2869034208033149E-2</v>
      </c>
      <c r="G105" s="283">
        <v>0.34109205730682496</v>
      </c>
      <c r="H105" s="282">
        <v>5.5193288578787081E-2</v>
      </c>
      <c r="I105" s="72">
        <v>293</v>
      </c>
      <c r="J105" s="73">
        <v>73.606028793582055</v>
      </c>
      <c r="K105" s="74">
        <v>2.4435327212764895</v>
      </c>
      <c r="L105" s="281">
        <v>0.23212196824650505</v>
      </c>
      <c r="M105" s="282">
        <v>4.9258643521726472E-2</v>
      </c>
      <c r="N105" s="283">
        <v>0.44825839356493113</v>
      </c>
      <c r="O105" s="282">
        <v>5.7722712709589147E-2</v>
      </c>
      <c r="P105" s="72">
        <v>293</v>
      </c>
      <c r="Q105" s="73">
        <v>70.108947583087044</v>
      </c>
      <c r="R105" s="74">
        <v>2.44173883436659</v>
      </c>
      <c r="S105" s="281">
        <v>0.25707768294690569</v>
      </c>
      <c r="T105" s="282">
        <v>5.0926443642307188E-2</v>
      </c>
      <c r="U105" s="283">
        <v>0.33467933487034562</v>
      </c>
      <c r="V105" s="282">
        <v>5.485214981024094E-2</v>
      </c>
      <c r="W105" s="72">
        <v>293</v>
      </c>
      <c r="X105" s="73">
        <v>73.572563317549736</v>
      </c>
      <c r="Y105" s="74">
        <v>2.386262344327204</v>
      </c>
      <c r="Z105" s="281">
        <v>0.23521782452904041</v>
      </c>
      <c r="AA105" s="282">
        <v>4.9477561032051885E-2</v>
      </c>
      <c r="AB105" s="283">
        <v>0.40638089035611963</v>
      </c>
      <c r="AC105" s="282">
        <v>5.7027367091512023E-2</v>
      </c>
      <c r="AD105" s="72">
        <v>292</v>
      </c>
      <c r="AE105" s="73">
        <v>76.989470018786093</v>
      </c>
      <c r="AF105" s="74">
        <v>2.3763548693851346</v>
      </c>
      <c r="AG105" s="281">
        <v>0.17470431762548549</v>
      </c>
      <c r="AH105" s="282">
        <v>4.457355319891379E-2</v>
      </c>
      <c r="AI105" s="283">
        <v>0.50570509597160485</v>
      </c>
      <c r="AJ105" s="282">
        <v>5.8120137182821399E-2</v>
      </c>
      <c r="AK105" s="72">
        <v>293</v>
      </c>
      <c r="AL105" s="73">
        <v>71.1856602309999</v>
      </c>
      <c r="AM105" s="74">
        <v>2.5343958903295762</v>
      </c>
      <c r="AN105" s="281">
        <v>0.27207170910724321</v>
      </c>
      <c r="AO105" s="282">
        <v>5.182704111617871E-2</v>
      </c>
      <c r="AP105" s="283">
        <v>0.41847214707783997</v>
      </c>
      <c r="AQ105" s="282">
        <v>5.7270230917640733E-2</v>
      </c>
      <c r="AR105" s="72">
        <v>290</v>
      </c>
      <c r="AS105" s="73">
        <v>72.784890750683743</v>
      </c>
      <c r="AT105" s="74">
        <v>2.6253341503435892</v>
      </c>
      <c r="AU105" s="281">
        <v>0.21224469901142037</v>
      </c>
      <c r="AV105" s="282">
        <v>4.8012853319940242E-2</v>
      </c>
      <c r="AW105" s="283">
        <v>0.40745993719931095</v>
      </c>
      <c r="AX105" s="282">
        <v>5.7341058223069417E-2</v>
      </c>
    </row>
    <row r="106" spans="1:50" s="5" customFormat="1">
      <c r="A106" s="43" t="s">
        <v>573</v>
      </c>
      <c r="B106" s="69">
        <v>447</v>
      </c>
      <c r="C106" s="70">
        <v>74.349166878691818</v>
      </c>
      <c r="D106" s="71">
        <v>1.8579013960756188</v>
      </c>
      <c r="E106" s="278">
        <v>0.17057812468976161</v>
      </c>
      <c r="F106" s="279">
        <v>3.5662576941098714E-2</v>
      </c>
      <c r="G106" s="280">
        <v>0.39985724284189283</v>
      </c>
      <c r="H106" s="279">
        <v>4.6151061104121295E-2</v>
      </c>
      <c r="I106" s="69">
        <v>447</v>
      </c>
      <c r="J106" s="70">
        <v>68.896607192850198</v>
      </c>
      <c r="K106" s="71">
        <v>1.9744281613197068</v>
      </c>
      <c r="L106" s="278">
        <v>0.27402919446379298</v>
      </c>
      <c r="M106" s="279">
        <v>4.2099970632828096E-2</v>
      </c>
      <c r="N106" s="280">
        <v>0.30143019231317381</v>
      </c>
      <c r="O106" s="279">
        <v>4.3286940597704902E-2</v>
      </c>
      <c r="P106" s="69">
        <v>446</v>
      </c>
      <c r="Q106" s="70">
        <v>66.678570918925175</v>
      </c>
      <c r="R106" s="71">
        <v>2.0745668785135072</v>
      </c>
      <c r="S106" s="278">
        <v>0.29861221202448585</v>
      </c>
      <c r="T106" s="279">
        <v>4.3221472895071916E-2</v>
      </c>
      <c r="U106" s="280">
        <v>0.25302619969486828</v>
      </c>
      <c r="V106" s="279">
        <v>4.1105122350310365E-2</v>
      </c>
      <c r="W106" s="69">
        <v>444</v>
      </c>
      <c r="X106" s="70">
        <v>74.46421493330395</v>
      </c>
      <c r="Y106" s="71">
        <v>2.1961268473131721</v>
      </c>
      <c r="Z106" s="278">
        <v>0.24501213457929691</v>
      </c>
      <c r="AA106" s="279">
        <v>4.0766873745060106E-2</v>
      </c>
      <c r="AB106" s="280">
        <v>0.48603256343309986</v>
      </c>
      <c r="AC106" s="279">
        <v>4.7227449163271304E-2</v>
      </c>
      <c r="AD106" s="69">
        <v>445</v>
      </c>
      <c r="AE106" s="70">
        <v>79.758917732096847</v>
      </c>
      <c r="AF106" s="71">
        <v>1.7534482406050651</v>
      </c>
      <c r="AG106" s="278">
        <v>0.14104966347559755</v>
      </c>
      <c r="AH106" s="279">
        <v>3.3161562469990476E-2</v>
      </c>
      <c r="AI106" s="280">
        <v>0.52233777924305724</v>
      </c>
      <c r="AJ106" s="279">
        <v>4.7146634214222868E-2</v>
      </c>
      <c r="AK106" s="69">
        <v>446</v>
      </c>
      <c r="AL106" s="70">
        <v>71.580732318922912</v>
      </c>
      <c r="AM106" s="71">
        <v>2.1319497704635815</v>
      </c>
      <c r="AN106" s="278">
        <v>0.25469567640495394</v>
      </c>
      <c r="AO106" s="279">
        <v>4.1192318385750257E-2</v>
      </c>
      <c r="AP106" s="280">
        <v>0.37295226687395056</v>
      </c>
      <c r="AQ106" s="279">
        <v>4.5621101503496006E-2</v>
      </c>
      <c r="AR106" s="69">
        <v>446</v>
      </c>
      <c r="AS106" s="70">
        <v>66.967488998263093</v>
      </c>
      <c r="AT106" s="71">
        <v>2.3134132459191541</v>
      </c>
      <c r="AU106" s="278">
        <v>0.30630667103078979</v>
      </c>
      <c r="AV106" s="279">
        <v>4.3527452463022191E-2</v>
      </c>
      <c r="AW106" s="280">
        <v>0.30732280201581735</v>
      </c>
      <c r="AX106" s="279">
        <v>4.3566812572127273E-2</v>
      </c>
    </row>
    <row r="107" spans="1:50">
      <c r="A107" s="47" t="s">
        <v>574</v>
      </c>
      <c r="B107" s="72">
        <v>676</v>
      </c>
      <c r="C107" s="73">
        <v>76.612655202622676</v>
      </c>
      <c r="D107" s="74">
        <v>1.4923417977128981</v>
      </c>
      <c r="E107" s="281">
        <v>0.12853081386949639</v>
      </c>
      <c r="F107" s="282">
        <v>2.5853577887384922E-2</v>
      </c>
      <c r="G107" s="283">
        <v>0.4635337966566101</v>
      </c>
      <c r="H107" s="282">
        <v>3.8247323206445936E-2</v>
      </c>
      <c r="I107" s="72">
        <v>677</v>
      </c>
      <c r="J107" s="73">
        <v>71.227260503071392</v>
      </c>
      <c r="K107" s="74">
        <v>1.6125481723704207</v>
      </c>
      <c r="L107" s="281">
        <v>0.22790895864835009</v>
      </c>
      <c r="M107" s="282">
        <v>3.2228407932477922E-2</v>
      </c>
      <c r="N107" s="283">
        <v>0.35653530350770812</v>
      </c>
      <c r="O107" s="282">
        <v>3.6728072285850524E-2</v>
      </c>
      <c r="P107" s="72">
        <v>679</v>
      </c>
      <c r="Q107" s="73">
        <v>72.232931005935342</v>
      </c>
      <c r="R107" s="74">
        <v>1.652662729906339</v>
      </c>
      <c r="S107" s="281">
        <v>0.22930466745706687</v>
      </c>
      <c r="T107" s="282">
        <v>3.2249013493234072E-2</v>
      </c>
      <c r="U107" s="283">
        <v>0.38821818121162122</v>
      </c>
      <c r="V107" s="282">
        <v>3.730690669559103E-2</v>
      </c>
      <c r="W107" s="72">
        <v>677</v>
      </c>
      <c r="X107" s="73">
        <v>76.824780205731301</v>
      </c>
      <c r="Y107" s="74">
        <v>1.8286107087084174</v>
      </c>
      <c r="Z107" s="281">
        <v>0.20406591658309231</v>
      </c>
      <c r="AA107" s="282">
        <v>3.098470100475555E-2</v>
      </c>
      <c r="AB107" s="283">
        <v>0.53260236710562536</v>
      </c>
      <c r="AC107" s="282">
        <v>3.8239490739062798E-2</v>
      </c>
      <c r="AD107" s="72">
        <v>677</v>
      </c>
      <c r="AE107" s="73">
        <v>82.376056050709735</v>
      </c>
      <c r="AF107" s="74">
        <v>1.4234909920727694</v>
      </c>
      <c r="AG107" s="281">
        <v>0.10162408405138688</v>
      </c>
      <c r="AH107" s="282">
        <v>2.3391642396698858E-2</v>
      </c>
      <c r="AI107" s="283">
        <v>0.61402780131702817</v>
      </c>
      <c r="AJ107" s="282">
        <v>3.7322262572040646E-2</v>
      </c>
      <c r="AK107" s="72">
        <v>679</v>
      </c>
      <c r="AL107" s="73">
        <v>72.914428126052286</v>
      </c>
      <c r="AM107" s="74">
        <v>1.7693798035698824</v>
      </c>
      <c r="AN107" s="281">
        <v>0.22033709781858754</v>
      </c>
      <c r="AO107" s="282">
        <v>3.1803023918338551E-2</v>
      </c>
      <c r="AP107" s="283">
        <v>0.42214277653647608</v>
      </c>
      <c r="AQ107" s="282">
        <v>3.7802681528591786E-2</v>
      </c>
      <c r="AR107" s="72">
        <v>678</v>
      </c>
      <c r="AS107" s="73">
        <v>72.25895304487824</v>
      </c>
      <c r="AT107" s="74">
        <v>1.8743251739466771</v>
      </c>
      <c r="AU107" s="281">
        <v>0.24173508254906081</v>
      </c>
      <c r="AV107" s="282">
        <v>3.2857941066872252E-2</v>
      </c>
      <c r="AW107" s="283">
        <v>0.43371910510176759</v>
      </c>
      <c r="AX107" s="282">
        <v>3.7958012339702508E-2</v>
      </c>
    </row>
    <row r="108" spans="1:50">
      <c r="A108" s="43" t="s">
        <v>575</v>
      </c>
      <c r="B108" s="52">
        <v>937</v>
      </c>
      <c r="C108" s="53">
        <v>82.456295918442422</v>
      </c>
      <c r="D108" s="54">
        <v>1.1509678493316882</v>
      </c>
      <c r="E108" s="275">
        <v>8.634716297221344E-2</v>
      </c>
      <c r="F108" s="284">
        <v>1.8480300573094986E-2</v>
      </c>
      <c r="G108" s="275">
        <v>0.60631960554396958</v>
      </c>
      <c r="H108" s="284">
        <v>3.1859951110512659E-2</v>
      </c>
      <c r="I108" s="52">
        <v>934</v>
      </c>
      <c r="J108" s="53">
        <v>71.766647171581397</v>
      </c>
      <c r="K108" s="54">
        <v>1.4895063946516491</v>
      </c>
      <c r="L108" s="275">
        <v>0.21264865748016087</v>
      </c>
      <c r="M108" s="284">
        <v>2.6776492006541554E-2</v>
      </c>
      <c r="N108" s="275">
        <v>0.3677369228579474</v>
      </c>
      <c r="O108" s="284">
        <v>3.149815432930049E-2</v>
      </c>
      <c r="P108" s="52">
        <v>934</v>
      </c>
      <c r="Q108" s="53">
        <v>76.823176160815891</v>
      </c>
      <c r="R108" s="54">
        <v>1.384625501890145</v>
      </c>
      <c r="S108" s="275">
        <v>0.14609343069930594</v>
      </c>
      <c r="T108" s="284">
        <v>2.3163099432569362E-2</v>
      </c>
      <c r="U108" s="275">
        <v>0.49116541884478937</v>
      </c>
      <c r="V108" s="284">
        <v>3.2646103574214116E-2</v>
      </c>
      <c r="W108" s="52">
        <v>935</v>
      </c>
      <c r="X108" s="53">
        <v>82.413585870428506</v>
      </c>
      <c r="Y108" s="54">
        <v>1.3288592657634557</v>
      </c>
      <c r="Z108" s="275">
        <v>0.11881512450483346</v>
      </c>
      <c r="AA108" s="284">
        <v>2.1242890980223764E-2</v>
      </c>
      <c r="AB108" s="275">
        <v>0.63723163865637811</v>
      </c>
      <c r="AC108" s="284">
        <v>3.1391416250602995E-2</v>
      </c>
      <c r="AD108" s="52">
        <v>936</v>
      </c>
      <c r="AE108" s="53">
        <v>84.320081494654318</v>
      </c>
      <c r="AF108" s="54">
        <v>1.1711241152027021</v>
      </c>
      <c r="AG108" s="275">
        <v>9.1545224198200562E-2</v>
      </c>
      <c r="AH108" s="284">
        <v>1.8971596915794819E-2</v>
      </c>
      <c r="AI108" s="275">
        <v>0.65763922947360465</v>
      </c>
      <c r="AJ108" s="284">
        <v>3.0967444387239803E-2</v>
      </c>
      <c r="AK108" s="52">
        <v>936</v>
      </c>
      <c r="AL108" s="53">
        <v>78.881517875440707</v>
      </c>
      <c r="AM108" s="54">
        <v>1.3782212414184096</v>
      </c>
      <c r="AN108" s="275">
        <v>0.1340971364264453</v>
      </c>
      <c r="AO108" s="284">
        <v>2.2337080713690591E-2</v>
      </c>
      <c r="AP108" s="275">
        <v>0.52670721508726437</v>
      </c>
      <c r="AQ108" s="284">
        <v>3.2570237175684733E-2</v>
      </c>
      <c r="AR108" s="52">
        <v>935</v>
      </c>
      <c r="AS108" s="53">
        <v>78.139357274821165</v>
      </c>
      <c r="AT108" s="54">
        <v>1.45134188265468</v>
      </c>
      <c r="AU108" s="275">
        <v>0.16434666035919362</v>
      </c>
      <c r="AV108" s="284">
        <v>2.4271682684213012E-2</v>
      </c>
      <c r="AW108" s="275">
        <v>0.53376243191932926</v>
      </c>
      <c r="AX108" s="284">
        <v>3.2559917022379196E-2</v>
      </c>
    </row>
    <row r="109" spans="1:50">
      <c r="A109" s="47" t="s">
        <v>576</v>
      </c>
      <c r="B109" s="72">
        <v>757</v>
      </c>
      <c r="C109" s="73">
        <v>76.280044148244073</v>
      </c>
      <c r="D109" s="74">
        <v>1.4167072012395348</v>
      </c>
      <c r="E109" s="281">
        <v>0.17844088148225526</v>
      </c>
      <c r="F109" s="282">
        <v>2.7861481108887202E-2</v>
      </c>
      <c r="G109" s="283">
        <v>0.47470538467953266</v>
      </c>
      <c r="H109" s="282">
        <v>3.620404220398582E-2</v>
      </c>
      <c r="I109" s="72">
        <v>753</v>
      </c>
      <c r="J109" s="73">
        <v>71.768226517849399</v>
      </c>
      <c r="K109" s="74">
        <v>1.6050356098214118</v>
      </c>
      <c r="L109" s="281">
        <v>0.22919453217204919</v>
      </c>
      <c r="M109" s="282">
        <v>3.0619958261491696E-2</v>
      </c>
      <c r="N109" s="283">
        <v>0.36846129669284849</v>
      </c>
      <c r="O109" s="282">
        <v>3.5079071961194842E-2</v>
      </c>
      <c r="P109" s="72">
        <v>757</v>
      </c>
      <c r="Q109" s="73">
        <v>71.224134471428229</v>
      </c>
      <c r="R109" s="74">
        <v>1.562253191719073</v>
      </c>
      <c r="S109" s="281">
        <v>0.24224123674105907</v>
      </c>
      <c r="T109" s="282">
        <v>3.1120724562397339E-2</v>
      </c>
      <c r="U109" s="283">
        <v>0.35987572414788643</v>
      </c>
      <c r="V109" s="282">
        <v>3.4812888658808341E-2</v>
      </c>
      <c r="W109" s="72">
        <v>752</v>
      </c>
      <c r="X109" s="73">
        <v>75.706421164282972</v>
      </c>
      <c r="Y109" s="74">
        <v>1.6786514698916892</v>
      </c>
      <c r="Z109" s="281">
        <v>0.23112901787576082</v>
      </c>
      <c r="AA109" s="282">
        <v>3.0729349474644129E-2</v>
      </c>
      <c r="AB109" s="283">
        <v>0.50321305028166996</v>
      </c>
      <c r="AC109" s="282">
        <v>3.6368905352384129E-2</v>
      </c>
      <c r="AD109" s="72">
        <v>753</v>
      </c>
      <c r="AE109" s="73">
        <v>81.90229086258968</v>
      </c>
      <c r="AF109" s="74">
        <v>1.2764236909004831</v>
      </c>
      <c r="AG109" s="281">
        <v>0.11619464954338284</v>
      </c>
      <c r="AH109" s="282">
        <v>2.3469936958150289E-2</v>
      </c>
      <c r="AI109" s="283">
        <v>0.59630024373196711</v>
      </c>
      <c r="AJ109" s="282">
        <v>3.5672368614254095E-2</v>
      </c>
      <c r="AK109" s="72">
        <v>754</v>
      </c>
      <c r="AL109" s="73">
        <v>72.734090540280675</v>
      </c>
      <c r="AM109" s="74">
        <v>1.64172653766536</v>
      </c>
      <c r="AN109" s="281">
        <v>0.24410809385099388</v>
      </c>
      <c r="AO109" s="282">
        <v>3.1262662680264681E-2</v>
      </c>
      <c r="AP109" s="283">
        <v>0.43645430337598989</v>
      </c>
      <c r="AQ109" s="282">
        <v>3.6030216723072717E-2</v>
      </c>
      <c r="AR109" s="72">
        <v>755</v>
      </c>
      <c r="AS109" s="73">
        <v>73.794431422887001</v>
      </c>
      <c r="AT109" s="74">
        <v>1.732237720408266</v>
      </c>
      <c r="AU109" s="281">
        <v>0.21799822986035411</v>
      </c>
      <c r="AV109" s="282">
        <v>3.0047042701152112E-2</v>
      </c>
      <c r="AW109" s="283">
        <v>0.43310913125086414</v>
      </c>
      <c r="AX109" s="282">
        <v>3.5974859343664574E-2</v>
      </c>
    </row>
    <row r="110" spans="1:50">
      <c r="A110" s="55" t="s">
        <v>577</v>
      </c>
      <c r="B110" s="69">
        <v>769</v>
      </c>
      <c r="C110" s="70">
        <v>79.191389124227229</v>
      </c>
      <c r="D110" s="71">
        <v>1.284603665769972</v>
      </c>
      <c r="E110" s="278">
        <v>0.10814554230682047</v>
      </c>
      <c r="F110" s="279">
        <v>2.2523249998887985E-2</v>
      </c>
      <c r="G110" s="280">
        <v>0.49974342527255666</v>
      </c>
      <c r="H110" s="279">
        <v>3.5967495376638958E-2</v>
      </c>
      <c r="I110" s="69">
        <v>767</v>
      </c>
      <c r="J110" s="70">
        <v>72.483455043615052</v>
      </c>
      <c r="K110" s="71">
        <v>1.5118377967235306</v>
      </c>
      <c r="L110" s="278">
        <v>0.21291659236828131</v>
      </c>
      <c r="M110" s="279">
        <v>2.956108384224608E-2</v>
      </c>
      <c r="N110" s="280">
        <v>0.39589824017555292</v>
      </c>
      <c r="O110" s="279">
        <v>3.5233148222282108E-2</v>
      </c>
      <c r="P110" s="69">
        <v>768</v>
      </c>
      <c r="Q110" s="70">
        <v>74.84513356336619</v>
      </c>
      <c r="R110" s="71">
        <v>1.454215101956198</v>
      </c>
      <c r="S110" s="278">
        <v>0.17069811103001536</v>
      </c>
      <c r="T110" s="279">
        <v>2.7189707985323046E-2</v>
      </c>
      <c r="U110" s="280">
        <v>0.41252536270084128</v>
      </c>
      <c r="V110" s="279">
        <v>3.5441499327667415E-2</v>
      </c>
      <c r="W110" s="69">
        <v>768</v>
      </c>
      <c r="X110" s="70">
        <v>79.850599795544298</v>
      </c>
      <c r="Y110" s="71">
        <v>1.474687402297151</v>
      </c>
      <c r="Z110" s="278">
        <v>0.1434060458854115</v>
      </c>
      <c r="AA110" s="279">
        <v>2.5363170490206227E-2</v>
      </c>
      <c r="AB110" s="280">
        <v>0.56069857845522697</v>
      </c>
      <c r="AC110" s="279">
        <v>3.5727361622265259E-2</v>
      </c>
      <c r="AD110" s="69">
        <v>770</v>
      </c>
      <c r="AE110" s="70">
        <v>80.439114271265282</v>
      </c>
      <c r="AF110" s="71">
        <v>1.3955213824580681</v>
      </c>
      <c r="AG110" s="278">
        <v>0.12334034388193654</v>
      </c>
      <c r="AH110" s="279">
        <v>2.3798258111020775E-2</v>
      </c>
      <c r="AI110" s="280">
        <v>0.54695460149811903</v>
      </c>
      <c r="AJ110" s="279">
        <v>3.5787052822369457E-2</v>
      </c>
      <c r="AK110" s="69">
        <v>770</v>
      </c>
      <c r="AL110" s="70">
        <v>74.858841994798141</v>
      </c>
      <c r="AM110" s="71">
        <v>1.54992845919811</v>
      </c>
      <c r="AN110" s="278">
        <v>0.19882936213065058</v>
      </c>
      <c r="AO110" s="279">
        <v>2.8776186221201785E-2</v>
      </c>
      <c r="AP110" s="280">
        <v>0.4272492544214464</v>
      </c>
      <c r="AQ110" s="279">
        <v>3.5565704546740594E-2</v>
      </c>
      <c r="AR110" s="69">
        <v>767</v>
      </c>
      <c r="AS110" s="70">
        <v>75.788946398181608</v>
      </c>
      <c r="AT110" s="71">
        <v>1.6234821411739915</v>
      </c>
      <c r="AU110" s="278">
        <v>0.17325031275132843</v>
      </c>
      <c r="AV110" s="279">
        <v>2.7365004580482508E-2</v>
      </c>
      <c r="AW110" s="280">
        <v>0.45416428555853355</v>
      </c>
      <c r="AX110" s="279">
        <v>3.5864048676661056E-2</v>
      </c>
    </row>
    <row r="111" spans="1:50">
      <c r="A111" s="47" t="s">
        <v>578</v>
      </c>
      <c r="B111" s="72">
        <v>259</v>
      </c>
      <c r="C111" s="73">
        <v>73.680253298073708</v>
      </c>
      <c r="D111" s="74">
        <v>2.5695449243008901</v>
      </c>
      <c r="E111" s="281">
        <v>0.22444867270060265</v>
      </c>
      <c r="F111" s="282">
        <v>5.179126218211063E-2</v>
      </c>
      <c r="G111" s="283">
        <v>0.42050168085436895</v>
      </c>
      <c r="H111" s="282">
        <v>6.0902065390641864E-2</v>
      </c>
      <c r="I111" s="72">
        <v>260</v>
      </c>
      <c r="J111" s="73">
        <v>68.604322694356256</v>
      </c>
      <c r="K111" s="74">
        <v>2.7829303004948658</v>
      </c>
      <c r="L111" s="281">
        <v>0.28490094833218882</v>
      </c>
      <c r="M111" s="282">
        <v>5.5748872109534699E-2</v>
      </c>
      <c r="N111" s="283">
        <v>0.3121212240795786</v>
      </c>
      <c r="O111" s="282">
        <v>5.7176376728353372E-2</v>
      </c>
      <c r="P111" s="72">
        <v>256</v>
      </c>
      <c r="Q111" s="73">
        <v>67.791568227116045</v>
      </c>
      <c r="R111" s="74">
        <v>3.0836834887456024</v>
      </c>
      <c r="S111" s="281">
        <v>0.28607016716736011</v>
      </c>
      <c r="T111" s="282">
        <v>5.6245530179647944E-2</v>
      </c>
      <c r="U111" s="283">
        <v>0.33820677021090262</v>
      </c>
      <c r="V111" s="282">
        <v>5.8785425026562664E-2</v>
      </c>
      <c r="W111" s="72">
        <v>258</v>
      </c>
      <c r="X111" s="73">
        <v>75.385456919007879</v>
      </c>
      <c r="Y111" s="74">
        <v>3.0020574087545526</v>
      </c>
      <c r="Z111" s="281">
        <v>0.22620774738927443</v>
      </c>
      <c r="AA111" s="282">
        <v>5.2028948458128964E-2</v>
      </c>
      <c r="AB111" s="283">
        <v>0.49258444822588404</v>
      </c>
      <c r="AC111" s="282">
        <v>6.1773617218735172E-2</v>
      </c>
      <c r="AD111" s="72">
        <v>259</v>
      </c>
      <c r="AE111" s="73">
        <v>81.005877652488664</v>
      </c>
      <c r="AF111" s="74">
        <v>2.5275522869574263</v>
      </c>
      <c r="AG111" s="281">
        <v>0.14634821667078438</v>
      </c>
      <c r="AH111" s="282">
        <v>4.4243688016708506E-2</v>
      </c>
      <c r="AI111" s="283">
        <v>0.6145766637879736</v>
      </c>
      <c r="AJ111" s="282">
        <v>6.0072007044899962E-2</v>
      </c>
      <c r="AK111" s="72">
        <v>260</v>
      </c>
      <c r="AL111" s="73">
        <v>74.476170349475524</v>
      </c>
      <c r="AM111" s="74">
        <v>2.8793177146398974</v>
      </c>
      <c r="AN111" s="281">
        <v>0.1929290396572107</v>
      </c>
      <c r="AO111" s="282">
        <v>4.9011923327566161E-2</v>
      </c>
      <c r="AP111" s="283">
        <v>0.46253213924242198</v>
      </c>
      <c r="AQ111" s="282">
        <v>6.1377912540499617E-2</v>
      </c>
      <c r="AR111" s="72">
        <v>257</v>
      </c>
      <c r="AS111" s="73">
        <v>66.925680827220589</v>
      </c>
      <c r="AT111" s="74">
        <v>3.402454049192563</v>
      </c>
      <c r="AU111" s="281">
        <v>0.32036086044611084</v>
      </c>
      <c r="AV111" s="282">
        <v>5.789557590886265E-2</v>
      </c>
      <c r="AW111" s="283">
        <v>0.37087094877562987</v>
      </c>
      <c r="AX111" s="282">
        <v>5.9863556449721654E-2</v>
      </c>
    </row>
    <row r="112" spans="1:50">
      <c r="A112" s="55" t="s">
        <v>579</v>
      </c>
      <c r="B112" s="69">
        <v>220</v>
      </c>
      <c r="C112" s="70">
        <v>76.06393002106293</v>
      </c>
      <c r="D112" s="71">
        <v>2.5788523636183838</v>
      </c>
      <c r="E112" s="278">
        <v>0.16686614857864768</v>
      </c>
      <c r="F112" s="279">
        <v>5.0524031483693631E-2</v>
      </c>
      <c r="G112" s="280">
        <v>0.42344317717080687</v>
      </c>
      <c r="H112" s="279">
        <v>6.6055510137564194E-2</v>
      </c>
      <c r="I112" s="69">
        <v>223</v>
      </c>
      <c r="J112" s="70">
        <v>71.165360911303168</v>
      </c>
      <c r="K112" s="71">
        <v>2.9218422158206239</v>
      </c>
      <c r="L112" s="278">
        <v>0.23294390462849834</v>
      </c>
      <c r="M112" s="279">
        <v>5.6501895099799263E-2</v>
      </c>
      <c r="N112" s="280">
        <v>0.40399518638244508</v>
      </c>
      <c r="O112" s="279">
        <v>6.5180878711119036E-2</v>
      </c>
      <c r="P112" s="69">
        <v>222</v>
      </c>
      <c r="Q112" s="70">
        <v>72.920297320931979</v>
      </c>
      <c r="R112" s="71">
        <v>2.8547978993610044</v>
      </c>
      <c r="S112" s="278">
        <v>0.24375210346549167</v>
      </c>
      <c r="T112" s="279">
        <v>5.7475011800835064E-2</v>
      </c>
      <c r="U112" s="280">
        <v>0.40054888478942879</v>
      </c>
      <c r="V112" s="279">
        <v>6.5237006226148211E-2</v>
      </c>
      <c r="W112" s="69">
        <v>222</v>
      </c>
      <c r="X112" s="70">
        <v>77.67490155140429</v>
      </c>
      <c r="Y112" s="71">
        <v>2.9497711982489072</v>
      </c>
      <c r="Z112" s="278">
        <v>0.17849878807363484</v>
      </c>
      <c r="AA112" s="279">
        <v>5.1570633692243226E-2</v>
      </c>
      <c r="AB112" s="280">
        <v>0.55418710292887896</v>
      </c>
      <c r="AC112" s="279">
        <v>6.6141009977431137E-2</v>
      </c>
      <c r="AD112" s="69">
        <v>221</v>
      </c>
      <c r="AE112" s="70">
        <v>83.068417458473078</v>
      </c>
      <c r="AF112" s="71">
        <v>2.4480274441209104</v>
      </c>
      <c r="AG112" s="278">
        <v>9.1419633464975489E-2</v>
      </c>
      <c r="AH112" s="279">
        <v>3.976484070701982E-2</v>
      </c>
      <c r="AI112" s="280">
        <v>0.60558169993667854</v>
      </c>
      <c r="AJ112" s="279">
        <v>6.5216948972226213E-2</v>
      </c>
      <c r="AK112" s="69">
        <v>222</v>
      </c>
      <c r="AL112" s="70">
        <v>74.038991069766567</v>
      </c>
      <c r="AM112" s="71">
        <v>3.0466823163932824</v>
      </c>
      <c r="AN112" s="278">
        <v>0.21954295396163165</v>
      </c>
      <c r="AO112" s="279">
        <v>5.551105993056657E-2</v>
      </c>
      <c r="AP112" s="280">
        <v>0.48874544547846099</v>
      </c>
      <c r="AQ112" s="279">
        <v>6.6502748501366934E-2</v>
      </c>
      <c r="AR112" s="69">
        <v>221</v>
      </c>
      <c r="AS112" s="70">
        <v>74.410475080564282</v>
      </c>
      <c r="AT112" s="71">
        <v>3.0464968685037763</v>
      </c>
      <c r="AU112" s="278">
        <v>0.22407404263061906</v>
      </c>
      <c r="AV112" s="279">
        <v>5.6023460256114363E-2</v>
      </c>
      <c r="AW112" s="280">
        <v>0.44921548728073779</v>
      </c>
      <c r="AX112" s="279">
        <v>6.6334079500780727E-2</v>
      </c>
    </row>
    <row r="113" spans="1:50">
      <c r="A113" s="47" t="s">
        <v>580</v>
      </c>
      <c r="B113" s="72">
        <v>223</v>
      </c>
      <c r="C113" s="73">
        <v>76.971905614906134</v>
      </c>
      <c r="D113" s="74">
        <v>2.6343118062440989</v>
      </c>
      <c r="E113" s="281">
        <v>0.14607091466488684</v>
      </c>
      <c r="F113" s="282">
        <v>4.7697645483763353E-2</v>
      </c>
      <c r="G113" s="283">
        <v>0.49618809969051819</v>
      </c>
      <c r="H113" s="282">
        <v>6.6370469654866676E-2</v>
      </c>
      <c r="I113" s="72">
        <v>222</v>
      </c>
      <c r="J113" s="73">
        <v>72.313180494989439</v>
      </c>
      <c r="K113" s="74">
        <v>2.9548810599736095</v>
      </c>
      <c r="L113" s="281">
        <v>0.23700613925565012</v>
      </c>
      <c r="M113" s="282">
        <v>5.6952224707621339E-2</v>
      </c>
      <c r="N113" s="283">
        <v>0.39123284860533991</v>
      </c>
      <c r="O113" s="282">
        <v>6.4982607921942576E-2</v>
      </c>
      <c r="P113" s="72">
        <v>223</v>
      </c>
      <c r="Q113" s="73">
        <v>72.938582196416306</v>
      </c>
      <c r="R113" s="74">
        <v>2.8463629191393207</v>
      </c>
      <c r="S113" s="281">
        <v>0.21044943034029737</v>
      </c>
      <c r="T113" s="282">
        <v>5.4585201107548179E-2</v>
      </c>
      <c r="U113" s="283">
        <v>0.41791153751151361</v>
      </c>
      <c r="V113" s="282">
        <v>6.5503387639960414E-2</v>
      </c>
      <c r="W113" s="72">
        <v>223</v>
      </c>
      <c r="X113" s="73">
        <v>77.206916297424229</v>
      </c>
      <c r="Y113" s="74">
        <v>3.0306844497460346</v>
      </c>
      <c r="Z113" s="281">
        <v>0.19157883989754074</v>
      </c>
      <c r="AA113" s="282">
        <v>5.2798215437984269E-2</v>
      </c>
      <c r="AB113" s="283">
        <v>0.55030392180174981</v>
      </c>
      <c r="AC113" s="282">
        <v>6.6047361166901131E-2</v>
      </c>
      <c r="AD113" s="72">
        <v>221</v>
      </c>
      <c r="AE113" s="73">
        <v>80.477383615539537</v>
      </c>
      <c r="AF113" s="74">
        <v>2.5586507082347558</v>
      </c>
      <c r="AG113" s="281">
        <v>0.12951773283829696</v>
      </c>
      <c r="AH113" s="282">
        <v>4.5719874113513401E-2</v>
      </c>
      <c r="AI113" s="283">
        <v>0.60917055384861274</v>
      </c>
      <c r="AJ113" s="282">
        <v>6.5115525644971306E-2</v>
      </c>
      <c r="AK113" s="72">
        <v>222</v>
      </c>
      <c r="AL113" s="73">
        <v>73.500892092124772</v>
      </c>
      <c r="AM113" s="74">
        <v>3.0595379775959066</v>
      </c>
      <c r="AN113" s="281">
        <v>0.23117796348327299</v>
      </c>
      <c r="AO113" s="282">
        <v>5.6485590334599566E-2</v>
      </c>
      <c r="AP113" s="283">
        <v>0.448216462348282</v>
      </c>
      <c r="AQ113" s="282">
        <v>6.6173885553044223E-2</v>
      </c>
      <c r="AR113" s="72">
        <v>223</v>
      </c>
      <c r="AS113" s="73">
        <v>73.034143918689011</v>
      </c>
      <c r="AT113" s="74">
        <v>3.1913452967960207</v>
      </c>
      <c r="AU113" s="281">
        <v>0.23204581590358772</v>
      </c>
      <c r="AV113" s="282">
        <v>5.6429541746703234E-2</v>
      </c>
      <c r="AW113" s="283">
        <v>0.47218850194069562</v>
      </c>
      <c r="AX113" s="282">
        <v>6.6273168449015263E-2</v>
      </c>
    </row>
    <row r="114" spans="1:50">
      <c r="A114" s="55" t="s">
        <v>581</v>
      </c>
      <c r="B114" s="69">
        <v>123</v>
      </c>
      <c r="C114" s="70">
        <v>76.780171366681031</v>
      </c>
      <c r="D114" s="71">
        <v>3.5698052249405809</v>
      </c>
      <c r="E114" s="278">
        <v>0.14728455894512713</v>
      </c>
      <c r="F114" s="279">
        <v>6.479650529468732E-2</v>
      </c>
      <c r="G114" s="280">
        <v>0.45298264532683896</v>
      </c>
      <c r="H114" s="279">
        <v>8.8366885128172368E-2</v>
      </c>
      <c r="I114" s="69">
        <v>123</v>
      </c>
      <c r="J114" s="70">
        <v>71.992233808688056</v>
      </c>
      <c r="K114" s="71">
        <v>4.1491465171010917</v>
      </c>
      <c r="L114" s="278">
        <v>0.21492393866798781</v>
      </c>
      <c r="M114" s="279">
        <v>7.3980267149585291E-2</v>
      </c>
      <c r="N114" s="280">
        <v>0.39890612012281879</v>
      </c>
      <c r="O114" s="279">
        <v>8.7017722335884506E-2</v>
      </c>
      <c r="P114" s="69">
        <v>122</v>
      </c>
      <c r="Q114" s="70">
        <v>73.271699729084929</v>
      </c>
      <c r="R114" s="71">
        <v>4.3783304286401963</v>
      </c>
      <c r="S114" s="278">
        <v>0.23600186119562433</v>
      </c>
      <c r="T114" s="279">
        <v>7.6565113651847927E-2</v>
      </c>
      <c r="U114" s="280">
        <v>0.42727311875615898</v>
      </c>
      <c r="V114" s="279">
        <v>8.8199141990712063E-2</v>
      </c>
      <c r="W114" s="69">
        <v>123</v>
      </c>
      <c r="X114" s="70">
        <v>79.532946633965906</v>
      </c>
      <c r="Y114" s="71">
        <v>3.8706005451804315</v>
      </c>
      <c r="Z114" s="278">
        <v>0.18141940222546948</v>
      </c>
      <c r="AA114" s="279">
        <v>6.9825207716815885E-2</v>
      </c>
      <c r="AB114" s="280">
        <v>0.56901573544653783</v>
      </c>
      <c r="AC114" s="279">
        <v>8.7939160339611536E-2</v>
      </c>
      <c r="AD114" s="69">
        <v>123</v>
      </c>
      <c r="AE114" s="70">
        <v>83.582166967593935</v>
      </c>
      <c r="AF114" s="71">
        <v>3.1413337710617824</v>
      </c>
      <c r="AG114" s="278">
        <v>8.0322404457135746E-2</v>
      </c>
      <c r="AH114" s="279">
        <v>5.167760545751731E-2</v>
      </c>
      <c r="AI114" s="280">
        <v>0.6272167867390589</v>
      </c>
      <c r="AJ114" s="279">
        <v>8.599932357360271E-2</v>
      </c>
      <c r="AK114" s="69">
        <v>123</v>
      </c>
      <c r="AL114" s="70">
        <v>74.964911958564542</v>
      </c>
      <c r="AM114" s="71">
        <v>3.7470641027834728</v>
      </c>
      <c r="AN114" s="278">
        <v>0.18861486578967984</v>
      </c>
      <c r="AO114" s="279">
        <v>7.0777654227095588E-2</v>
      </c>
      <c r="AP114" s="280">
        <v>0.43224817160961665</v>
      </c>
      <c r="AQ114" s="279">
        <v>8.7968192095855699E-2</v>
      </c>
      <c r="AR114" s="69">
        <v>123</v>
      </c>
      <c r="AS114" s="70">
        <v>74.764752621142108</v>
      </c>
      <c r="AT114" s="71">
        <v>4.1013391632659193</v>
      </c>
      <c r="AU114" s="278">
        <v>0.22152833954198006</v>
      </c>
      <c r="AV114" s="279">
        <v>7.4719722977783509E-2</v>
      </c>
      <c r="AW114" s="280">
        <v>0.43571227688726916</v>
      </c>
      <c r="AX114" s="279">
        <v>8.8044965189408173E-2</v>
      </c>
    </row>
    <row r="115" spans="1:50">
      <c r="A115" s="47" t="s">
        <v>584</v>
      </c>
      <c r="B115" s="72">
        <v>117</v>
      </c>
      <c r="C115" s="73">
        <v>70.752127584686676</v>
      </c>
      <c r="D115" s="74">
        <v>3.9592699369489583</v>
      </c>
      <c r="E115" s="281">
        <v>0.2832851886603624</v>
      </c>
      <c r="F115" s="282">
        <v>8.253994981073845E-2</v>
      </c>
      <c r="G115" s="283">
        <v>0.35111284749998356</v>
      </c>
      <c r="H115" s="282">
        <v>8.705920907287476E-2</v>
      </c>
      <c r="I115" s="72">
        <v>117</v>
      </c>
      <c r="J115" s="73">
        <v>74.013179586338339</v>
      </c>
      <c r="K115" s="74">
        <v>3.6539400537052531</v>
      </c>
      <c r="L115" s="281">
        <v>0.22405856982303246</v>
      </c>
      <c r="M115" s="282">
        <v>7.6882954529369996E-2</v>
      </c>
      <c r="N115" s="283">
        <v>0.42984426060369529</v>
      </c>
      <c r="O115" s="282">
        <v>9.0068514536292277E-2</v>
      </c>
      <c r="P115" s="72">
        <v>117</v>
      </c>
      <c r="Q115" s="73">
        <v>70.21309829100673</v>
      </c>
      <c r="R115" s="74">
        <v>4.143646102202224</v>
      </c>
      <c r="S115" s="281">
        <v>0.25656152687786821</v>
      </c>
      <c r="T115" s="282">
        <v>8.0204514339724711E-2</v>
      </c>
      <c r="U115" s="283">
        <v>0.31828299748566607</v>
      </c>
      <c r="V115" s="282">
        <v>8.5110731186897312E-2</v>
      </c>
      <c r="W115" s="72">
        <v>117</v>
      </c>
      <c r="X115" s="73">
        <v>72.89383070599051</v>
      </c>
      <c r="Y115" s="74">
        <v>4.0493125230818636</v>
      </c>
      <c r="Z115" s="281">
        <v>0.24238177487338217</v>
      </c>
      <c r="AA115" s="282">
        <v>7.8823630590884874E-2</v>
      </c>
      <c r="AB115" s="283">
        <v>0.36860493957113194</v>
      </c>
      <c r="AC115" s="282">
        <v>8.7925200394897055E-2</v>
      </c>
      <c r="AD115" s="72">
        <v>116</v>
      </c>
      <c r="AE115" s="73">
        <v>75.72118055752631</v>
      </c>
      <c r="AF115" s="74">
        <v>3.8350359782341554</v>
      </c>
      <c r="AG115" s="281">
        <v>0.19002060648818184</v>
      </c>
      <c r="AH115" s="282">
        <v>7.3078001016153249E-2</v>
      </c>
      <c r="AI115" s="283">
        <v>0.4195069214745647</v>
      </c>
      <c r="AJ115" s="282">
        <v>9.0174942500528529E-2</v>
      </c>
      <c r="AK115" s="72">
        <v>117</v>
      </c>
      <c r="AL115" s="73">
        <v>71.38686910059721</v>
      </c>
      <c r="AM115" s="74">
        <v>4.1254613724423956</v>
      </c>
      <c r="AN115" s="281">
        <v>0.27334791421368348</v>
      </c>
      <c r="AO115" s="282">
        <v>8.1710865649964062E-2</v>
      </c>
      <c r="AP115" s="283">
        <v>0.43613059560518941</v>
      </c>
      <c r="AQ115" s="282">
        <v>9.021296146152763E-2</v>
      </c>
      <c r="AR115" s="72">
        <v>116</v>
      </c>
      <c r="AS115" s="73">
        <v>75.213965557628526</v>
      </c>
      <c r="AT115" s="74">
        <v>3.9679977988353019</v>
      </c>
      <c r="AU115" s="281">
        <v>0.14123546176730983</v>
      </c>
      <c r="AV115" s="282">
        <v>6.5758596997661109E-2</v>
      </c>
      <c r="AW115" s="283">
        <v>0.42647668275199541</v>
      </c>
      <c r="AX115" s="282">
        <v>9.0360148674999058E-2</v>
      </c>
    </row>
    <row r="116" spans="1:50" s="5" customFormat="1">
      <c r="A116" s="55" t="s">
        <v>585</v>
      </c>
      <c r="B116" s="69">
        <v>2262</v>
      </c>
      <c r="C116" s="70">
        <v>77.94748108964879</v>
      </c>
      <c r="D116" s="71">
        <v>0.79580656954459628</v>
      </c>
      <c r="E116" s="278">
        <v>0.13713064620016713</v>
      </c>
      <c r="F116" s="279">
        <v>1.4480731992611471E-2</v>
      </c>
      <c r="G116" s="280">
        <v>0.49362545926499329</v>
      </c>
      <c r="H116" s="279">
        <v>2.1005589495396701E-2</v>
      </c>
      <c r="I116" s="69">
        <v>2260</v>
      </c>
      <c r="J116" s="70">
        <v>71.064116883277606</v>
      </c>
      <c r="K116" s="71">
        <v>0.91645400273731303</v>
      </c>
      <c r="L116" s="278">
        <v>0.23496650974207475</v>
      </c>
      <c r="M116" s="279">
        <v>1.7833408387931241E-2</v>
      </c>
      <c r="N116" s="280">
        <v>0.36147271854878904</v>
      </c>
      <c r="O116" s="279">
        <v>2.0196820451755939E-2</v>
      </c>
      <c r="P116" s="69">
        <v>2260</v>
      </c>
      <c r="Q116" s="70">
        <v>72.458235858481032</v>
      </c>
      <c r="R116" s="71">
        <v>0.90674215900316679</v>
      </c>
      <c r="S116" s="278">
        <v>0.21716296031102317</v>
      </c>
      <c r="T116" s="279">
        <v>1.7345258995273539E-2</v>
      </c>
      <c r="U116" s="280">
        <v>0.39550437022604401</v>
      </c>
      <c r="V116" s="279">
        <v>2.0554126317116672E-2</v>
      </c>
      <c r="W116" s="69">
        <v>2258</v>
      </c>
      <c r="X116" s="70">
        <v>78.211381107378187</v>
      </c>
      <c r="Y116" s="71">
        <v>0.92851688763644435</v>
      </c>
      <c r="Z116" s="278">
        <v>0.18335262831706944</v>
      </c>
      <c r="AA116" s="279">
        <v>1.6291375237813703E-2</v>
      </c>
      <c r="AB116" s="280">
        <v>0.55838401295899898</v>
      </c>
      <c r="AC116" s="279">
        <v>2.0882533319260051E-2</v>
      </c>
      <c r="AD116" s="69">
        <v>2260</v>
      </c>
      <c r="AE116" s="70">
        <v>82.267742034388021</v>
      </c>
      <c r="AF116" s="71">
        <v>0.77783983470836393</v>
      </c>
      <c r="AG116" s="278">
        <v>0.11078253638004376</v>
      </c>
      <c r="AH116" s="279">
        <v>1.3228395568450176E-2</v>
      </c>
      <c r="AI116" s="280">
        <v>0.61685946558670435</v>
      </c>
      <c r="AJ116" s="279">
        <v>2.0436581105771671E-2</v>
      </c>
      <c r="AK116" s="69">
        <v>2263</v>
      </c>
      <c r="AL116" s="70">
        <v>74.530078723471846</v>
      </c>
      <c r="AM116" s="71">
        <v>0.93354215205686919</v>
      </c>
      <c r="AN116" s="278">
        <v>0.20296761478905037</v>
      </c>
      <c r="AO116" s="279">
        <v>1.6911134684440915E-2</v>
      </c>
      <c r="AP116" s="280">
        <v>0.44509508586283197</v>
      </c>
      <c r="AQ116" s="279">
        <v>2.0876095029915449E-2</v>
      </c>
      <c r="AR116" s="69">
        <v>2259</v>
      </c>
      <c r="AS116" s="70">
        <v>72.835538150651075</v>
      </c>
      <c r="AT116" s="71">
        <v>1.0015770805807505</v>
      </c>
      <c r="AU116" s="278">
        <v>0.23801309371273058</v>
      </c>
      <c r="AV116" s="279">
        <v>1.7916450064129195E-2</v>
      </c>
      <c r="AW116" s="280">
        <v>0.43565225378729805</v>
      </c>
      <c r="AX116" s="279">
        <v>2.0847021542566669E-2</v>
      </c>
    </row>
    <row r="117" spans="1:50" s="5" customFormat="1">
      <c r="A117" s="47" t="s">
        <v>620</v>
      </c>
      <c r="B117" s="72">
        <v>155</v>
      </c>
      <c r="C117" s="73">
        <v>73.362713480638931</v>
      </c>
      <c r="D117" s="74">
        <v>3.5638142231653767</v>
      </c>
      <c r="E117" s="281">
        <v>0.20980248171410801</v>
      </c>
      <c r="F117" s="282">
        <v>6.5390806706565455E-2</v>
      </c>
      <c r="G117" s="283">
        <v>0.43394004254935042</v>
      </c>
      <c r="H117" s="282">
        <v>7.8644633151045515E-2</v>
      </c>
      <c r="I117" s="72">
        <v>155</v>
      </c>
      <c r="J117" s="73">
        <v>66.254694497451766</v>
      </c>
      <c r="K117" s="74">
        <v>3.7454774022757475</v>
      </c>
      <c r="L117" s="281">
        <v>0.31764673038340013</v>
      </c>
      <c r="M117" s="282">
        <v>7.4123699508541863E-2</v>
      </c>
      <c r="N117" s="283">
        <v>0.26606099053192145</v>
      </c>
      <c r="O117" s="282">
        <v>7.0575618304345611E-2</v>
      </c>
      <c r="P117" s="72">
        <v>155</v>
      </c>
      <c r="Q117" s="73">
        <v>68.801799361463011</v>
      </c>
      <c r="R117" s="74">
        <v>3.9098930912320675</v>
      </c>
      <c r="S117" s="281">
        <v>0.24931710491829015</v>
      </c>
      <c r="T117" s="282">
        <v>6.9187589614234477E-2</v>
      </c>
      <c r="U117" s="283">
        <v>0.32322209973177424</v>
      </c>
      <c r="V117" s="282">
        <v>7.4445901929884858E-2</v>
      </c>
      <c r="W117" s="72">
        <v>155</v>
      </c>
      <c r="X117" s="73">
        <v>79.968286844230988</v>
      </c>
      <c r="Y117" s="74">
        <v>3.3617621084971687</v>
      </c>
      <c r="Z117" s="281">
        <v>0.13080388670626281</v>
      </c>
      <c r="AA117" s="282">
        <v>5.5050832043423516E-2</v>
      </c>
      <c r="AB117" s="283">
        <v>0.56869111221740465</v>
      </c>
      <c r="AC117" s="282">
        <v>7.8590724257495317E-2</v>
      </c>
      <c r="AD117" s="72">
        <v>155</v>
      </c>
      <c r="AE117" s="73">
        <v>83.74053822715112</v>
      </c>
      <c r="AF117" s="74">
        <v>2.7182246037973119</v>
      </c>
      <c r="AG117" s="281">
        <v>7.2288858378087018E-2</v>
      </c>
      <c r="AH117" s="282">
        <v>4.3769484631453595E-2</v>
      </c>
      <c r="AI117" s="283">
        <v>0.57227062491892267</v>
      </c>
      <c r="AJ117" s="282">
        <v>7.8513940725648573E-2</v>
      </c>
      <c r="AK117" s="72">
        <v>155</v>
      </c>
      <c r="AL117" s="73">
        <v>74.202481450704468</v>
      </c>
      <c r="AM117" s="74">
        <v>3.5453165664483839</v>
      </c>
      <c r="AN117" s="281">
        <v>0.18185112949114757</v>
      </c>
      <c r="AO117" s="282">
        <v>6.2204774681462655E-2</v>
      </c>
      <c r="AP117" s="283">
        <v>0.36367793465603371</v>
      </c>
      <c r="AQ117" s="282">
        <v>7.6452733346039567E-2</v>
      </c>
      <c r="AR117" s="72">
        <v>153</v>
      </c>
      <c r="AS117" s="73">
        <v>68.764698398081208</v>
      </c>
      <c r="AT117" s="74">
        <v>4.4165011191327794</v>
      </c>
      <c r="AU117" s="281">
        <v>0.2843725780985828</v>
      </c>
      <c r="AV117" s="282">
        <v>7.2418426003515252E-2</v>
      </c>
      <c r="AW117" s="283">
        <v>0.36520032890123344</v>
      </c>
      <c r="AX117" s="282">
        <v>7.7004948473434226E-2</v>
      </c>
    </row>
    <row r="118" spans="1:50" s="5" customFormat="1">
      <c r="A118" s="55" t="s">
        <v>621</v>
      </c>
      <c r="B118" s="69">
        <v>162</v>
      </c>
      <c r="C118" s="70">
        <v>79.48872359317734</v>
      </c>
      <c r="D118" s="71">
        <v>2.7966039589544733</v>
      </c>
      <c r="E118" s="278">
        <v>0.12288064579918938</v>
      </c>
      <c r="F118" s="279">
        <v>5.2538532802214162E-2</v>
      </c>
      <c r="G118" s="280">
        <v>0.51808215361251075</v>
      </c>
      <c r="H118" s="279">
        <v>7.7566699349071275E-2</v>
      </c>
      <c r="I118" s="69">
        <v>163</v>
      </c>
      <c r="J118" s="70">
        <v>71.009894365558594</v>
      </c>
      <c r="K118" s="71">
        <v>3.6557387020777448</v>
      </c>
      <c r="L118" s="278">
        <v>0.25819773064004425</v>
      </c>
      <c r="M118" s="279">
        <v>6.8219265637069385E-2</v>
      </c>
      <c r="N118" s="280">
        <v>0.36627647063671687</v>
      </c>
      <c r="O118" s="279">
        <v>7.4699298292719263E-2</v>
      </c>
      <c r="P118" s="69">
        <v>163</v>
      </c>
      <c r="Q118" s="70">
        <v>73.49937186173922</v>
      </c>
      <c r="R118" s="71">
        <v>3.1635398086799547</v>
      </c>
      <c r="S118" s="278">
        <v>0.18732807639510404</v>
      </c>
      <c r="T118" s="279">
        <v>6.129607608646765E-2</v>
      </c>
      <c r="U118" s="280">
        <v>0.41778921910298372</v>
      </c>
      <c r="V118" s="279">
        <v>7.6379336318474558E-2</v>
      </c>
      <c r="W118" s="69">
        <v>163</v>
      </c>
      <c r="X118" s="70">
        <v>81.424784340944086</v>
      </c>
      <c r="Y118" s="71">
        <v>2.9179436928450584</v>
      </c>
      <c r="Z118" s="278">
        <v>0.18680157541574921</v>
      </c>
      <c r="AA118" s="279">
        <v>6.1234710608009293E-2</v>
      </c>
      <c r="AB118" s="280">
        <v>0.5968476610087845</v>
      </c>
      <c r="AC118" s="279">
        <v>7.5986835517553947E-2</v>
      </c>
      <c r="AD118" s="69">
        <v>163</v>
      </c>
      <c r="AE118" s="70">
        <v>84.116278511059974</v>
      </c>
      <c r="AF118" s="71">
        <v>2.7089089853533843</v>
      </c>
      <c r="AG118" s="278">
        <v>7.9941251030939575E-2</v>
      </c>
      <c r="AH118" s="279">
        <v>4.4291381815979622E-2</v>
      </c>
      <c r="AI118" s="280">
        <v>0.69614786074527846</v>
      </c>
      <c r="AJ118" s="279">
        <v>7.1485019435896024E-2</v>
      </c>
      <c r="AK118" s="69">
        <v>163</v>
      </c>
      <c r="AL118" s="70">
        <v>73.677253424208303</v>
      </c>
      <c r="AM118" s="71">
        <v>3.1793382685545866</v>
      </c>
      <c r="AN118" s="278">
        <v>0.20887067359201542</v>
      </c>
      <c r="AO118" s="279">
        <v>6.3671174666452265E-2</v>
      </c>
      <c r="AP118" s="280">
        <v>0.46168739157570371</v>
      </c>
      <c r="AQ118" s="279">
        <v>7.7165599728496001E-2</v>
      </c>
      <c r="AR118" s="69">
        <v>162</v>
      </c>
      <c r="AS118" s="70">
        <v>74.935895902804745</v>
      </c>
      <c r="AT118" s="71">
        <v>3.5691021769388676</v>
      </c>
      <c r="AU118" s="278">
        <v>0.2027786965108859</v>
      </c>
      <c r="AV118" s="279">
        <v>6.3219940567865993E-2</v>
      </c>
      <c r="AW118" s="280">
        <v>0.51012448970377011</v>
      </c>
      <c r="AX118" s="279">
        <v>7.7599896783569627E-2</v>
      </c>
    </row>
    <row r="119" spans="1:50" s="5" customFormat="1">
      <c r="A119" s="47" t="s">
        <v>622</v>
      </c>
      <c r="B119" s="72">
        <v>995</v>
      </c>
      <c r="C119" s="73">
        <v>79.320573195321742</v>
      </c>
      <c r="D119" s="74">
        <v>1.1341787025028252</v>
      </c>
      <c r="E119" s="281">
        <v>0.11244172020086211</v>
      </c>
      <c r="F119" s="282">
        <v>2.0109707703975455E-2</v>
      </c>
      <c r="G119" s="283">
        <v>0.51346708004273123</v>
      </c>
      <c r="H119" s="282">
        <v>3.1627213431168984E-2</v>
      </c>
      <c r="I119" s="72">
        <v>995</v>
      </c>
      <c r="J119" s="73">
        <v>71.601761780746557</v>
      </c>
      <c r="K119" s="74">
        <v>1.3710179511742713</v>
      </c>
      <c r="L119" s="281">
        <v>0.22004959853657793</v>
      </c>
      <c r="M119" s="282">
        <v>2.6262257955098921E-2</v>
      </c>
      <c r="N119" s="283">
        <v>0.36177258283925939</v>
      </c>
      <c r="O119" s="282">
        <v>3.0415598599506259E-2</v>
      </c>
      <c r="P119" s="72">
        <v>998</v>
      </c>
      <c r="Q119" s="73">
        <v>72.732591000364167</v>
      </c>
      <c r="R119" s="74">
        <v>1.3396773316545372</v>
      </c>
      <c r="S119" s="281">
        <v>0.2073851155402226</v>
      </c>
      <c r="T119" s="282">
        <v>2.5669384624558294E-2</v>
      </c>
      <c r="U119" s="283">
        <v>0.38901642764296729</v>
      </c>
      <c r="V119" s="282">
        <v>3.0809490755754839E-2</v>
      </c>
      <c r="W119" s="72">
        <v>995</v>
      </c>
      <c r="X119" s="73">
        <v>78.405978152961012</v>
      </c>
      <c r="Y119" s="74">
        <v>1.4212874165481311</v>
      </c>
      <c r="Z119" s="281">
        <v>0.18039963837003153</v>
      </c>
      <c r="AA119" s="282">
        <v>2.4398423320343386E-2</v>
      </c>
      <c r="AB119" s="283">
        <v>0.56930306912144513</v>
      </c>
      <c r="AC119" s="282">
        <v>3.1335663410563049E-2</v>
      </c>
      <c r="AD119" s="72">
        <v>994</v>
      </c>
      <c r="AE119" s="73">
        <v>82.840933348607294</v>
      </c>
      <c r="AF119" s="74">
        <v>1.1933395824895163</v>
      </c>
      <c r="AG119" s="281">
        <v>0.10583309196743702</v>
      </c>
      <c r="AH119" s="282">
        <v>1.9602807867199361E-2</v>
      </c>
      <c r="AI119" s="283">
        <v>0.6282569306798016</v>
      </c>
      <c r="AJ119" s="282">
        <v>3.0603925110502649E-2</v>
      </c>
      <c r="AK119" s="72">
        <v>997</v>
      </c>
      <c r="AL119" s="73">
        <v>75.563434176413026</v>
      </c>
      <c r="AM119" s="74">
        <v>1.3990367241044592</v>
      </c>
      <c r="AN119" s="281">
        <v>0.18436518130130358</v>
      </c>
      <c r="AO119" s="282">
        <v>2.4577897277668317E-2</v>
      </c>
      <c r="AP119" s="283">
        <v>0.4451709714597748</v>
      </c>
      <c r="AQ119" s="282">
        <v>3.1417891997691363E-2</v>
      </c>
      <c r="AR119" s="72">
        <v>997</v>
      </c>
      <c r="AS119" s="73">
        <v>73.626235435521977</v>
      </c>
      <c r="AT119" s="74">
        <v>1.4880761319028604</v>
      </c>
      <c r="AU119" s="281">
        <v>0.21970555133425354</v>
      </c>
      <c r="AV119" s="282">
        <v>2.6221347767026951E-2</v>
      </c>
      <c r="AW119" s="283">
        <v>0.43675623253948431</v>
      </c>
      <c r="AX119" s="282">
        <v>3.1355148980266423E-2</v>
      </c>
    </row>
    <row r="120" spans="1:50" s="5" customFormat="1">
      <c r="A120" s="55" t="s">
        <v>623</v>
      </c>
      <c r="B120" s="69">
        <v>302</v>
      </c>
      <c r="C120" s="70">
        <v>76.928522479882417</v>
      </c>
      <c r="D120" s="71">
        <v>2.2062632950647276</v>
      </c>
      <c r="E120" s="278">
        <v>0.14662117932349916</v>
      </c>
      <c r="F120" s="279">
        <v>4.096336931369822E-2</v>
      </c>
      <c r="G120" s="280">
        <v>0.47428225555672071</v>
      </c>
      <c r="H120" s="279">
        <v>5.7092491885238746E-2</v>
      </c>
      <c r="I120" s="69">
        <v>303</v>
      </c>
      <c r="J120" s="70">
        <v>72.666140052227433</v>
      </c>
      <c r="K120" s="71">
        <v>2.3878510837440956</v>
      </c>
      <c r="L120" s="278">
        <v>0.20830045717328027</v>
      </c>
      <c r="M120" s="279">
        <v>4.6662447836444493E-2</v>
      </c>
      <c r="N120" s="280">
        <v>0.39382757405393981</v>
      </c>
      <c r="O120" s="279">
        <v>5.5805531396450309E-2</v>
      </c>
      <c r="P120" s="69">
        <v>302</v>
      </c>
      <c r="Q120" s="70">
        <v>76.144317372402114</v>
      </c>
      <c r="R120" s="71">
        <v>2.4577400338002011</v>
      </c>
      <c r="S120" s="278">
        <v>0.16992424747729096</v>
      </c>
      <c r="T120" s="279">
        <v>4.3367972113512301E-2</v>
      </c>
      <c r="U120" s="280">
        <v>0.49093565102381198</v>
      </c>
      <c r="V120" s="279">
        <v>5.7157044474074305E-2</v>
      </c>
      <c r="W120" s="69">
        <v>302</v>
      </c>
      <c r="X120" s="70">
        <v>77.233135369514088</v>
      </c>
      <c r="Y120" s="71">
        <v>2.6384076060887698</v>
      </c>
      <c r="Z120" s="278">
        <v>0.19171576209625946</v>
      </c>
      <c r="AA120" s="279">
        <v>4.536407163084355E-2</v>
      </c>
      <c r="AB120" s="280">
        <v>0.56309559256081421</v>
      </c>
      <c r="AC120" s="279">
        <v>5.6721120984265676E-2</v>
      </c>
      <c r="AD120" s="69">
        <v>300</v>
      </c>
      <c r="AE120" s="70">
        <v>82.230698837857474</v>
      </c>
      <c r="AF120" s="71">
        <v>2.2175807269187153</v>
      </c>
      <c r="AG120" s="278">
        <v>0.12593292579515217</v>
      </c>
      <c r="AH120" s="279">
        <v>3.8684259402484891E-2</v>
      </c>
      <c r="AI120" s="280">
        <v>0.61251989338974555</v>
      </c>
      <c r="AJ120" s="279">
        <v>5.5921733211446917E-2</v>
      </c>
      <c r="AK120" s="69">
        <v>301</v>
      </c>
      <c r="AL120" s="70">
        <v>73.642363892759192</v>
      </c>
      <c r="AM120" s="71">
        <v>2.6149248624110659</v>
      </c>
      <c r="AN120" s="278">
        <v>0.23230920991354406</v>
      </c>
      <c r="AO120" s="279">
        <v>4.8614762571151528E-2</v>
      </c>
      <c r="AP120" s="280">
        <v>0.46125428861112278</v>
      </c>
      <c r="AQ120" s="279">
        <v>5.709214733643847E-2</v>
      </c>
      <c r="AR120" s="69">
        <v>303</v>
      </c>
      <c r="AS120" s="70">
        <v>72.853062353841096</v>
      </c>
      <c r="AT120" s="71">
        <v>2.7910705248053969</v>
      </c>
      <c r="AU120" s="278">
        <v>0.24904501874025417</v>
      </c>
      <c r="AV120" s="279">
        <v>4.9578291585807691E-2</v>
      </c>
      <c r="AW120" s="280">
        <v>0.45859171771073692</v>
      </c>
      <c r="AX120" s="279">
        <v>5.6882042001579411E-2</v>
      </c>
    </row>
    <row r="121" spans="1:50" s="5" customFormat="1">
      <c r="A121" s="47" t="s">
        <v>624</v>
      </c>
      <c r="B121" s="72">
        <v>318</v>
      </c>
      <c r="C121" s="73">
        <v>78.168841393378045</v>
      </c>
      <c r="D121" s="74">
        <v>2.2136215672998643</v>
      </c>
      <c r="E121" s="281">
        <v>0.11790358264391017</v>
      </c>
      <c r="F121" s="282">
        <v>3.6561370097769559E-2</v>
      </c>
      <c r="G121" s="283">
        <v>0.48134864419906376</v>
      </c>
      <c r="H121" s="282">
        <v>5.5689993308567109E-2</v>
      </c>
      <c r="I121" s="72">
        <v>318</v>
      </c>
      <c r="J121" s="73">
        <v>70.887475616935703</v>
      </c>
      <c r="K121" s="74">
        <v>2.3748582051884806</v>
      </c>
      <c r="L121" s="281">
        <v>0.21681530739975816</v>
      </c>
      <c r="M121" s="282">
        <v>4.619516277528872E-2</v>
      </c>
      <c r="N121" s="283">
        <v>0.33052047169543258</v>
      </c>
      <c r="O121" s="282">
        <v>5.2512746712683675E-2</v>
      </c>
      <c r="P121" s="72">
        <v>316</v>
      </c>
      <c r="Q121" s="73">
        <v>72.86930830484873</v>
      </c>
      <c r="R121" s="74">
        <v>2.3045625360607955</v>
      </c>
      <c r="S121" s="281">
        <v>0.18494253282142473</v>
      </c>
      <c r="T121" s="282">
        <v>4.376140037206791E-2</v>
      </c>
      <c r="U121" s="283">
        <v>0.37925339246877393</v>
      </c>
      <c r="V121" s="282">
        <v>5.4288865371452763E-2</v>
      </c>
      <c r="W121" s="72">
        <v>317</v>
      </c>
      <c r="X121" s="73">
        <v>80.663213103925401</v>
      </c>
      <c r="Y121" s="74">
        <v>2.3833465629275818</v>
      </c>
      <c r="Z121" s="281">
        <v>0.13427239832888349</v>
      </c>
      <c r="AA121" s="282">
        <v>3.8597863109004323E-2</v>
      </c>
      <c r="AB121" s="283">
        <v>0.58426627877142379</v>
      </c>
      <c r="AC121" s="282">
        <v>5.5036103560588259E-2</v>
      </c>
      <c r="AD121" s="72">
        <v>318</v>
      </c>
      <c r="AE121" s="73">
        <v>84.248591378550927</v>
      </c>
      <c r="AF121" s="74">
        <v>1.8357420254819963</v>
      </c>
      <c r="AG121" s="281">
        <v>6.4615942715525621E-2</v>
      </c>
      <c r="AH121" s="282">
        <v>2.8442164937385602E-2</v>
      </c>
      <c r="AI121" s="283">
        <v>0.64093725405284463</v>
      </c>
      <c r="AJ121" s="282">
        <v>5.3525070875860628E-2</v>
      </c>
      <c r="AK121" s="72">
        <v>317</v>
      </c>
      <c r="AL121" s="73">
        <v>77.606025204787016</v>
      </c>
      <c r="AM121" s="74">
        <v>2.4558869341360801</v>
      </c>
      <c r="AN121" s="281">
        <v>0.16420464836874868</v>
      </c>
      <c r="AO121" s="282">
        <v>4.1772884532601147E-2</v>
      </c>
      <c r="AP121" s="283">
        <v>0.51628964430284385</v>
      </c>
      <c r="AQ121" s="282">
        <v>5.5785662293550219E-2</v>
      </c>
      <c r="AR121" s="72">
        <v>317</v>
      </c>
      <c r="AS121" s="73">
        <v>73.467520523007636</v>
      </c>
      <c r="AT121" s="74">
        <v>2.6858180626743113</v>
      </c>
      <c r="AU121" s="281">
        <v>0.2038898101871732</v>
      </c>
      <c r="AV121" s="282">
        <v>4.5273876560024399E-2</v>
      </c>
      <c r="AW121" s="283">
        <v>0.44943953053523167</v>
      </c>
      <c r="AX121" s="282">
        <v>5.5535563180239729E-2</v>
      </c>
    </row>
    <row r="122" spans="1:50" s="5" customFormat="1">
      <c r="A122" s="55" t="s">
        <v>625</v>
      </c>
      <c r="B122" s="69">
        <v>1197</v>
      </c>
      <c r="C122" s="70">
        <v>76.468190985987249</v>
      </c>
      <c r="D122" s="71">
        <v>1.1063473985892318</v>
      </c>
      <c r="E122" s="278">
        <v>0.16839931606961206</v>
      </c>
      <c r="F122" s="279">
        <v>2.1652944672442803E-2</v>
      </c>
      <c r="G122" s="280">
        <v>0.46478419145750804</v>
      </c>
      <c r="H122" s="279">
        <v>2.8784310526329123E-2</v>
      </c>
      <c r="I122" s="69">
        <v>1195</v>
      </c>
      <c r="J122" s="70">
        <v>72.186333436464622</v>
      </c>
      <c r="K122" s="71">
        <v>1.2203607295351968</v>
      </c>
      <c r="L122" s="278">
        <v>0.22878106781338942</v>
      </c>
      <c r="M122" s="279">
        <v>2.4295256331682825E-2</v>
      </c>
      <c r="N122" s="280">
        <v>0.38027231804048234</v>
      </c>
      <c r="O122" s="279">
        <v>2.8045046995067543E-2</v>
      </c>
      <c r="P122" s="69">
        <v>1197</v>
      </c>
      <c r="Q122" s="70">
        <v>72.028309959247537</v>
      </c>
      <c r="R122" s="71">
        <v>1.2619784431553065</v>
      </c>
      <c r="S122" s="278">
        <v>0.22822929591128202</v>
      </c>
      <c r="T122" s="279">
        <v>2.4254537713292661E-2</v>
      </c>
      <c r="U122" s="280">
        <v>0.37915067925041979</v>
      </c>
      <c r="V122" s="279">
        <v>2.8005742382786563E-2</v>
      </c>
      <c r="W122" s="69">
        <v>1197</v>
      </c>
      <c r="X122" s="70">
        <v>76.765796322013685</v>
      </c>
      <c r="Y122" s="71">
        <v>1.2785403966869853</v>
      </c>
      <c r="Z122" s="278">
        <v>0.20989286005707222</v>
      </c>
      <c r="AA122" s="279">
        <v>2.3541380479659996E-2</v>
      </c>
      <c r="AB122" s="280">
        <v>0.51490496254577256</v>
      </c>
      <c r="AC122" s="279">
        <v>2.8842754337227557E-2</v>
      </c>
      <c r="AD122" s="69">
        <v>1195</v>
      </c>
      <c r="AE122" s="70">
        <v>80.411011216405981</v>
      </c>
      <c r="AF122" s="71">
        <v>1.0574022464216872</v>
      </c>
      <c r="AG122" s="278">
        <v>0.13627321609818804</v>
      </c>
      <c r="AH122" s="279">
        <v>1.9889944987484746E-2</v>
      </c>
      <c r="AI122" s="280">
        <v>0.55917684921015764</v>
      </c>
      <c r="AJ122" s="279">
        <v>2.8677926056529468E-2</v>
      </c>
      <c r="AK122" s="69">
        <v>1197</v>
      </c>
      <c r="AL122" s="70">
        <v>73.264358145146218</v>
      </c>
      <c r="AM122" s="71">
        <v>1.2726493500874345</v>
      </c>
      <c r="AN122" s="278">
        <v>0.22421483570482167</v>
      </c>
      <c r="AO122" s="279">
        <v>2.4104154167501755E-2</v>
      </c>
      <c r="AP122" s="280">
        <v>0.42779453226066488</v>
      </c>
      <c r="AQ122" s="279">
        <v>2.8555045877770236E-2</v>
      </c>
      <c r="AR122" s="69">
        <v>1197</v>
      </c>
      <c r="AS122" s="70">
        <v>73.302838501835183</v>
      </c>
      <c r="AT122" s="71">
        <v>1.3582006034510985</v>
      </c>
      <c r="AU122" s="278">
        <v>0.21831281444263564</v>
      </c>
      <c r="AV122" s="279">
        <v>2.3877287821820942E-2</v>
      </c>
      <c r="AW122" s="280">
        <v>0.42440683073936575</v>
      </c>
      <c r="AX122" s="279">
        <v>2.8526025522690866E-2</v>
      </c>
    </row>
    <row r="123" spans="1:50" s="5" customFormat="1">
      <c r="A123" s="47" t="s">
        <v>626</v>
      </c>
      <c r="B123" s="72">
        <v>1181</v>
      </c>
      <c r="C123" s="73">
        <v>77.713475066247099</v>
      </c>
      <c r="D123" s="74">
        <v>1.1113425401027506</v>
      </c>
      <c r="E123" s="281">
        <v>0.13707130488452024</v>
      </c>
      <c r="F123" s="282">
        <v>2.0056501770866569E-2</v>
      </c>
      <c r="G123" s="283">
        <v>0.48865499314785266</v>
      </c>
      <c r="H123" s="282">
        <v>2.9042216225584255E-2</v>
      </c>
      <c r="I123" s="72">
        <v>1181</v>
      </c>
      <c r="J123" s="73">
        <v>70.175030099523454</v>
      </c>
      <c r="K123" s="74">
        <v>1.295887183686151</v>
      </c>
      <c r="L123" s="281">
        <v>0.24357239558962326</v>
      </c>
      <c r="M123" s="282">
        <v>2.4968371612639338E-2</v>
      </c>
      <c r="N123" s="283">
        <v>0.3566631094943124</v>
      </c>
      <c r="O123" s="282">
        <v>2.7838776664340172E-2</v>
      </c>
      <c r="P123" s="72">
        <v>1179</v>
      </c>
      <c r="Q123" s="73">
        <v>72.251588544117524</v>
      </c>
      <c r="R123" s="74">
        <v>1.2450846760524117</v>
      </c>
      <c r="S123" s="281">
        <v>0.21394505950500114</v>
      </c>
      <c r="T123" s="282">
        <v>2.3885114638016781E-2</v>
      </c>
      <c r="U123" s="283">
        <v>0.39018174281658807</v>
      </c>
      <c r="V123" s="282">
        <v>2.8369102536773324E-2</v>
      </c>
      <c r="W123" s="72">
        <v>1177</v>
      </c>
      <c r="X123" s="73">
        <v>78.584699427939725</v>
      </c>
      <c r="Y123" s="74">
        <v>1.2850916746553598</v>
      </c>
      <c r="Z123" s="281">
        <v>0.15778498791994722</v>
      </c>
      <c r="AA123" s="282">
        <v>2.1278432664267401E-2</v>
      </c>
      <c r="AB123" s="283">
        <v>0.55703432522836949</v>
      </c>
      <c r="AC123" s="282">
        <v>2.8910155048037494E-2</v>
      </c>
      <c r="AD123" s="72">
        <v>1180</v>
      </c>
      <c r="AE123" s="73">
        <v>83.138678339857194</v>
      </c>
      <c r="AF123" s="74">
        <v>1.1069810629055528</v>
      </c>
      <c r="AG123" s="281">
        <v>9.5429745199870838E-2</v>
      </c>
      <c r="AH123" s="282">
        <v>1.7186080860648618E-2</v>
      </c>
      <c r="AI123" s="283">
        <v>0.64780730836694533</v>
      </c>
      <c r="AJ123" s="282">
        <v>2.7772018602697162E-2</v>
      </c>
      <c r="AK123" s="72">
        <v>1182</v>
      </c>
      <c r="AL123" s="73">
        <v>75.662206455592525</v>
      </c>
      <c r="AM123" s="74">
        <v>1.3049001826955866</v>
      </c>
      <c r="AN123" s="281">
        <v>0.19344066561275933</v>
      </c>
      <c r="AO123" s="282">
        <v>2.2985751536204937E-2</v>
      </c>
      <c r="AP123" s="283">
        <v>0.47786673750979886</v>
      </c>
      <c r="AQ123" s="282">
        <v>2.9009123269598969E-2</v>
      </c>
      <c r="AR123" s="72">
        <v>1177</v>
      </c>
      <c r="AS123" s="73">
        <v>73.012498941882825</v>
      </c>
      <c r="AT123" s="74">
        <v>1.3922510037832276</v>
      </c>
      <c r="AU123" s="281">
        <v>0.23560170458607996</v>
      </c>
      <c r="AV123" s="282">
        <v>2.4729957646655486E-2</v>
      </c>
      <c r="AW123" s="283">
        <v>0.45655107246287813</v>
      </c>
      <c r="AX123" s="282">
        <v>2.8989469717100907E-2</v>
      </c>
    </row>
    <row r="124" spans="1:50" s="5" customFormat="1">
      <c r="A124" s="55" t="s">
        <v>627</v>
      </c>
      <c r="B124" s="69">
        <v>346</v>
      </c>
      <c r="C124" s="70">
        <v>77.98284933392631</v>
      </c>
      <c r="D124" s="71">
        <v>2.0242398715044803</v>
      </c>
      <c r="E124" s="278">
        <v>0.14550352640322367</v>
      </c>
      <c r="F124" s="279">
        <v>3.8125843079402554E-2</v>
      </c>
      <c r="G124" s="280">
        <v>0.49225145028742445</v>
      </c>
      <c r="H124" s="279">
        <v>5.3445975337318971E-2</v>
      </c>
      <c r="I124" s="69">
        <v>346</v>
      </c>
      <c r="J124" s="70">
        <v>69.740573763240562</v>
      </c>
      <c r="K124" s="71">
        <v>2.4047771102538773</v>
      </c>
      <c r="L124" s="278">
        <v>0.25637689896183152</v>
      </c>
      <c r="M124" s="279">
        <v>4.6842795400276874E-2</v>
      </c>
      <c r="N124" s="280">
        <v>0.33850524295534945</v>
      </c>
      <c r="O124" s="279">
        <v>5.0654252565967638E-2</v>
      </c>
      <c r="P124" s="69">
        <v>344</v>
      </c>
      <c r="Q124" s="70">
        <v>70.48356173545271</v>
      </c>
      <c r="R124" s="71">
        <v>2.5182524850958021</v>
      </c>
      <c r="S124" s="278">
        <v>0.23525222361052012</v>
      </c>
      <c r="T124" s="279">
        <v>4.5676354050486909E-2</v>
      </c>
      <c r="U124" s="280">
        <v>0.39185144070374128</v>
      </c>
      <c r="V124" s="279">
        <v>5.2365999758251715E-2</v>
      </c>
      <c r="W124" s="69">
        <v>343</v>
      </c>
      <c r="X124" s="70">
        <v>78.132071950420098</v>
      </c>
      <c r="Y124" s="71">
        <v>2.4522114840343368</v>
      </c>
      <c r="Z124" s="278">
        <v>0.17871096476637355</v>
      </c>
      <c r="AA124" s="279">
        <v>4.1463084380807688E-2</v>
      </c>
      <c r="AB124" s="280">
        <v>0.55869617876278022</v>
      </c>
      <c r="AC124" s="279">
        <v>5.3320166120888204E-2</v>
      </c>
      <c r="AD124" s="69">
        <v>346</v>
      </c>
      <c r="AE124" s="70">
        <v>83.269675566862063</v>
      </c>
      <c r="AF124" s="71">
        <v>1.9759162584681773</v>
      </c>
      <c r="AG124" s="278">
        <v>9.7709980999508839E-2</v>
      </c>
      <c r="AH124" s="279">
        <v>3.2397661298707414E-2</v>
      </c>
      <c r="AI124" s="280">
        <v>0.64699317825931535</v>
      </c>
      <c r="AJ124" s="279">
        <v>5.1145066240605143E-2</v>
      </c>
      <c r="AK124" s="69">
        <v>345</v>
      </c>
      <c r="AL124" s="70">
        <v>75.710550033418357</v>
      </c>
      <c r="AM124" s="71">
        <v>2.549427217864451</v>
      </c>
      <c r="AN124" s="278">
        <v>0.18697906625721814</v>
      </c>
      <c r="AO124" s="279">
        <v>4.2046642414377847E-2</v>
      </c>
      <c r="AP124" s="280">
        <v>0.51125289597297907</v>
      </c>
      <c r="AQ124" s="279">
        <v>5.3515523638950471E-2</v>
      </c>
      <c r="AR124" s="69">
        <v>345</v>
      </c>
      <c r="AS124" s="70">
        <v>72.405992699012415</v>
      </c>
      <c r="AT124" s="71">
        <v>2.6410046258834088</v>
      </c>
      <c r="AU124" s="278">
        <v>0.26138776161356564</v>
      </c>
      <c r="AV124" s="279">
        <v>4.7197911557658338E-2</v>
      </c>
      <c r="AW124" s="280">
        <v>0.46181234012994826</v>
      </c>
      <c r="AX124" s="279">
        <v>5.3375991199689006E-2</v>
      </c>
    </row>
    <row r="125" spans="1:50" s="5" customFormat="1">
      <c r="A125" s="47" t="s">
        <v>628</v>
      </c>
      <c r="B125" s="72">
        <v>835</v>
      </c>
      <c r="C125" s="73">
        <v>77.55211259159222</v>
      </c>
      <c r="D125" s="74">
        <v>1.3300983399244468</v>
      </c>
      <c r="E125" s="281">
        <v>0.13202017604872432</v>
      </c>
      <c r="F125" s="282">
        <v>2.3504511714600735E-2</v>
      </c>
      <c r="G125" s="283">
        <v>0.48650061801383665</v>
      </c>
      <c r="H125" s="282">
        <v>3.4511368645106455E-2</v>
      </c>
      <c r="I125" s="72">
        <v>835</v>
      </c>
      <c r="J125" s="73">
        <v>70.435157675834574</v>
      </c>
      <c r="K125" s="74">
        <v>1.5389788417174601</v>
      </c>
      <c r="L125" s="281">
        <v>0.23590579218230093</v>
      </c>
      <c r="M125" s="282">
        <v>2.9369026117324327E-2</v>
      </c>
      <c r="N125" s="283">
        <v>0.36753500022140251</v>
      </c>
      <c r="O125" s="282">
        <v>3.3302166153110289E-2</v>
      </c>
      <c r="P125" s="72">
        <v>835</v>
      </c>
      <c r="Q125" s="73">
        <v>73.304804205851426</v>
      </c>
      <c r="R125" s="74">
        <v>1.415449873340705</v>
      </c>
      <c r="S125" s="281">
        <v>0.20125235663811683</v>
      </c>
      <c r="T125" s="282">
        <v>2.7756718653524231E-2</v>
      </c>
      <c r="U125" s="283">
        <v>0.38918710180973398</v>
      </c>
      <c r="V125" s="282">
        <v>3.3673557988985608E-2</v>
      </c>
      <c r="W125" s="72">
        <v>834</v>
      </c>
      <c r="X125" s="73">
        <v>78.854221140175326</v>
      </c>
      <c r="Y125" s="74">
        <v>1.5079773620716856</v>
      </c>
      <c r="Z125" s="281">
        <v>0.14532439860539398</v>
      </c>
      <c r="AA125" s="282">
        <v>2.446596744925553E-2</v>
      </c>
      <c r="AB125" s="283">
        <v>0.55604475735561176</v>
      </c>
      <c r="AC125" s="282">
        <v>3.4328811520053924E-2</v>
      </c>
      <c r="AD125" s="72">
        <v>834</v>
      </c>
      <c r="AE125" s="73">
        <v>83.058923970576714</v>
      </c>
      <c r="AF125" s="74">
        <v>1.335327635533391</v>
      </c>
      <c r="AG125" s="281">
        <v>9.4041480942916048E-2</v>
      </c>
      <c r="AH125" s="282">
        <v>2.0351003184259264E-2</v>
      </c>
      <c r="AI125" s="283">
        <v>0.64830297102126588</v>
      </c>
      <c r="AJ125" s="282">
        <v>3.3005076060088408E-2</v>
      </c>
      <c r="AK125" s="72">
        <v>837</v>
      </c>
      <c r="AL125" s="73">
        <v>75.633377385926792</v>
      </c>
      <c r="AM125" s="74">
        <v>1.5147305799637114</v>
      </c>
      <c r="AN125" s="281">
        <v>0.19729395712218367</v>
      </c>
      <c r="AO125" s="282">
        <v>2.7520492140450773E-2</v>
      </c>
      <c r="AP125" s="283">
        <v>0.45795733213508094</v>
      </c>
      <c r="AQ125" s="282">
        <v>3.436180083481398E-2</v>
      </c>
      <c r="AR125" s="72">
        <v>832</v>
      </c>
      <c r="AS125" s="73">
        <v>73.381053377741281</v>
      </c>
      <c r="AT125" s="74">
        <v>1.6374556148944244</v>
      </c>
      <c r="AU125" s="281">
        <v>0.21993234287298136</v>
      </c>
      <c r="AV125" s="282">
        <v>2.8713309317150718E-2</v>
      </c>
      <c r="AW125" s="283">
        <v>0.45335396845985243</v>
      </c>
      <c r="AX125" s="282">
        <v>3.4436330506679533E-2</v>
      </c>
    </row>
    <row r="126" spans="1:50" s="5" customFormat="1">
      <c r="A126" s="55" t="s">
        <v>629</v>
      </c>
      <c r="B126" s="69">
        <v>218</v>
      </c>
      <c r="C126" s="70">
        <v>76.602813072837748</v>
      </c>
      <c r="D126" s="71">
        <v>2.6736041360741298</v>
      </c>
      <c r="E126" s="278">
        <v>0.15085491776445348</v>
      </c>
      <c r="F126" s="279">
        <v>4.8851864950500715E-2</v>
      </c>
      <c r="G126" s="280">
        <v>0.46176154685055953</v>
      </c>
      <c r="H126" s="279">
        <v>6.692607689457214E-2</v>
      </c>
      <c r="I126" s="69">
        <v>218</v>
      </c>
      <c r="J126" s="70">
        <v>71.743117697284191</v>
      </c>
      <c r="K126" s="71">
        <v>2.853015865523834</v>
      </c>
      <c r="L126" s="278">
        <v>0.21106688862792583</v>
      </c>
      <c r="M126" s="279">
        <v>5.5263321725437506E-2</v>
      </c>
      <c r="N126" s="280">
        <v>0.35318481810684021</v>
      </c>
      <c r="O126" s="279">
        <v>6.4265083133819401E-2</v>
      </c>
      <c r="P126" s="69">
        <v>218</v>
      </c>
      <c r="Q126" s="70">
        <v>73.356536663995087</v>
      </c>
      <c r="R126" s="71">
        <v>2.9897602212357</v>
      </c>
      <c r="S126" s="278">
        <v>0.16666806134615428</v>
      </c>
      <c r="T126" s="279">
        <v>5.0734730959174294E-2</v>
      </c>
      <c r="U126" s="280">
        <v>0.41456458267637752</v>
      </c>
      <c r="V126" s="279">
        <v>6.6164067763788872E-2</v>
      </c>
      <c r="W126" s="69">
        <v>218</v>
      </c>
      <c r="X126" s="70">
        <v>79.233336009943258</v>
      </c>
      <c r="Y126" s="71">
        <v>2.8750836535227693</v>
      </c>
      <c r="Z126" s="278">
        <v>0.14706812296125268</v>
      </c>
      <c r="AA126" s="279">
        <v>4.8376774457524134E-2</v>
      </c>
      <c r="AB126" s="280">
        <v>0.55087087444295735</v>
      </c>
      <c r="AC126" s="279">
        <v>6.6779800811135576E-2</v>
      </c>
      <c r="AD126" s="69">
        <v>216</v>
      </c>
      <c r="AE126" s="70">
        <v>81.677112576125282</v>
      </c>
      <c r="AF126" s="71">
        <v>2.3749920385767664</v>
      </c>
      <c r="AG126" s="278">
        <v>9.9515229636951849E-2</v>
      </c>
      <c r="AH126" s="279">
        <v>4.1645958144630117E-2</v>
      </c>
      <c r="AI126" s="280">
        <v>0.51696548878141857</v>
      </c>
      <c r="AJ126" s="279">
        <v>6.738256363434654E-2</v>
      </c>
      <c r="AK126" s="69">
        <v>216</v>
      </c>
      <c r="AL126" s="70">
        <v>71.952833808994058</v>
      </c>
      <c r="AM126" s="71">
        <v>2.9773666052563796</v>
      </c>
      <c r="AN126" s="278">
        <v>0.23350380416047545</v>
      </c>
      <c r="AO126" s="279">
        <v>5.7451774778393458E-2</v>
      </c>
      <c r="AP126" s="280">
        <v>0.34201192822739407</v>
      </c>
      <c r="AQ126" s="279">
        <v>6.4093562663397677E-2</v>
      </c>
      <c r="AR126" s="69">
        <v>218</v>
      </c>
      <c r="AS126" s="70">
        <v>72.255163542116804</v>
      </c>
      <c r="AT126" s="71">
        <v>3.3156401024125204</v>
      </c>
      <c r="AU126" s="278">
        <v>0.22638265394107493</v>
      </c>
      <c r="AV126" s="279">
        <v>5.6601520493910665E-2</v>
      </c>
      <c r="AW126" s="280">
        <v>0.39487890845653589</v>
      </c>
      <c r="AX126" s="279">
        <v>6.5669687056103529E-2</v>
      </c>
    </row>
    <row r="127" spans="1:50" s="5" customFormat="1">
      <c r="A127" s="47" t="s">
        <v>630</v>
      </c>
      <c r="B127" s="72">
        <v>391</v>
      </c>
      <c r="C127" s="73">
        <v>76.297907882899423</v>
      </c>
      <c r="D127" s="74">
        <v>2.1053735064577559</v>
      </c>
      <c r="E127" s="281">
        <v>0.14879858535246876</v>
      </c>
      <c r="F127" s="282">
        <v>3.6163201448417712E-2</v>
      </c>
      <c r="G127" s="283">
        <v>0.45485297196609137</v>
      </c>
      <c r="H127" s="282">
        <v>5.0114079270643902E-2</v>
      </c>
      <c r="I127" s="72">
        <v>392</v>
      </c>
      <c r="J127" s="73">
        <v>70.04078041885424</v>
      </c>
      <c r="K127" s="74">
        <v>2.2822288960608978</v>
      </c>
      <c r="L127" s="281">
        <v>0.22915885052799839</v>
      </c>
      <c r="M127" s="282">
        <v>4.2416823547011498E-2</v>
      </c>
      <c r="N127" s="283">
        <v>0.34756434851328133</v>
      </c>
      <c r="O127" s="282">
        <v>4.7908838953609208E-2</v>
      </c>
      <c r="P127" s="72">
        <v>389</v>
      </c>
      <c r="Q127" s="73">
        <v>71.781024070528872</v>
      </c>
      <c r="R127" s="74">
        <v>2.2107212671778065</v>
      </c>
      <c r="S127" s="281">
        <v>0.21782808295892797</v>
      </c>
      <c r="T127" s="282">
        <v>4.1839575418836192E-2</v>
      </c>
      <c r="U127" s="283">
        <v>0.36392954385309545</v>
      </c>
      <c r="V127" s="282">
        <v>4.8578763935717757E-2</v>
      </c>
      <c r="W127" s="72">
        <v>392</v>
      </c>
      <c r="X127" s="73">
        <v>79.24749510243349</v>
      </c>
      <c r="Y127" s="74">
        <v>2.2294620909164973</v>
      </c>
      <c r="Z127" s="281">
        <v>0.15962396787970251</v>
      </c>
      <c r="AA127" s="282">
        <v>3.7128341161779529E-2</v>
      </c>
      <c r="AB127" s="283">
        <v>0.56477675851549103</v>
      </c>
      <c r="AC127" s="282">
        <v>4.9836937306097097E-2</v>
      </c>
      <c r="AD127" s="72">
        <v>391</v>
      </c>
      <c r="AE127" s="73">
        <v>80.49945618321938</v>
      </c>
      <c r="AF127" s="74">
        <v>2.1416237022048148</v>
      </c>
      <c r="AG127" s="281">
        <v>0.12796018809141699</v>
      </c>
      <c r="AH127" s="282">
        <v>3.4032820825430951E-2</v>
      </c>
      <c r="AI127" s="283">
        <v>0.5732515995207873</v>
      </c>
      <c r="AJ127" s="282">
        <v>4.978356470028536E-2</v>
      </c>
      <c r="AK127" s="72">
        <v>392</v>
      </c>
      <c r="AL127" s="73">
        <v>74.543667261035907</v>
      </c>
      <c r="AM127" s="74">
        <v>2.4086276616106974</v>
      </c>
      <c r="AN127" s="281">
        <v>0.20007824658473822</v>
      </c>
      <c r="AO127" s="282">
        <v>4.0433883852927503E-2</v>
      </c>
      <c r="AP127" s="283">
        <v>0.44903963147912385</v>
      </c>
      <c r="AQ127" s="282">
        <v>4.9995478552416761E-2</v>
      </c>
      <c r="AR127" s="72">
        <v>390</v>
      </c>
      <c r="AS127" s="73">
        <v>69.545681073939335</v>
      </c>
      <c r="AT127" s="74">
        <v>2.7124405075649358</v>
      </c>
      <c r="AU127" s="281">
        <v>0.28481799436911176</v>
      </c>
      <c r="AV127" s="282">
        <v>4.557941699294607E-2</v>
      </c>
      <c r="AW127" s="283">
        <v>0.40923005938015339</v>
      </c>
      <c r="AX127" s="282">
        <v>4.9559200277324411E-2</v>
      </c>
    </row>
    <row r="128" spans="1:50" s="5" customFormat="1">
      <c r="A128" s="55" t="s">
        <v>631</v>
      </c>
      <c r="B128" s="69">
        <v>56</v>
      </c>
      <c r="C128" s="70">
        <v>77.117801146153113</v>
      </c>
      <c r="D128" s="71">
        <v>6.2694369763161344</v>
      </c>
      <c r="E128" s="278">
        <v>0.149189092401807</v>
      </c>
      <c r="F128" s="279">
        <v>9.7568383758319152E-2</v>
      </c>
      <c r="G128" s="280">
        <v>0.48832522022540209</v>
      </c>
      <c r="H128" s="279">
        <v>0.12906878453883827</v>
      </c>
      <c r="I128" s="69">
        <v>56</v>
      </c>
      <c r="J128" s="70">
        <v>73.340295462532865</v>
      </c>
      <c r="K128" s="71">
        <v>5.8429972072247613</v>
      </c>
      <c r="L128" s="278">
        <v>0.1812488439892681</v>
      </c>
      <c r="M128" s="279">
        <v>0.10376033539766621</v>
      </c>
      <c r="N128" s="280">
        <v>0.37272323269650764</v>
      </c>
      <c r="O128" s="279">
        <v>0.125402962222601</v>
      </c>
      <c r="P128" s="69">
        <v>55</v>
      </c>
      <c r="Q128" s="70">
        <v>71.844544802555021</v>
      </c>
      <c r="R128" s="71">
        <v>7.198444177038664</v>
      </c>
      <c r="S128" s="278">
        <v>0.2069219988579806</v>
      </c>
      <c r="T128" s="279">
        <v>0.10903497229384349</v>
      </c>
      <c r="U128" s="280">
        <v>0.43492494870602016</v>
      </c>
      <c r="V128" s="279">
        <v>0.1292271625376521</v>
      </c>
      <c r="W128" s="69">
        <v>56</v>
      </c>
      <c r="X128" s="70">
        <v>79.572247818223204</v>
      </c>
      <c r="Y128" s="71">
        <v>6.9846707152162866</v>
      </c>
      <c r="Z128" s="278">
        <v>0.17858920497891803</v>
      </c>
      <c r="AA128" s="279">
        <v>0.10328276865412495</v>
      </c>
      <c r="AB128" s="280">
        <v>0.62276812067656762</v>
      </c>
      <c r="AC128" s="279">
        <v>0.12566373206703388</v>
      </c>
      <c r="AD128" s="69">
        <v>56</v>
      </c>
      <c r="AE128" s="70">
        <v>83.858259778826934</v>
      </c>
      <c r="AF128" s="71">
        <v>5.3523145375707228</v>
      </c>
      <c r="AG128" s="278">
        <v>8.716512357290418E-2</v>
      </c>
      <c r="AH128" s="279">
        <v>8.2273623876290058E-2</v>
      </c>
      <c r="AI128" s="280">
        <v>0.63747625356327542</v>
      </c>
      <c r="AJ128" s="279">
        <v>0.12477613117237445</v>
      </c>
      <c r="AK128" s="69">
        <v>56</v>
      </c>
      <c r="AL128" s="70">
        <v>75.514522009206175</v>
      </c>
      <c r="AM128" s="71">
        <v>7.7994848023326631</v>
      </c>
      <c r="AN128" s="278">
        <v>0.20375638008394714</v>
      </c>
      <c r="AO128" s="279">
        <v>0.10756425767528777</v>
      </c>
      <c r="AP128" s="280">
        <v>0.55228940127454074</v>
      </c>
      <c r="AQ128" s="279">
        <v>0.1284830012434994</v>
      </c>
      <c r="AR128" s="69">
        <v>55</v>
      </c>
      <c r="AS128" s="70">
        <v>73.494665116060901</v>
      </c>
      <c r="AT128" s="71">
        <v>7.3889975536932502</v>
      </c>
      <c r="AU128" s="278">
        <v>0.27555330026759139</v>
      </c>
      <c r="AV128" s="279">
        <v>0.1182421582574055</v>
      </c>
      <c r="AW128" s="280">
        <v>0.53635091278910918</v>
      </c>
      <c r="AX128" s="279">
        <v>0.12988957732863876</v>
      </c>
    </row>
    <row r="129" spans="1:50" s="5" customFormat="1">
      <c r="A129" s="47" t="s">
        <v>632</v>
      </c>
      <c r="B129" s="72">
        <v>335</v>
      </c>
      <c r="C129" s="73">
        <v>76.064382519808703</v>
      </c>
      <c r="D129" s="74">
        <v>2.2267914929383537</v>
      </c>
      <c r="E129" s="281">
        <v>0.14868735953250728</v>
      </c>
      <c r="F129" s="282">
        <v>3.9086142689356951E-2</v>
      </c>
      <c r="G129" s="283">
        <v>0.44531926888723683</v>
      </c>
      <c r="H129" s="282">
        <v>5.3994445406118273E-2</v>
      </c>
      <c r="I129" s="72">
        <v>336</v>
      </c>
      <c r="J129" s="73">
        <v>69.102724451862798</v>
      </c>
      <c r="K129" s="74">
        <v>2.4744878823406555</v>
      </c>
      <c r="L129" s="281">
        <v>0.24277972114604909</v>
      </c>
      <c r="M129" s="282">
        <v>4.6701219290816727E-2</v>
      </c>
      <c r="N129" s="283">
        <v>0.34041164845933253</v>
      </c>
      <c r="O129" s="282">
        <v>5.1464126908230844E-2</v>
      </c>
      <c r="P129" s="72">
        <v>334</v>
      </c>
      <c r="Q129" s="73">
        <v>71.763180556571584</v>
      </c>
      <c r="R129" s="74">
        <v>2.2909559700317348</v>
      </c>
      <c r="S129" s="281">
        <v>0.22089169475412895</v>
      </c>
      <c r="T129" s="282">
        <v>4.5369158380432012E-2</v>
      </c>
      <c r="U129" s="283">
        <v>0.34398633071634666</v>
      </c>
      <c r="V129" s="282">
        <v>5.1742698317131415E-2</v>
      </c>
      <c r="W129" s="72">
        <v>336</v>
      </c>
      <c r="X129" s="73">
        <v>79.155167527377643</v>
      </c>
      <c r="Y129" s="74">
        <v>2.3307714418398446</v>
      </c>
      <c r="Z129" s="281">
        <v>0.15423212890008872</v>
      </c>
      <c r="AA129" s="282">
        <v>3.9592200743248547E-2</v>
      </c>
      <c r="AB129" s="283">
        <v>0.54828974676102615</v>
      </c>
      <c r="AC129" s="282">
        <v>5.3985035598695594E-2</v>
      </c>
      <c r="AD129" s="72">
        <v>335</v>
      </c>
      <c r="AE129" s="73">
        <v>79.543525831096701</v>
      </c>
      <c r="AF129" s="74">
        <v>2.3302732657938736</v>
      </c>
      <c r="AG129" s="281">
        <v>0.13957064380280393</v>
      </c>
      <c r="AH129" s="282">
        <v>3.8117702994233046E-2</v>
      </c>
      <c r="AI129" s="283">
        <v>0.5549729790518565</v>
      </c>
      <c r="AJ129" s="282">
        <v>5.3991025926885247E-2</v>
      </c>
      <c r="AK129" s="72">
        <v>336</v>
      </c>
      <c r="AL129" s="73">
        <v>74.267652126221449</v>
      </c>
      <c r="AM129" s="74">
        <v>2.4970370098924857</v>
      </c>
      <c r="AN129" s="281">
        <v>0.19903254895019187</v>
      </c>
      <c r="AO129" s="282">
        <v>4.3594034049949285E-2</v>
      </c>
      <c r="AP129" s="283">
        <v>0.4196856017611359</v>
      </c>
      <c r="AQ129" s="282">
        <v>5.3544976017883307E-2</v>
      </c>
      <c r="AR129" s="72">
        <v>335</v>
      </c>
      <c r="AS129" s="73">
        <v>68.445720457230479</v>
      </c>
      <c r="AT129" s="74">
        <v>2.9130606564333155</v>
      </c>
      <c r="AU129" s="281">
        <v>0.28739860713655468</v>
      </c>
      <c r="AV129" s="282">
        <v>4.9285275907637857E-2</v>
      </c>
      <c r="AW129" s="283">
        <v>0.37382147559738371</v>
      </c>
      <c r="AX129" s="282">
        <v>5.2596586881316236E-2</v>
      </c>
    </row>
    <row r="130" spans="1:50" s="5" customFormat="1">
      <c r="A130" s="55" t="s">
        <v>633</v>
      </c>
      <c r="B130" s="69">
        <v>664</v>
      </c>
      <c r="C130" s="70">
        <v>79.400728660522418</v>
      </c>
      <c r="D130" s="71">
        <v>1.3972739587115612</v>
      </c>
      <c r="E130" s="278">
        <v>0.11077410979222843</v>
      </c>
      <c r="F130" s="279">
        <v>2.4508596452903753E-2</v>
      </c>
      <c r="G130" s="280">
        <v>0.51841938023855683</v>
      </c>
      <c r="H130" s="279">
        <v>3.86652126232815E-2</v>
      </c>
      <c r="I130" s="69">
        <v>663</v>
      </c>
      <c r="J130" s="70">
        <v>72.282266686890679</v>
      </c>
      <c r="K130" s="71">
        <v>1.6297077633183294</v>
      </c>
      <c r="L130" s="278">
        <v>0.2272706212968951</v>
      </c>
      <c r="M130" s="279">
        <v>3.2534897941613738E-2</v>
      </c>
      <c r="N130" s="280">
        <v>0.37747391673100261</v>
      </c>
      <c r="O130" s="279">
        <v>3.7553909728912087E-2</v>
      </c>
      <c r="P130" s="69">
        <v>664</v>
      </c>
      <c r="Q130" s="70">
        <v>73.787811311057766</v>
      </c>
      <c r="R130" s="71">
        <v>1.6310266313149151</v>
      </c>
      <c r="S130" s="278">
        <v>0.20839707657709583</v>
      </c>
      <c r="T130" s="279">
        <v>3.1526344517869155E-2</v>
      </c>
      <c r="U130" s="280">
        <v>0.42099558441793516</v>
      </c>
      <c r="V130" s="279">
        <v>3.8210951606293626E-2</v>
      </c>
      <c r="W130" s="69">
        <v>665</v>
      </c>
      <c r="X130" s="70">
        <v>79.368303988345616</v>
      </c>
      <c r="Y130" s="71">
        <v>1.6829129537041869</v>
      </c>
      <c r="Z130" s="278">
        <v>0.18369718877480221</v>
      </c>
      <c r="AA130" s="279">
        <v>3.0061753806849015E-2</v>
      </c>
      <c r="AB130" s="280">
        <v>0.59932206555742062</v>
      </c>
      <c r="AC130" s="279">
        <v>3.7901038650482374E-2</v>
      </c>
      <c r="AD130" s="69">
        <v>664</v>
      </c>
      <c r="AE130" s="70">
        <v>83.050001709419917</v>
      </c>
      <c r="AF130" s="71">
        <v>1.3852167090871639</v>
      </c>
      <c r="AG130" s="278">
        <v>0.11478121535349001</v>
      </c>
      <c r="AH130" s="279">
        <v>2.4880352600496317E-2</v>
      </c>
      <c r="AI130" s="280">
        <v>0.65514654129749972</v>
      </c>
      <c r="AJ130" s="279">
        <v>3.6804789822413947E-2</v>
      </c>
      <c r="AK130" s="69">
        <v>666</v>
      </c>
      <c r="AL130" s="70">
        <v>75.282502792420928</v>
      </c>
      <c r="AM130" s="71">
        <v>1.6539845348010491</v>
      </c>
      <c r="AN130" s="278">
        <v>0.18724892795345777</v>
      </c>
      <c r="AO130" s="279">
        <v>3.0257718868015544E-2</v>
      </c>
      <c r="AP130" s="280">
        <v>0.46641654321362475</v>
      </c>
      <c r="AQ130" s="279">
        <v>3.8547166539640319E-2</v>
      </c>
      <c r="AR130" s="69">
        <v>665</v>
      </c>
      <c r="AS130" s="70">
        <v>74.253613339019395</v>
      </c>
      <c r="AT130" s="71">
        <v>1.8046877822093994</v>
      </c>
      <c r="AU130" s="278">
        <v>0.22425516690082845</v>
      </c>
      <c r="AV130" s="279">
        <v>3.2335249572040453E-2</v>
      </c>
      <c r="AW130" s="280">
        <v>0.46900968780587121</v>
      </c>
      <c r="AX130" s="279">
        <v>3.8588786897530029E-2</v>
      </c>
    </row>
    <row r="131" spans="1:50" s="5" customFormat="1">
      <c r="A131" s="47" t="s">
        <v>634</v>
      </c>
      <c r="B131" s="72">
        <v>610</v>
      </c>
      <c r="C131" s="73">
        <v>78.37267830940641</v>
      </c>
      <c r="D131" s="74">
        <v>1.4670079642839098</v>
      </c>
      <c r="E131" s="281">
        <v>0.12163364873133403</v>
      </c>
      <c r="F131" s="282">
        <v>2.661073226598187E-2</v>
      </c>
      <c r="G131" s="283">
        <v>0.49596743824533268</v>
      </c>
      <c r="H131" s="282">
        <v>4.0355420112533756E-2</v>
      </c>
      <c r="I131" s="72">
        <v>611</v>
      </c>
      <c r="J131" s="73">
        <v>69.780229642171562</v>
      </c>
      <c r="K131" s="74">
        <v>1.7829558589684726</v>
      </c>
      <c r="L131" s="281">
        <v>0.25408661985873793</v>
      </c>
      <c r="M131" s="282">
        <v>3.5182284621991231E-2</v>
      </c>
      <c r="N131" s="283">
        <v>0.35470868484818169</v>
      </c>
      <c r="O131" s="282">
        <v>3.8606974114503735E-2</v>
      </c>
      <c r="P131" s="72">
        <v>611</v>
      </c>
      <c r="Q131" s="73">
        <v>72.552370638440721</v>
      </c>
      <c r="R131" s="74">
        <v>1.6684595501908182</v>
      </c>
      <c r="S131" s="281">
        <v>0.19569084222020638</v>
      </c>
      <c r="T131" s="282">
        <v>3.2117328076720235E-2</v>
      </c>
      <c r="U131" s="283">
        <v>0.39114432969625795</v>
      </c>
      <c r="V131" s="282">
        <v>3.9369344051717145E-2</v>
      </c>
      <c r="W131" s="72">
        <v>606</v>
      </c>
      <c r="X131" s="73">
        <v>78.233962730642673</v>
      </c>
      <c r="Y131" s="74">
        <v>1.8258067050126396</v>
      </c>
      <c r="Z131" s="281">
        <v>0.15834076519203991</v>
      </c>
      <c r="AA131" s="282">
        <v>2.9730466431419682E-2</v>
      </c>
      <c r="AB131" s="283">
        <v>0.5602441062625324</v>
      </c>
      <c r="AC131" s="282">
        <v>4.0197715428507724E-2</v>
      </c>
      <c r="AD131" s="72">
        <v>610</v>
      </c>
      <c r="AE131" s="73">
        <v>84.351758952345165</v>
      </c>
      <c r="AF131" s="74">
        <v>1.3694788637570097</v>
      </c>
      <c r="AG131" s="281">
        <v>8.2677548611252927E-2</v>
      </c>
      <c r="AH131" s="282">
        <v>2.2557020061277213E-2</v>
      </c>
      <c r="AI131" s="283">
        <v>0.66707406150584159</v>
      </c>
      <c r="AJ131" s="282">
        <v>3.8068066097316368E-2</v>
      </c>
      <c r="AK131" s="72">
        <v>610</v>
      </c>
      <c r="AL131" s="73">
        <v>76.06347692588561</v>
      </c>
      <c r="AM131" s="74">
        <v>1.7286773762412839</v>
      </c>
      <c r="AN131" s="281">
        <v>0.18421664779897412</v>
      </c>
      <c r="AO131" s="282">
        <v>3.1423959645560481E-2</v>
      </c>
      <c r="AP131" s="283">
        <v>0.47626360562473941</v>
      </c>
      <c r="AQ131" s="282">
        <v>4.0311805934798328E-2</v>
      </c>
      <c r="AR131" s="72">
        <v>611</v>
      </c>
      <c r="AS131" s="73">
        <v>73.951730774803906</v>
      </c>
      <c r="AT131" s="74">
        <v>1.810168230284479</v>
      </c>
      <c r="AU131" s="281">
        <v>0.22472477736033647</v>
      </c>
      <c r="AV131" s="282">
        <v>3.3757244920461081E-2</v>
      </c>
      <c r="AW131" s="283">
        <v>0.4751272131919253</v>
      </c>
      <c r="AX131" s="282">
        <v>4.0274615528651116E-2</v>
      </c>
    </row>
    <row r="132" spans="1:50" s="5" customFormat="1">
      <c r="A132" s="55" t="s">
        <v>635</v>
      </c>
      <c r="B132" s="69">
        <v>228</v>
      </c>
      <c r="C132" s="70">
        <v>77.91192952072619</v>
      </c>
      <c r="D132" s="71">
        <v>2.3817355698678226</v>
      </c>
      <c r="E132" s="278">
        <v>0.13733227199586329</v>
      </c>
      <c r="F132" s="279">
        <v>4.6045042523574935E-2</v>
      </c>
      <c r="G132" s="280">
        <v>0.49382855490311733</v>
      </c>
      <c r="H132" s="279">
        <v>6.5648386181707652E-2</v>
      </c>
      <c r="I132" s="69">
        <v>229</v>
      </c>
      <c r="J132" s="70">
        <v>68.80207551628277</v>
      </c>
      <c r="K132" s="71">
        <v>2.8929343160234389</v>
      </c>
      <c r="L132" s="278">
        <v>0.29173083283175338</v>
      </c>
      <c r="M132" s="279">
        <v>5.9770731718508718E-2</v>
      </c>
      <c r="N132" s="280">
        <v>0.33741766035282295</v>
      </c>
      <c r="O132" s="279">
        <v>6.2076619405871017E-2</v>
      </c>
      <c r="P132" s="69">
        <v>228</v>
      </c>
      <c r="Q132" s="70">
        <v>70.428444117841252</v>
      </c>
      <c r="R132" s="71">
        <v>2.9068117352754976</v>
      </c>
      <c r="S132" s="278">
        <v>0.23093528329057361</v>
      </c>
      <c r="T132" s="279">
        <v>5.5720835129087119E-2</v>
      </c>
      <c r="U132" s="280">
        <v>0.3913083154139454</v>
      </c>
      <c r="V132" s="279">
        <v>6.4137511362358735E-2</v>
      </c>
      <c r="W132" s="69">
        <v>226</v>
      </c>
      <c r="X132" s="70">
        <v>78.30633036514206</v>
      </c>
      <c r="Y132" s="71">
        <v>2.9357499572668497</v>
      </c>
      <c r="Z132" s="278">
        <v>0.16879272224354616</v>
      </c>
      <c r="AA132" s="279">
        <v>5.0058079621386489E-2</v>
      </c>
      <c r="AB132" s="280">
        <v>0.55629065368245278</v>
      </c>
      <c r="AC132" s="279">
        <v>6.55333459644864E-2</v>
      </c>
      <c r="AD132" s="69">
        <v>228</v>
      </c>
      <c r="AE132" s="70">
        <v>82.408568548860814</v>
      </c>
      <c r="AF132" s="71">
        <v>2.4083912920388584</v>
      </c>
      <c r="AG132" s="278">
        <v>0.11542584157550827</v>
      </c>
      <c r="AH132" s="279">
        <v>4.2983288309102023E-2</v>
      </c>
      <c r="AI132" s="280">
        <v>0.62466662489399283</v>
      </c>
      <c r="AJ132" s="279">
        <v>6.365173774262857E-2</v>
      </c>
      <c r="AK132" s="69">
        <v>227</v>
      </c>
      <c r="AL132" s="70">
        <v>75.385920140377863</v>
      </c>
      <c r="AM132" s="71">
        <v>2.9300563280434235</v>
      </c>
      <c r="AN132" s="278">
        <v>0.18237372573092833</v>
      </c>
      <c r="AO132" s="279">
        <v>5.1400675907292394E-2</v>
      </c>
      <c r="AP132" s="280">
        <v>0.48845842142129825</v>
      </c>
      <c r="AQ132" s="279">
        <v>6.5778240232586979E-2</v>
      </c>
      <c r="AR132" s="69">
        <v>228</v>
      </c>
      <c r="AS132" s="70">
        <v>72.052265871969396</v>
      </c>
      <c r="AT132" s="71">
        <v>3.203436211641868</v>
      </c>
      <c r="AU132" s="278">
        <v>0.26041986441592968</v>
      </c>
      <c r="AV132" s="279">
        <v>5.7918426511147134E-2</v>
      </c>
      <c r="AW132" s="280">
        <v>0.46049233769548664</v>
      </c>
      <c r="AX132" s="279">
        <v>6.5454973103474895E-2</v>
      </c>
    </row>
    <row r="133" spans="1:50" s="5" customFormat="1">
      <c r="A133" s="47" t="s">
        <v>636</v>
      </c>
      <c r="B133" s="72">
        <v>382</v>
      </c>
      <c r="C133" s="73">
        <v>78.766497988545481</v>
      </c>
      <c r="D133" s="74">
        <v>1.8613691082427419</v>
      </c>
      <c r="E133" s="281">
        <v>0.10821543271242376</v>
      </c>
      <c r="F133" s="282">
        <v>3.2137917860562193E-2</v>
      </c>
      <c r="G133" s="283">
        <v>0.49779562395572846</v>
      </c>
      <c r="H133" s="282">
        <v>5.0898175391503146E-2</v>
      </c>
      <c r="I133" s="72">
        <v>382</v>
      </c>
      <c r="J133" s="73">
        <v>70.620192528950838</v>
      </c>
      <c r="K133" s="74">
        <v>2.2627829148546574</v>
      </c>
      <c r="L133" s="281">
        <v>0.22176068986215111</v>
      </c>
      <c r="M133" s="282">
        <v>4.2484873576301416E-2</v>
      </c>
      <c r="N133" s="283">
        <v>0.369556875400258</v>
      </c>
      <c r="O133" s="282">
        <v>4.9172996401388308E-2</v>
      </c>
      <c r="P133" s="72">
        <v>383</v>
      </c>
      <c r="Q133" s="73">
        <v>74.361299582970133</v>
      </c>
      <c r="R133" s="74">
        <v>2.0038023700839083</v>
      </c>
      <c r="S133" s="281">
        <v>0.16567347157785736</v>
      </c>
      <c r="T133" s="282">
        <v>3.8111004706980985E-2</v>
      </c>
      <c r="U133" s="283">
        <v>0.39100466454855382</v>
      </c>
      <c r="V133" s="282">
        <v>4.9635813604570936E-2</v>
      </c>
      <c r="W133" s="72">
        <v>380</v>
      </c>
      <c r="X133" s="73">
        <v>78.172226519869554</v>
      </c>
      <c r="Y133" s="74">
        <v>2.3330152175627505</v>
      </c>
      <c r="Z133" s="281">
        <v>0.14942428991980802</v>
      </c>
      <c r="AA133" s="282">
        <v>3.6748557461414894E-2</v>
      </c>
      <c r="AB133" s="283">
        <v>0.56361676288526086</v>
      </c>
      <c r="AC133" s="282">
        <v>5.0624926210836883E-2</v>
      </c>
      <c r="AD133" s="72">
        <v>382</v>
      </c>
      <c r="AE133" s="73">
        <v>86.016884705689691</v>
      </c>
      <c r="AF133" s="74">
        <v>1.6342904369040003</v>
      </c>
      <c r="AG133" s="281">
        <v>5.4615436995696529E-2</v>
      </c>
      <c r="AH133" s="282">
        <v>2.402988875146634E-2</v>
      </c>
      <c r="AI133" s="283">
        <v>0.70341312262362965</v>
      </c>
      <c r="AJ133" s="282">
        <v>4.659117870741724E-2</v>
      </c>
      <c r="AK133" s="72">
        <v>383</v>
      </c>
      <c r="AL133" s="73">
        <v>76.638902559485174</v>
      </c>
      <c r="AM133" s="74">
        <v>2.1370250724852173</v>
      </c>
      <c r="AN133" s="281">
        <v>0.18578177801589787</v>
      </c>
      <c r="AO133" s="282">
        <v>3.980538643119387E-2</v>
      </c>
      <c r="AP133" s="283">
        <v>0.46590696872513848</v>
      </c>
      <c r="AQ133" s="282">
        <v>5.0716985278445481E-2</v>
      </c>
      <c r="AR133" s="72">
        <v>383</v>
      </c>
      <c r="AS133" s="73">
        <v>75.573449305399251</v>
      </c>
      <c r="AT133" s="74">
        <v>2.1529269694871371</v>
      </c>
      <c r="AU133" s="281">
        <v>0.19424915022825232</v>
      </c>
      <c r="AV133" s="282">
        <v>4.046741223173559E-2</v>
      </c>
      <c r="AW133" s="283">
        <v>0.48762212623302098</v>
      </c>
      <c r="AX133" s="282">
        <v>5.0817598433072417E-2</v>
      </c>
    </row>
    <row r="135" spans="1:50" ht="18.75">
      <c r="A135" s="343" t="s">
        <v>242</v>
      </c>
      <c r="B135" s="343"/>
      <c r="C135" s="343"/>
      <c r="D135" s="343"/>
      <c r="E135" s="343"/>
      <c r="F135" s="343"/>
      <c r="G135" s="343"/>
      <c r="H135" s="343"/>
    </row>
    <row r="136" spans="1:50" ht="72.75" customHeight="1">
      <c r="A136" s="342" t="s">
        <v>526</v>
      </c>
      <c r="B136" s="342"/>
      <c r="C136" s="342"/>
      <c r="D136" s="342"/>
      <c r="E136" s="342"/>
      <c r="F136" s="342"/>
      <c r="G136" s="342"/>
      <c r="H136" s="342"/>
    </row>
    <row r="137" spans="1:50" ht="33" customHeight="1">
      <c r="A137" s="334" t="s">
        <v>243</v>
      </c>
      <c r="B137" s="335"/>
      <c r="C137" s="335"/>
      <c r="D137" s="335"/>
      <c r="E137" s="335"/>
      <c r="F137" s="335"/>
      <c r="G137" s="335"/>
      <c r="H137" s="336"/>
    </row>
    <row r="138" spans="1:50" ht="42" customHeight="1">
      <c r="A138" s="35" t="s">
        <v>70</v>
      </c>
      <c r="B138" s="36" t="s">
        <v>71</v>
      </c>
      <c r="C138" s="37" t="s">
        <v>550</v>
      </c>
      <c r="D138" s="38" t="s">
        <v>72</v>
      </c>
      <c r="E138" s="37" t="s">
        <v>329</v>
      </c>
      <c r="F138" s="38" t="s">
        <v>333</v>
      </c>
      <c r="G138" s="37" t="s">
        <v>331</v>
      </c>
      <c r="H138" s="38" t="s">
        <v>334</v>
      </c>
    </row>
    <row r="139" spans="1:50" ht="72" customHeight="1">
      <c r="A139" s="39"/>
      <c r="B139" s="40" t="s">
        <v>73</v>
      </c>
      <c r="C139" s="41" t="s">
        <v>246</v>
      </c>
      <c r="D139" s="42" t="s">
        <v>75</v>
      </c>
      <c r="E139" s="41" t="s">
        <v>330</v>
      </c>
      <c r="F139" s="89" t="s">
        <v>87</v>
      </c>
      <c r="G139" s="41" t="s">
        <v>332</v>
      </c>
      <c r="H139" s="89" t="s">
        <v>87</v>
      </c>
    </row>
    <row r="140" spans="1:50">
      <c r="A140" s="43" t="s">
        <v>348</v>
      </c>
      <c r="B140" s="75">
        <v>13562</v>
      </c>
      <c r="C140" s="76">
        <v>67.003714115916821</v>
      </c>
      <c r="D140" s="77">
        <v>0.41771560076770042</v>
      </c>
      <c r="E140" s="285">
        <v>0.31223242392109507</v>
      </c>
      <c r="F140" s="286">
        <v>7.9576522818712876E-3</v>
      </c>
      <c r="G140" s="285">
        <v>0.30655428162142018</v>
      </c>
      <c r="H140" s="286">
        <v>7.9174723496586458E-3</v>
      </c>
    </row>
    <row r="141" spans="1:50">
      <c r="A141" s="47" t="s">
        <v>349</v>
      </c>
      <c r="B141" s="78">
        <v>10049</v>
      </c>
      <c r="C141" s="79">
        <v>69.354440070821909</v>
      </c>
      <c r="D141" s="80">
        <v>0.47362839336437085</v>
      </c>
      <c r="E141" s="287">
        <v>0.27180113126224165</v>
      </c>
      <c r="F141" s="288">
        <v>8.8752017717384363E-3</v>
      </c>
      <c r="G141" s="287">
        <v>0.34684332757075992</v>
      </c>
      <c r="H141" s="288">
        <v>9.4945721376079508E-3</v>
      </c>
    </row>
    <row r="142" spans="1:50" s="5" customFormat="1">
      <c r="A142" s="43" t="s">
        <v>350</v>
      </c>
      <c r="B142" s="75">
        <v>3513</v>
      </c>
      <c r="C142" s="76">
        <v>65.00864740674038</v>
      </c>
      <c r="D142" s="77">
        <v>0.85205123852653242</v>
      </c>
      <c r="E142" s="285">
        <v>0.34654655816728325</v>
      </c>
      <c r="F142" s="286">
        <v>1.605030386499131E-2</v>
      </c>
      <c r="G142" s="285">
        <v>0.27236087249591096</v>
      </c>
      <c r="H142" s="286">
        <v>1.5017693396233021E-2</v>
      </c>
    </row>
    <row r="143" spans="1:50" s="5" customFormat="1">
      <c r="A143" s="47" t="s">
        <v>568</v>
      </c>
      <c r="B143" s="78">
        <v>11181</v>
      </c>
      <c r="C143" s="79">
        <v>66.944976908213135</v>
      </c>
      <c r="D143" s="80">
        <v>0.46697453085999002</v>
      </c>
      <c r="E143" s="287">
        <v>0.31297266911479293</v>
      </c>
      <c r="F143" s="288">
        <v>8.7695533705524562E-3</v>
      </c>
      <c r="G143" s="287">
        <v>0.30529345845688122</v>
      </c>
      <c r="H143" s="288">
        <v>8.7096198604221884E-3</v>
      </c>
    </row>
    <row r="144" spans="1:50" s="5" customFormat="1">
      <c r="A144" s="43" t="s">
        <v>569</v>
      </c>
      <c r="B144" s="75">
        <v>2381</v>
      </c>
      <c r="C144" s="76">
        <v>74.070289170339663</v>
      </c>
      <c r="D144" s="77">
        <v>0.88093020073059147</v>
      </c>
      <c r="E144" s="285">
        <v>0.22317476482441773</v>
      </c>
      <c r="F144" s="286">
        <v>1.7064417150529941E-2</v>
      </c>
      <c r="G144" s="285">
        <v>0.45824180424902489</v>
      </c>
      <c r="H144" s="286">
        <v>2.0405207426329841E-2</v>
      </c>
    </row>
    <row r="145" spans="1:8" s="5" customFormat="1">
      <c r="A145" s="47" t="s">
        <v>570</v>
      </c>
      <c r="B145" s="78">
        <v>609</v>
      </c>
      <c r="C145" s="79">
        <v>76.287325811683843</v>
      </c>
      <c r="D145" s="80">
        <v>1.6936092013428938</v>
      </c>
      <c r="E145" s="287">
        <v>0.16948332784813988</v>
      </c>
      <c r="F145" s="288">
        <v>3.0459208564374781E-2</v>
      </c>
      <c r="G145" s="287">
        <v>0.4858276022242663</v>
      </c>
      <c r="H145" s="288">
        <v>4.0373602401428635E-2</v>
      </c>
    </row>
    <row r="146" spans="1:8" s="5" customFormat="1">
      <c r="A146" s="43" t="s">
        <v>571</v>
      </c>
      <c r="B146" s="75">
        <v>1275</v>
      </c>
      <c r="C146" s="76">
        <v>77.70599067970511</v>
      </c>
      <c r="D146" s="77">
        <v>1.0982979892829983</v>
      </c>
      <c r="E146" s="285">
        <v>0.16304790857911158</v>
      </c>
      <c r="F146" s="286">
        <v>2.0712283986051482E-2</v>
      </c>
      <c r="G146" s="285">
        <v>0.50375577298783325</v>
      </c>
      <c r="H146" s="286">
        <v>2.7960990488365037E-2</v>
      </c>
    </row>
    <row r="147" spans="1:8" s="5" customFormat="1">
      <c r="A147" s="47" t="s">
        <v>582</v>
      </c>
      <c r="B147" s="78">
        <v>871</v>
      </c>
      <c r="C147" s="79">
        <v>72.090276658065207</v>
      </c>
      <c r="D147" s="80">
        <v>1.5345734112739984</v>
      </c>
      <c r="E147" s="287">
        <v>0.26612794336933726</v>
      </c>
      <c r="F147" s="288">
        <v>2.9918196819128176E-2</v>
      </c>
      <c r="G147" s="287">
        <v>0.40011071178956209</v>
      </c>
      <c r="H147" s="288">
        <v>3.3130953869948784E-2</v>
      </c>
    </row>
    <row r="148" spans="1:8" s="5" customFormat="1">
      <c r="A148" s="43" t="s">
        <v>583</v>
      </c>
      <c r="B148" s="75">
        <v>1510</v>
      </c>
      <c r="C148" s="76">
        <v>74.874542192964384</v>
      </c>
      <c r="D148" s="77">
        <v>1.0656068109812673</v>
      </c>
      <c r="E148" s="285">
        <v>0.2057277924129082</v>
      </c>
      <c r="F148" s="286">
        <v>2.0806768962478565E-2</v>
      </c>
      <c r="G148" s="285">
        <v>0.48185383019794664</v>
      </c>
      <c r="H148" s="286">
        <v>2.5683391575223435E-2</v>
      </c>
    </row>
    <row r="149" spans="1:8" s="5" customFormat="1">
      <c r="A149" s="47" t="s">
        <v>572</v>
      </c>
      <c r="B149" s="78">
        <v>294</v>
      </c>
      <c r="C149" s="79">
        <v>62.857367946187843</v>
      </c>
      <c r="D149" s="80">
        <v>3.0655705833869735</v>
      </c>
      <c r="E149" s="287">
        <v>0.42965991455837105</v>
      </c>
      <c r="F149" s="288">
        <v>5.7367788572000908E-2</v>
      </c>
      <c r="G149" s="287">
        <v>0.31749574858826662</v>
      </c>
      <c r="H149" s="288">
        <v>5.4042037609143209E-2</v>
      </c>
    </row>
    <row r="150" spans="1:8" s="5" customFormat="1">
      <c r="A150" s="43" t="s">
        <v>573</v>
      </c>
      <c r="B150" s="75">
        <v>443</v>
      </c>
      <c r="C150" s="76">
        <v>71.243389917322986</v>
      </c>
      <c r="D150" s="77">
        <v>2.0219801000135118</v>
      </c>
      <c r="E150" s="285">
        <v>0.24328744186632348</v>
      </c>
      <c r="F150" s="286">
        <v>4.071759318666586E-2</v>
      </c>
      <c r="G150" s="285">
        <v>0.34711152709390025</v>
      </c>
      <c r="H150" s="286">
        <v>4.5074294676729749E-2</v>
      </c>
    </row>
    <row r="151" spans="1:8" s="5" customFormat="1">
      <c r="A151" s="47" t="s">
        <v>574</v>
      </c>
      <c r="B151" s="78">
        <v>678</v>
      </c>
      <c r="C151" s="79">
        <v>76.626549978849852</v>
      </c>
      <c r="D151" s="80">
        <v>1.6043107772347809</v>
      </c>
      <c r="E151" s="287">
        <v>0.17310600687588362</v>
      </c>
      <c r="F151" s="288">
        <v>2.9100909213946209E-2</v>
      </c>
      <c r="G151" s="287">
        <v>0.47682427516170223</v>
      </c>
      <c r="H151" s="288">
        <v>3.8251304216499672E-2</v>
      </c>
    </row>
    <row r="152" spans="1:8">
      <c r="A152" s="43" t="s">
        <v>575</v>
      </c>
      <c r="B152" s="81">
        <v>938</v>
      </c>
      <c r="C152" s="82">
        <v>81.584515488647824</v>
      </c>
      <c r="D152" s="83">
        <v>1.2374582155723699</v>
      </c>
      <c r="E152" s="289">
        <v>0.10865830878878061</v>
      </c>
      <c r="F152" s="290">
        <v>2.0414967031681885E-2</v>
      </c>
      <c r="G152" s="289">
        <v>0.60173699092863064</v>
      </c>
      <c r="H152" s="290">
        <v>3.1905999120790798E-2</v>
      </c>
    </row>
    <row r="153" spans="1:8">
      <c r="A153" s="47" t="s">
        <v>576</v>
      </c>
      <c r="B153" s="78">
        <v>756</v>
      </c>
      <c r="C153" s="79">
        <v>72.962269969480857</v>
      </c>
      <c r="D153" s="80">
        <v>1.5153496125448076</v>
      </c>
      <c r="E153" s="287">
        <v>0.23891598990750759</v>
      </c>
      <c r="F153" s="288">
        <v>3.0996670134937343E-2</v>
      </c>
      <c r="G153" s="287">
        <v>0.43520274916842167</v>
      </c>
      <c r="H153" s="288">
        <v>3.5971143160238368E-2</v>
      </c>
    </row>
    <row r="154" spans="1:8">
      <c r="A154" s="55" t="s">
        <v>577</v>
      </c>
      <c r="B154" s="75">
        <v>767</v>
      </c>
      <c r="C154" s="76">
        <v>76.540697189027071</v>
      </c>
      <c r="D154" s="77">
        <v>1.4817757769537494</v>
      </c>
      <c r="E154" s="285">
        <v>0.18554635508791559</v>
      </c>
      <c r="F154" s="286">
        <v>2.8094914845259621E-2</v>
      </c>
      <c r="G154" s="285">
        <v>0.49806485105883447</v>
      </c>
      <c r="H154" s="286">
        <v>3.6013853362343549E-2</v>
      </c>
    </row>
    <row r="155" spans="1:8">
      <c r="A155" s="47" t="s">
        <v>578</v>
      </c>
      <c r="B155" s="78">
        <v>261</v>
      </c>
      <c r="C155" s="79">
        <v>71.518766712844041</v>
      </c>
      <c r="D155" s="80">
        <v>3.1117175632673924</v>
      </c>
      <c r="E155" s="287">
        <v>0.25207249495112749</v>
      </c>
      <c r="F155" s="288">
        <v>5.3605630032943948E-2</v>
      </c>
      <c r="G155" s="287">
        <v>0.42951965493214267</v>
      </c>
      <c r="H155" s="288">
        <v>6.0834616610801973E-2</v>
      </c>
    </row>
    <row r="156" spans="1:8">
      <c r="A156" s="55" t="s">
        <v>579</v>
      </c>
      <c r="B156" s="75">
        <v>223</v>
      </c>
      <c r="C156" s="76">
        <v>72.439190852257298</v>
      </c>
      <c r="D156" s="77">
        <v>2.9013297664560613</v>
      </c>
      <c r="E156" s="285">
        <v>0.26474481023536378</v>
      </c>
      <c r="F156" s="286">
        <v>5.885669829792111E-2</v>
      </c>
      <c r="G156" s="285">
        <v>0.43607519945174134</v>
      </c>
      <c r="H156" s="286">
        <v>6.5846753662913884E-2</v>
      </c>
    </row>
    <row r="157" spans="1:8">
      <c r="A157" s="47" t="s">
        <v>580</v>
      </c>
      <c r="B157" s="78">
        <v>223</v>
      </c>
      <c r="C157" s="79">
        <v>74.852008384359308</v>
      </c>
      <c r="D157" s="80">
        <v>2.8643869205579553</v>
      </c>
      <c r="E157" s="287">
        <v>0.2229052043240892</v>
      </c>
      <c r="F157" s="288">
        <v>5.5673780799156435E-2</v>
      </c>
      <c r="G157" s="287">
        <v>0.45146610455340502</v>
      </c>
      <c r="H157" s="288">
        <v>6.6069879463235559E-2</v>
      </c>
    </row>
    <row r="158" spans="1:8">
      <c r="A158" s="55" t="s">
        <v>581</v>
      </c>
      <c r="B158" s="75">
        <v>122</v>
      </c>
      <c r="C158" s="76">
        <v>76.427233080947829</v>
      </c>
      <c r="D158" s="77">
        <v>4.025420736165068</v>
      </c>
      <c r="E158" s="285">
        <v>0.19606858133408869</v>
      </c>
      <c r="F158" s="286">
        <v>7.2022402231158411E-2</v>
      </c>
      <c r="G158" s="285">
        <v>0.49257118474850586</v>
      </c>
      <c r="H158" s="286">
        <v>8.9077861614829085E-2</v>
      </c>
    </row>
    <row r="159" spans="1:8">
      <c r="A159" s="47" t="s">
        <v>584</v>
      </c>
      <c r="B159" s="78">
        <v>118</v>
      </c>
      <c r="C159" s="79">
        <v>63.63994190787421</v>
      </c>
      <c r="D159" s="80">
        <v>5.0296069745059295</v>
      </c>
      <c r="E159" s="287">
        <v>0.41074801894492807</v>
      </c>
      <c r="F159" s="288">
        <v>8.9176170424657641E-2</v>
      </c>
      <c r="G159" s="287">
        <v>0.31336832357135441</v>
      </c>
      <c r="H159" s="288">
        <v>8.4429658259371196E-2</v>
      </c>
    </row>
    <row r="160" spans="1:8">
      <c r="A160" s="55" t="s">
        <v>585</v>
      </c>
      <c r="B160" s="75">
        <v>2263</v>
      </c>
      <c r="C160" s="76">
        <v>75.952037682825051</v>
      </c>
      <c r="D160" s="77">
        <v>0.88184249222479383</v>
      </c>
      <c r="E160" s="285">
        <v>0.18933450207559258</v>
      </c>
      <c r="F160" s="286">
        <v>1.6474826455376734E-2</v>
      </c>
      <c r="G160" s="285">
        <v>0.48437856172255828</v>
      </c>
      <c r="H160" s="286">
        <v>2.0992440131455455E-2</v>
      </c>
    </row>
    <row r="161" spans="1:8" s="5" customFormat="1">
      <c r="A161" s="47" t="s">
        <v>620</v>
      </c>
      <c r="B161" s="78">
        <v>154</v>
      </c>
      <c r="C161" s="79">
        <v>77.198381690298746</v>
      </c>
      <c r="D161" s="80">
        <v>3.2658076977948136</v>
      </c>
      <c r="E161" s="287">
        <v>0.15796823182787459</v>
      </c>
      <c r="F161" s="288">
        <v>5.9291730771771738E-2</v>
      </c>
      <c r="G161" s="287">
        <v>0.47063325883956109</v>
      </c>
      <c r="H161" s="288">
        <v>7.9425262677315409E-2</v>
      </c>
    </row>
    <row r="162" spans="1:8" s="5" customFormat="1">
      <c r="A162" s="55" t="s">
        <v>621</v>
      </c>
      <c r="B162" s="75">
        <v>163</v>
      </c>
      <c r="C162" s="76">
        <v>78.679596793752694</v>
      </c>
      <c r="D162" s="77">
        <v>2.7762592109775275</v>
      </c>
      <c r="E162" s="285">
        <v>0.12155779463679828</v>
      </c>
      <c r="F162" s="286">
        <v>5.2153641959295151E-2</v>
      </c>
      <c r="G162" s="285">
        <v>0.51290581169402316</v>
      </c>
      <c r="H162" s="286">
        <v>7.7357761825947322E-2</v>
      </c>
    </row>
    <row r="163" spans="1:8" s="5" customFormat="1">
      <c r="A163" s="47" t="s">
        <v>622</v>
      </c>
      <c r="B163" s="78">
        <v>996</v>
      </c>
      <c r="C163" s="79">
        <v>76.694878246183137</v>
      </c>
      <c r="D163" s="80">
        <v>1.2866379311939569</v>
      </c>
      <c r="E163" s="287">
        <v>0.1754428899850296</v>
      </c>
      <c r="F163" s="288">
        <v>2.4124982527076615E-2</v>
      </c>
      <c r="G163" s="287">
        <v>0.4808780730039266</v>
      </c>
      <c r="H163" s="288">
        <v>3.1599827293346004E-2</v>
      </c>
    </row>
    <row r="164" spans="1:8" s="5" customFormat="1">
      <c r="A164" s="55" t="s">
        <v>623</v>
      </c>
      <c r="B164" s="75">
        <v>302</v>
      </c>
      <c r="C164" s="76">
        <v>77.714792921528129</v>
      </c>
      <c r="D164" s="77">
        <v>2.3746903271653022</v>
      </c>
      <c r="E164" s="285">
        <v>0.16394032061365163</v>
      </c>
      <c r="F164" s="286">
        <v>4.2778831119643992E-2</v>
      </c>
      <c r="G164" s="285">
        <v>0.52251000796839597</v>
      </c>
      <c r="H164" s="286">
        <v>5.7109739566314356E-2</v>
      </c>
    </row>
    <row r="165" spans="1:8" s="5" customFormat="1">
      <c r="A165" s="47" t="s">
        <v>624</v>
      </c>
      <c r="B165" s="78">
        <v>318</v>
      </c>
      <c r="C165" s="79">
        <v>77.765927322480266</v>
      </c>
      <c r="D165" s="80">
        <v>2.2147579990126185</v>
      </c>
      <c r="E165" s="287">
        <v>0.15643428227169964</v>
      </c>
      <c r="F165" s="288">
        <v>4.093275638989835E-2</v>
      </c>
      <c r="G165" s="287">
        <v>0.509470460627788</v>
      </c>
      <c r="H165" s="288">
        <v>5.5718070805345271E-2</v>
      </c>
    </row>
    <row r="166" spans="1:8" s="5" customFormat="1">
      <c r="A166" s="55" t="s">
        <v>625</v>
      </c>
      <c r="B166" s="75">
        <v>1196</v>
      </c>
      <c r="C166" s="76">
        <v>72.832708276508342</v>
      </c>
      <c r="D166" s="77">
        <v>1.278031375231895</v>
      </c>
      <c r="E166" s="285">
        <v>0.24389460435675756</v>
      </c>
      <c r="F166" s="286">
        <v>2.4822473959171008E-2</v>
      </c>
      <c r="G166" s="285">
        <v>0.44045841611652825</v>
      </c>
      <c r="H166" s="286">
        <v>2.8663472403369049E-2</v>
      </c>
    </row>
    <row r="167" spans="1:8" s="5" customFormat="1">
      <c r="A167" s="47" t="s">
        <v>626</v>
      </c>
      <c r="B167" s="78">
        <v>1184</v>
      </c>
      <c r="C167" s="79">
        <v>76.630214080529598</v>
      </c>
      <c r="D167" s="80">
        <v>1.2111781156041121</v>
      </c>
      <c r="E167" s="287">
        <v>0.17792346499817452</v>
      </c>
      <c r="F167" s="288">
        <v>2.224474139120489E-2</v>
      </c>
      <c r="G167" s="287">
        <v>0.49605248490811266</v>
      </c>
      <c r="H167" s="288">
        <v>2.9012044513946633E-2</v>
      </c>
    </row>
    <row r="168" spans="1:8" s="5" customFormat="1">
      <c r="A168" s="55" t="s">
        <v>627</v>
      </c>
      <c r="B168" s="75">
        <v>347</v>
      </c>
      <c r="C168" s="76">
        <v>75.938624628809151</v>
      </c>
      <c r="D168" s="77">
        <v>2.3615428742262248</v>
      </c>
      <c r="E168" s="285">
        <v>0.18319507334194152</v>
      </c>
      <c r="F168" s="286">
        <v>4.1607189508110869E-2</v>
      </c>
      <c r="G168" s="285">
        <v>0.46829098614331527</v>
      </c>
      <c r="H168" s="286">
        <v>5.3271045289762516E-2</v>
      </c>
    </row>
    <row r="169" spans="1:8" s="5" customFormat="1">
      <c r="A169" s="47" t="s">
        <v>628</v>
      </c>
      <c r="B169" s="78">
        <v>837</v>
      </c>
      <c r="C169" s="79">
        <v>77.044425174811039</v>
      </c>
      <c r="D169" s="80">
        <v>1.4041751421118349</v>
      </c>
      <c r="E169" s="287">
        <v>0.174766160248568</v>
      </c>
      <c r="F169" s="288">
        <v>2.6281812995189838E-2</v>
      </c>
      <c r="G169" s="287">
        <v>0.5126795759570727</v>
      </c>
      <c r="H169" s="288">
        <v>3.4471774392216825E-2</v>
      </c>
    </row>
    <row r="170" spans="1:8" s="5" customFormat="1">
      <c r="A170" s="55" t="s">
        <v>629</v>
      </c>
      <c r="B170" s="75">
        <v>216</v>
      </c>
      <c r="C170" s="76">
        <v>76.210324009653704</v>
      </c>
      <c r="D170" s="77">
        <v>2.6872076127112039</v>
      </c>
      <c r="E170" s="285">
        <v>0.16637300057753376</v>
      </c>
      <c r="F170" s="286">
        <v>5.0937351167264229E-2</v>
      </c>
      <c r="G170" s="285">
        <v>0.47630649971937367</v>
      </c>
      <c r="H170" s="286">
        <v>6.7346977573126049E-2</v>
      </c>
    </row>
    <row r="171" spans="1:8" s="5" customFormat="1">
      <c r="A171" s="47" t="s">
        <v>630</v>
      </c>
      <c r="B171" s="78">
        <v>393</v>
      </c>
      <c r="C171" s="79">
        <v>76.380275381503139</v>
      </c>
      <c r="D171" s="80">
        <v>2.1711693757623678</v>
      </c>
      <c r="E171" s="287">
        <v>0.17323783195294876</v>
      </c>
      <c r="F171" s="288">
        <v>3.8270843555602896E-2</v>
      </c>
      <c r="G171" s="287">
        <v>0.49732061094227192</v>
      </c>
      <c r="H171" s="288">
        <v>5.0187855146052555E-2</v>
      </c>
    </row>
    <row r="172" spans="1:8" s="5" customFormat="1">
      <c r="A172" s="55" t="s">
        <v>631</v>
      </c>
      <c r="B172" s="75">
        <v>56</v>
      </c>
      <c r="C172" s="76">
        <v>75.751405674127682</v>
      </c>
      <c r="D172" s="77">
        <v>6.8909286549254523</v>
      </c>
      <c r="E172" s="285">
        <v>0.18375537050917815</v>
      </c>
      <c r="F172" s="286">
        <v>0.10420479768064952</v>
      </c>
      <c r="G172" s="285">
        <v>0.49246840078594467</v>
      </c>
      <c r="H172" s="286">
        <v>0.12908668566349502</v>
      </c>
    </row>
    <row r="173" spans="1:8" s="5" customFormat="1">
      <c r="A173" s="47" t="s">
        <v>632</v>
      </c>
      <c r="B173" s="78">
        <v>337</v>
      </c>
      <c r="C173" s="79">
        <v>76.558560880880663</v>
      </c>
      <c r="D173" s="80">
        <v>2.2627482708387512</v>
      </c>
      <c r="E173" s="287">
        <v>0.17025609409576226</v>
      </c>
      <c r="F173" s="288">
        <v>4.1071409138661856E-2</v>
      </c>
      <c r="G173" s="287">
        <v>0.49869621975385831</v>
      </c>
      <c r="H173" s="288">
        <v>5.4152856297585629E-2</v>
      </c>
    </row>
    <row r="174" spans="1:8" s="5" customFormat="1">
      <c r="A174" s="55" t="s">
        <v>633</v>
      </c>
      <c r="B174" s="75">
        <v>664</v>
      </c>
      <c r="C174" s="76">
        <v>77.700325570010918</v>
      </c>
      <c r="D174" s="77">
        <v>1.5226558134079931</v>
      </c>
      <c r="E174" s="285">
        <v>0.16329006564538071</v>
      </c>
      <c r="F174" s="286">
        <v>2.8744186848785644E-2</v>
      </c>
      <c r="G174" s="285">
        <v>0.50323469583066927</v>
      </c>
      <c r="H174" s="286">
        <v>3.8690361614919962E-2</v>
      </c>
    </row>
    <row r="175" spans="1:8" s="5" customFormat="1">
      <c r="A175" s="47" t="s">
        <v>634</v>
      </c>
      <c r="B175" s="78">
        <v>611</v>
      </c>
      <c r="C175" s="79">
        <v>77.715722838031809</v>
      </c>
      <c r="D175" s="80">
        <v>1.587013891350971</v>
      </c>
      <c r="E175" s="287">
        <v>0.16263190411738099</v>
      </c>
      <c r="F175" s="288">
        <v>2.9922230085879711E-2</v>
      </c>
      <c r="G175" s="287">
        <v>0.50465093754207957</v>
      </c>
      <c r="H175" s="288">
        <v>4.0322169999568329E-2</v>
      </c>
    </row>
    <row r="176" spans="1:8" s="5" customFormat="1">
      <c r="A176" s="55" t="s">
        <v>635</v>
      </c>
      <c r="B176" s="75">
        <v>229</v>
      </c>
      <c r="C176" s="76">
        <v>76.126945509807229</v>
      </c>
      <c r="D176" s="77">
        <v>2.7324412062525707</v>
      </c>
      <c r="E176" s="285">
        <v>0.18626229840391326</v>
      </c>
      <c r="F176" s="286">
        <v>5.1570904066570347E-2</v>
      </c>
      <c r="G176" s="285">
        <v>0.48626025231791159</v>
      </c>
      <c r="H176" s="286">
        <v>6.5488280960087061E-2</v>
      </c>
    </row>
    <row r="177" spans="1:23" s="5" customFormat="1">
      <c r="A177" s="47" t="s">
        <v>636</v>
      </c>
      <c r="B177" s="78">
        <v>382</v>
      </c>
      <c r="C177" s="79">
        <v>79.077193063784023</v>
      </c>
      <c r="D177" s="80">
        <v>1.9259663695871865</v>
      </c>
      <c r="E177" s="287">
        <v>0.14238232120077934</v>
      </c>
      <c r="F177" s="288">
        <v>3.595426579272773E-2</v>
      </c>
      <c r="G177" s="287">
        <v>0.52041045897978078</v>
      </c>
      <c r="H177" s="288">
        <v>5.0857109829773657E-2</v>
      </c>
    </row>
    <row r="179" spans="1:23" s="5" customFormat="1" ht="18.75">
      <c r="A179" s="344" t="s">
        <v>222</v>
      </c>
      <c r="B179" s="344"/>
      <c r="C179" s="344"/>
      <c r="D179" s="344"/>
      <c r="E179" s="344"/>
      <c r="F179" s="344"/>
      <c r="G179" s="344"/>
      <c r="H179" s="344"/>
      <c r="I179" s="344"/>
      <c r="J179" s="344"/>
      <c r="K179" s="344"/>
      <c r="L179" s="344"/>
      <c r="M179" s="344"/>
      <c r="N179" s="344"/>
      <c r="O179" s="344"/>
      <c r="P179" s="344"/>
      <c r="Q179" s="344"/>
      <c r="R179" s="344"/>
      <c r="S179" s="344"/>
      <c r="T179" s="344"/>
      <c r="U179" s="344"/>
      <c r="V179" s="344"/>
      <c r="W179" s="231"/>
    </row>
    <row r="180" spans="1:23" s="5" customFormat="1" ht="72" customHeight="1">
      <c r="A180" s="342" t="s">
        <v>541</v>
      </c>
      <c r="B180" s="342"/>
      <c r="C180" s="342"/>
      <c r="D180" s="342"/>
      <c r="E180" s="342"/>
      <c r="F180" s="342"/>
      <c r="G180" s="342"/>
      <c r="H180" s="342"/>
      <c r="I180" s="342"/>
      <c r="J180" s="342"/>
      <c r="K180" s="342"/>
      <c r="L180" s="342"/>
      <c r="M180" s="342"/>
      <c r="N180" s="342"/>
      <c r="O180" s="342"/>
      <c r="P180" s="342"/>
      <c r="Q180" s="342"/>
      <c r="R180" s="342"/>
      <c r="S180" s="342"/>
      <c r="T180" s="342"/>
      <c r="U180" s="342"/>
      <c r="V180" s="342"/>
    </row>
    <row r="181" spans="1:23" s="5" customFormat="1" ht="48.75" customHeight="1">
      <c r="A181" s="62" t="s">
        <v>244</v>
      </c>
      <c r="B181" s="339" t="s">
        <v>225</v>
      </c>
      <c r="C181" s="340"/>
      <c r="D181" s="340"/>
      <c r="E181" s="340"/>
      <c r="F181" s="340"/>
      <c r="G181" s="340"/>
      <c r="H181" s="341"/>
      <c r="I181" s="334" t="s">
        <v>224</v>
      </c>
      <c r="J181" s="335"/>
      <c r="K181" s="335"/>
      <c r="L181" s="335"/>
      <c r="M181" s="335"/>
      <c r="N181" s="335"/>
      <c r="O181" s="336"/>
      <c r="P181" s="334" t="s">
        <v>223</v>
      </c>
      <c r="Q181" s="335"/>
      <c r="R181" s="335"/>
      <c r="S181" s="335"/>
      <c r="T181" s="335"/>
      <c r="U181" s="335"/>
      <c r="V181" s="336"/>
    </row>
    <row r="182" spans="1:23" s="5" customFormat="1" ht="43.5" customHeight="1">
      <c r="A182" s="35" t="s">
        <v>70</v>
      </c>
      <c r="B182" s="63" t="s">
        <v>71</v>
      </c>
      <c r="C182" s="64" t="s">
        <v>550</v>
      </c>
      <c r="D182" s="65" t="s">
        <v>72</v>
      </c>
      <c r="E182" s="64" t="s">
        <v>329</v>
      </c>
      <c r="F182" s="65" t="s">
        <v>333</v>
      </c>
      <c r="G182" s="64" t="s">
        <v>331</v>
      </c>
      <c r="H182" s="65" t="s">
        <v>334</v>
      </c>
      <c r="I182" s="36" t="s">
        <v>71</v>
      </c>
      <c r="J182" s="37" t="s">
        <v>550</v>
      </c>
      <c r="K182" s="38" t="s">
        <v>72</v>
      </c>
      <c r="L182" s="36" t="s">
        <v>329</v>
      </c>
      <c r="M182" s="38" t="s">
        <v>333</v>
      </c>
      <c r="N182" s="37" t="s">
        <v>331</v>
      </c>
      <c r="O182" s="38" t="s">
        <v>333</v>
      </c>
      <c r="P182" s="63" t="s">
        <v>71</v>
      </c>
      <c r="Q182" s="64" t="s">
        <v>550</v>
      </c>
      <c r="R182" s="65" t="s">
        <v>72</v>
      </c>
      <c r="S182" s="63" t="s">
        <v>329</v>
      </c>
      <c r="T182" s="65" t="s">
        <v>333</v>
      </c>
      <c r="U182" s="64" t="s">
        <v>331</v>
      </c>
      <c r="V182" s="65" t="s">
        <v>333</v>
      </c>
    </row>
    <row r="183" spans="1:23" s="5" customFormat="1" ht="64.5" customHeight="1">
      <c r="A183" s="39"/>
      <c r="B183" s="66" t="s">
        <v>73</v>
      </c>
      <c r="C183" s="67" t="s">
        <v>245</v>
      </c>
      <c r="D183" s="68" t="s">
        <v>75</v>
      </c>
      <c r="E183" s="67" t="s">
        <v>330</v>
      </c>
      <c r="F183" s="68" t="s">
        <v>87</v>
      </c>
      <c r="G183" s="67" t="s">
        <v>332</v>
      </c>
      <c r="H183" s="68" t="s">
        <v>87</v>
      </c>
      <c r="I183" s="40" t="s">
        <v>73</v>
      </c>
      <c r="J183" s="41" t="s">
        <v>245</v>
      </c>
      <c r="K183" s="42" t="s">
        <v>75</v>
      </c>
      <c r="L183" s="40" t="s">
        <v>330</v>
      </c>
      <c r="M183" s="42" t="s">
        <v>87</v>
      </c>
      <c r="N183" s="126" t="s">
        <v>332</v>
      </c>
      <c r="O183" s="42" t="s">
        <v>87</v>
      </c>
      <c r="P183" s="66" t="s">
        <v>73</v>
      </c>
      <c r="Q183" s="67" t="s">
        <v>245</v>
      </c>
      <c r="R183" s="68" t="s">
        <v>75</v>
      </c>
      <c r="S183" s="66" t="s">
        <v>330</v>
      </c>
      <c r="T183" s="68" t="s">
        <v>87</v>
      </c>
      <c r="U183" s="259" t="s">
        <v>332</v>
      </c>
      <c r="V183" s="68" t="s">
        <v>87</v>
      </c>
    </row>
    <row r="184" spans="1:23" s="5" customFormat="1">
      <c r="A184" s="43" t="s">
        <v>348</v>
      </c>
      <c r="B184" s="69">
        <v>13595</v>
      </c>
      <c r="C184" s="70">
        <v>66.671008525665897</v>
      </c>
      <c r="D184" s="71">
        <v>0.4352659319735202</v>
      </c>
      <c r="E184" s="278">
        <v>0.29427832367242951</v>
      </c>
      <c r="F184" s="279">
        <v>7.8162492592661649E-3</v>
      </c>
      <c r="G184" s="278">
        <v>0.26440420139730286</v>
      </c>
      <c r="H184" s="279">
        <v>7.5642652928588853E-3</v>
      </c>
      <c r="I184" s="69">
        <v>13488</v>
      </c>
      <c r="J184" s="70">
        <v>66.618202836074161</v>
      </c>
      <c r="K184" s="71">
        <v>0.44084708176087417</v>
      </c>
      <c r="L184" s="278">
        <v>0.2976766307416695</v>
      </c>
      <c r="M184" s="279">
        <v>7.8733211221182799E-3</v>
      </c>
      <c r="N184" s="278">
        <v>0.27811808775732949</v>
      </c>
      <c r="O184" s="279">
        <v>7.715624666684703E-3</v>
      </c>
      <c r="P184" s="69">
        <v>13500</v>
      </c>
      <c r="Q184" s="70">
        <v>67.647801110856562</v>
      </c>
      <c r="R184" s="71">
        <v>0.4229868689948128</v>
      </c>
      <c r="S184" s="278">
        <v>0.28061620895654121</v>
      </c>
      <c r="T184" s="279">
        <v>7.7333229177852549E-3</v>
      </c>
      <c r="U184" s="278">
        <v>0.28447116453549126</v>
      </c>
      <c r="V184" s="279">
        <v>7.765346301956827E-3</v>
      </c>
    </row>
    <row r="185" spans="1:23" s="5" customFormat="1">
      <c r="A185" s="47" t="s">
        <v>349</v>
      </c>
      <c r="B185" s="72">
        <v>10073</v>
      </c>
      <c r="C185" s="73">
        <v>69.017358204016944</v>
      </c>
      <c r="D185" s="74">
        <v>0.49241329407288709</v>
      </c>
      <c r="E185" s="281">
        <v>0.25722059746896392</v>
      </c>
      <c r="F185" s="282">
        <v>8.7096425078187715E-3</v>
      </c>
      <c r="G185" s="281">
        <v>0.29983537550732603</v>
      </c>
      <c r="H185" s="282">
        <v>9.1293272634278416E-3</v>
      </c>
      <c r="I185" s="72">
        <v>9989</v>
      </c>
      <c r="J185" s="73">
        <v>68.856140725307412</v>
      </c>
      <c r="K185" s="74">
        <v>0.50027931883321508</v>
      </c>
      <c r="L185" s="281">
        <v>0.26323630773319057</v>
      </c>
      <c r="M185" s="282">
        <v>8.8118944317164601E-3</v>
      </c>
      <c r="N185" s="281">
        <v>0.31720661259196503</v>
      </c>
      <c r="O185" s="282">
        <v>9.3116068896594226E-3</v>
      </c>
      <c r="P185" s="72">
        <v>10003</v>
      </c>
      <c r="Q185" s="73">
        <v>70.109356682736859</v>
      </c>
      <c r="R185" s="74">
        <v>0.47747551305841629</v>
      </c>
      <c r="S185" s="281">
        <v>0.24142759489581603</v>
      </c>
      <c r="T185" s="282">
        <v>8.5572333156978906E-3</v>
      </c>
      <c r="U185" s="281">
        <v>0.32555929066739525</v>
      </c>
      <c r="V185" s="282">
        <v>9.3689092615848318E-3</v>
      </c>
    </row>
    <row r="186" spans="1:23" s="5" customFormat="1">
      <c r="A186" s="43" t="s">
        <v>350</v>
      </c>
      <c r="B186" s="52">
        <v>3522</v>
      </c>
      <c r="C186" s="53">
        <v>64.681314939341803</v>
      </c>
      <c r="D186" s="54">
        <v>0.89516544038157875</v>
      </c>
      <c r="E186" s="275">
        <v>0.3257031026945264</v>
      </c>
      <c r="F186" s="284">
        <v>1.5786776890086018E-2</v>
      </c>
      <c r="G186" s="275">
        <v>0.23435873096588655</v>
      </c>
      <c r="H186" s="284">
        <v>1.4273669403777344E-2</v>
      </c>
      <c r="I186" s="52">
        <v>3499</v>
      </c>
      <c r="J186" s="53">
        <v>64.722765909225885</v>
      </c>
      <c r="K186" s="54">
        <v>0.90037310350955169</v>
      </c>
      <c r="L186" s="275">
        <v>0.32684609979480589</v>
      </c>
      <c r="M186" s="284">
        <v>1.5852811422488372E-2</v>
      </c>
      <c r="N186" s="275">
        <v>0.24501179211611837</v>
      </c>
      <c r="O186" s="284">
        <v>1.4539438784733552E-2</v>
      </c>
      <c r="P186" s="52">
        <v>3497</v>
      </c>
      <c r="Q186" s="53">
        <v>65.559882620440547</v>
      </c>
      <c r="R186" s="54">
        <v>0.87150522196120939</v>
      </c>
      <c r="S186" s="275">
        <v>0.31385642211518133</v>
      </c>
      <c r="T186" s="284">
        <v>1.5688691668993459E-2</v>
      </c>
      <c r="U186" s="275">
        <v>0.24961976436098715</v>
      </c>
      <c r="V186" s="284">
        <v>1.4634572147230528E-2</v>
      </c>
    </row>
    <row r="187" spans="1:23" s="5" customFormat="1">
      <c r="A187" s="47" t="s">
        <v>568</v>
      </c>
      <c r="B187" s="72">
        <v>11214</v>
      </c>
      <c r="C187" s="73">
        <v>66.614968113794347</v>
      </c>
      <c r="D187" s="74">
        <v>0.48688720741865971</v>
      </c>
      <c r="E187" s="281">
        <v>0.29499318320414664</v>
      </c>
      <c r="F187" s="282">
        <v>8.6120434482531757E-3</v>
      </c>
      <c r="G187" s="281">
        <v>0.26332518977671904</v>
      </c>
      <c r="H187" s="282">
        <v>8.3176586692803069E-3</v>
      </c>
      <c r="I187" s="72">
        <v>11117</v>
      </c>
      <c r="J187" s="73">
        <v>66.555225040529862</v>
      </c>
      <c r="K187" s="74">
        <v>0.49352553890141643</v>
      </c>
      <c r="L187" s="281">
        <v>0.29841423195668038</v>
      </c>
      <c r="M187" s="282">
        <v>8.6783775130692391E-3</v>
      </c>
      <c r="N187" s="281">
        <v>0.27691960874491334</v>
      </c>
      <c r="O187" s="282">
        <v>8.4872507662403212E-3</v>
      </c>
      <c r="P187" s="72">
        <v>11126</v>
      </c>
      <c r="Q187" s="73">
        <v>67.589866737003689</v>
      </c>
      <c r="R187" s="74">
        <v>0.47250981163680672</v>
      </c>
      <c r="S187" s="281">
        <v>0.2813179574908985</v>
      </c>
      <c r="T187" s="282">
        <v>8.5248441192596613E-3</v>
      </c>
      <c r="U187" s="281">
        <v>0.28323486152979471</v>
      </c>
      <c r="V187" s="282">
        <v>8.5424081770277705E-3</v>
      </c>
    </row>
    <row r="188" spans="1:23" s="5" customFormat="1">
      <c r="A188" s="43" t="s">
        <v>569</v>
      </c>
      <c r="B188" s="52">
        <v>2381</v>
      </c>
      <c r="C188" s="53">
        <v>73.409736717687025</v>
      </c>
      <c r="D188" s="54">
        <v>0.91994228545897938</v>
      </c>
      <c r="E188" s="275">
        <v>0.20831814031888837</v>
      </c>
      <c r="F188" s="284">
        <v>1.6645613439561821E-2</v>
      </c>
      <c r="G188" s="275">
        <v>0.39415282001521734</v>
      </c>
      <c r="H188" s="284">
        <v>2.0013996078451567E-2</v>
      </c>
      <c r="I188" s="52">
        <v>2371</v>
      </c>
      <c r="J188" s="53">
        <v>74.18401142373591</v>
      </c>
      <c r="K188" s="54">
        <v>0.9214530619495318</v>
      </c>
      <c r="L188" s="275">
        <v>0.20906524702244136</v>
      </c>
      <c r="M188" s="284">
        <v>1.6702566725174207E-2</v>
      </c>
      <c r="N188" s="275">
        <v>0.42209681432064239</v>
      </c>
      <c r="O188" s="284">
        <v>2.0269822799964466E-2</v>
      </c>
      <c r="P188" s="52">
        <v>2374</v>
      </c>
      <c r="Q188" s="53">
        <v>74.622617807222227</v>
      </c>
      <c r="R188" s="54">
        <v>0.89911825213980312</v>
      </c>
      <c r="S188" s="275">
        <v>0.19613152277495127</v>
      </c>
      <c r="T188" s="284">
        <v>1.6301115329788941E-2</v>
      </c>
      <c r="U188" s="275">
        <v>0.43331176248197245</v>
      </c>
      <c r="V188" s="284">
        <v>2.0324020678967925E-2</v>
      </c>
    </row>
    <row r="189" spans="1:23" s="5" customFormat="1">
      <c r="A189" s="47" t="s">
        <v>570</v>
      </c>
      <c r="B189" s="72">
        <v>609</v>
      </c>
      <c r="C189" s="73">
        <v>75.226268469975707</v>
      </c>
      <c r="D189" s="74">
        <v>1.7839479019939457</v>
      </c>
      <c r="E189" s="281">
        <v>0.15682492236589271</v>
      </c>
      <c r="F189" s="282">
        <v>2.9543874084167681E-2</v>
      </c>
      <c r="G189" s="281">
        <v>0.40033715971320072</v>
      </c>
      <c r="H189" s="282">
        <v>3.9589782532326659E-2</v>
      </c>
      <c r="I189" s="72">
        <v>605</v>
      </c>
      <c r="J189" s="73">
        <v>76.192022355969655</v>
      </c>
      <c r="K189" s="74">
        <v>1.7888716155291577</v>
      </c>
      <c r="L189" s="281">
        <v>0.16993317570289995</v>
      </c>
      <c r="M189" s="282">
        <v>3.0591574323933005E-2</v>
      </c>
      <c r="N189" s="281">
        <v>0.43567059156188681</v>
      </c>
      <c r="O189" s="282">
        <v>4.0189690631283435E-2</v>
      </c>
      <c r="P189" s="72">
        <v>609</v>
      </c>
      <c r="Q189" s="73">
        <v>77.384157144279627</v>
      </c>
      <c r="R189" s="74">
        <v>1.6648972604809915</v>
      </c>
      <c r="S189" s="281">
        <v>0.14642611743455838</v>
      </c>
      <c r="T189" s="282">
        <v>2.8743303015794607E-2</v>
      </c>
      <c r="U189" s="281">
        <v>0.46038997813927013</v>
      </c>
      <c r="V189" s="282">
        <v>4.0264334997602916E-2</v>
      </c>
    </row>
    <row r="190" spans="1:23" s="5" customFormat="1">
      <c r="A190" s="43" t="s">
        <v>571</v>
      </c>
      <c r="B190" s="52">
        <v>1275</v>
      </c>
      <c r="C190" s="53">
        <v>77.331811628926346</v>
      </c>
      <c r="D190" s="54">
        <v>1.1435179312807806</v>
      </c>
      <c r="E190" s="275">
        <v>0.15141559703664315</v>
      </c>
      <c r="F190" s="284">
        <v>2.0105100204412099E-2</v>
      </c>
      <c r="G190" s="275">
        <v>0.4415180587314016</v>
      </c>
      <c r="H190" s="284">
        <v>2.7771052234128023E-2</v>
      </c>
      <c r="I190" s="52">
        <v>1270</v>
      </c>
      <c r="J190" s="53">
        <v>77.615879446348757</v>
      </c>
      <c r="K190" s="54">
        <v>1.157332744802456</v>
      </c>
      <c r="L190" s="275">
        <v>0.15416879398616529</v>
      </c>
      <c r="M190" s="284">
        <v>2.0292261247202296E-2</v>
      </c>
      <c r="N190" s="275">
        <v>0.45871018912606004</v>
      </c>
      <c r="O190" s="284">
        <v>2.7921500197922222E-2</v>
      </c>
      <c r="P190" s="52">
        <v>1272</v>
      </c>
      <c r="Q190" s="53">
        <v>78.150187061644147</v>
      </c>
      <c r="R190" s="54">
        <v>1.1316148740730658</v>
      </c>
      <c r="S190" s="275">
        <v>0.14559553792257943</v>
      </c>
      <c r="T190" s="284">
        <v>1.9809731277764833E-2</v>
      </c>
      <c r="U190" s="275">
        <v>0.48167931297402999</v>
      </c>
      <c r="V190" s="284">
        <v>2.7975944296018546E-2</v>
      </c>
    </row>
    <row r="191" spans="1:23" s="5" customFormat="1">
      <c r="A191" s="47" t="s">
        <v>582</v>
      </c>
      <c r="B191" s="72">
        <v>871</v>
      </c>
      <c r="C191" s="73">
        <v>71.970668824085479</v>
      </c>
      <c r="D191" s="74">
        <v>1.6002933272280369</v>
      </c>
      <c r="E191" s="281">
        <v>0.24106736065089548</v>
      </c>
      <c r="F191" s="282">
        <v>2.8968197748505856E-2</v>
      </c>
      <c r="G191" s="281">
        <v>0.36585412541416801</v>
      </c>
      <c r="H191" s="282">
        <v>3.257827742826612E-2</v>
      </c>
      <c r="I191" s="72">
        <v>866</v>
      </c>
      <c r="J191" s="73">
        <v>72.182455208599947</v>
      </c>
      <c r="K191" s="74">
        <v>1.5949859193328519</v>
      </c>
      <c r="L191" s="281">
        <v>0.24343392338972542</v>
      </c>
      <c r="M191" s="282">
        <v>2.9147090688172794E-2</v>
      </c>
      <c r="N191" s="281">
        <v>0.38461879120041159</v>
      </c>
      <c r="O191" s="282">
        <v>3.2996642950421221E-2</v>
      </c>
      <c r="P191" s="72">
        <v>866</v>
      </c>
      <c r="Q191" s="73">
        <v>72.252980164505729</v>
      </c>
      <c r="R191" s="74">
        <v>1.584141604336885</v>
      </c>
      <c r="S191" s="281">
        <v>0.23766763393237736</v>
      </c>
      <c r="T191" s="282">
        <v>2.8912319822053459E-2</v>
      </c>
      <c r="U191" s="281">
        <v>0.38653197364898018</v>
      </c>
      <c r="V191" s="282">
        <v>3.3026852577004918E-2</v>
      </c>
    </row>
    <row r="192" spans="1:23" s="5" customFormat="1">
      <c r="A192" s="43" t="s">
        <v>583</v>
      </c>
      <c r="B192" s="52">
        <v>1510</v>
      </c>
      <c r="C192" s="53">
        <v>73.992315289338066</v>
      </c>
      <c r="D192" s="54">
        <v>1.1158952870829151</v>
      </c>
      <c r="E192" s="275">
        <v>0.19506025715123212</v>
      </c>
      <c r="F192" s="284">
        <v>2.0399086642865761E-2</v>
      </c>
      <c r="G192" s="275">
        <v>0.40560899463600036</v>
      </c>
      <c r="H192" s="284">
        <v>2.5240578487896223E-2</v>
      </c>
      <c r="I192" s="52">
        <v>1505</v>
      </c>
      <c r="J192" s="53">
        <v>74.996044309544828</v>
      </c>
      <c r="K192" s="54">
        <v>1.1200655453013737</v>
      </c>
      <c r="L192" s="275">
        <v>0.19512184876017324</v>
      </c>
      <c r="M192" s="284">
        <v>2.043538298254189E-2</v>
      </c>
      <c r="N192" s="275">
        <v>0.43730167693634131</v>
      </c>
      <c r="O192" s="284">
        <v>2.554066046491869E-2</v>
      </c>
      <c r="P192" s="52">
        <v>1508</v>
      </c>
      <c r="Q192" s="53">
        <v>75.579752806687466</v>
      </c>
      <c r="R192" s="54">
        <v>1.077747714275175</v>
      </c>
      <c r="S192" s="275">
        <v>0.17935441516415332</v>
      </c>
      <c r="T192" s="284">
        <v>1.9769148952771876E-2</v>
      </c>
      <c r="U192" s="275">
        <v>0.45220687638146723</v>
      </c>
      <c r="V192" s="284">
        <v>2.5600093365977523E-2</v>
      </c>
    </row>
    <row r="193" spans="1:22" s="5" customFormat="1">
      <c r="A193" s="47" t="s">
        <v>572</v>
      </c>
      <c r="B193" s="72">
        <v>294</v>
      </c>
      <c r="C193" s="73">
        <v>62.567746492828086</v>
      </c>
      <c r="D193" s="74">
        <v>3.2413263389148561</v>
      </c>
      <c r="E193" s="281">
        <v>0.38831608759905512</v>
      </c>
      <c r="F193" s="282">
        <v>5.6504357492230928E-2</v>
      </c>
      <c r="G193" s="281">
        <v>0.28766600324749025</v>
      </c>
      <c r="H193" s="282">
        <v>5.2599092254894723E-2</v>
      </c>
      <c r="I193" s="72">
        <v>293</v>
      </c>
      <c r="J193" s="73">
        <v>63.195739808211066</v>
      </c>
      <c r="K193" s="74">
        <v>3.1946195214474855</v>
      </c>
      <c r="L193" s="281">
        <v>0.39839519363732928</v>
      </c>
      <c r="M193" s="282">
        <v>5.6847917596328672E-2</v>
      </c>
      <c r="N193" s="281">
        <v>0.29303222606870971</v>
      </c>
      <c r="O193" s="282">
        <v>5.2967227423246027E-2</v>
      </c>
      <c r="P193" s="72">
        <v>293</v>
      </c>
      <c r="Q193" s="73">
        <v>62.934481870534938</v>
      </c>
      <c r="R193" s="74">
        <v>3.1549704460997501</v>
      </c>
      <c r="S193" s="281">
        <v>0.37925651853567977</v>
      </c>
      <c r="T193" s="282">
        <v>5.6355182812065835E-2</v>
      </c>
      <c r="U193" s="281">
        <v>0.28445437071244478</v>
      </c>
      <c r="V193" s="282">
        <v>5.2516869191402887E-2</v>
      </c>
    </row>
    <row r="194" spans="1:22" s="5" customFormat="1">
      <c r="A194" s="43" t="s">
        <v>573</v>
      </c>
      <c r="B194" s="69">
        <v>445</v>
      </c>
      <c r="C194" s="70">
        <v>70.595155632017438</v>
      </c>
      <c r="D194" s="71">
        <v>2.1040103868768836</v>
      </c>
      <c r="E194" s="278">
        <v>0.23012186155940534</v>
      </c>
      <c r="F194" s="279">
        <v>3.9872594886524913E-2</v>
      </c>
      <c r="G194" s="278">
        <v>0.2910352433520404</v>
      </c>
      <c r="H194" s="279">
        <v>4.2954192525771998E-2</v>
      </c>
      <c r="I194" s="69">
        <v>442</v>
      </c>
      <c r="J194" s="70">
        <v>71.426012510920231</v>
      </c>
      <c r="K194" s="71">
        <v>2.0778977964726888</v>
      </c>
      <c r="L194" s="278">
        <v>0.21570609242811256</v>
      </c>
      <c r="M194" s="279">
        <v>3.9118104878368663E-2</v>
      </c>
      <c r="N194" s="278">
        <v>0.3124137425181559</v>
      </c>
      <c r="O194" s="279">
        <v>4.3956740994907414E-2</v>
      </c>
      <c r="P194" s="69">
        <v>444</v>
      </c>
      <c r="Q194" s="70">
        <v>71.73247103644843</v>
      </c>
      <c r="R194" s="71">
        <v>2.0389741884196355</v>
      </c>
      <c r="S194" s="278">
        <v>0.21881711479919633</v>
      </c>
      <c r="T194" s="279">
        <v>3.9227101599584827E-2</v>
      </c>
      <c r="U194" s="278">
        <v>0.33833618484724731</v>
      </c>
      <c r="V194" s="279">
        <v>4.4754232361195717E-2</v>
      </c>
    </row>
    <row r="195" spans="1:22" s="5" customFormat="1">
      <c r="A195" s="47" t="s">
        <v>574</v>
      </c>
      <c r="B195" s="72">
        <v>677</v>
      </c>
      <c r="C195" s="73">
        <v>75.924151905970774</v>
      </c>
      <c r="D195" s="74">
        <v>1.6590788256821041</v>
      </c>
      <c r="E195" s="281">
        <v>0.1599159896953839</v>
      </c>
      <c r="F195" s="282">
        <v>2.8232051834165071E-2</v>
      </c>
      <c r="G195" s="281">
        <v>0.38761987087937572</v>
      </c>
      <c r="H195" s="282">
        <v>3.7351262157499329E-2</v>
      </c>
      <c r="I195" s="72">
        <v>673</v>
      </c>
      <c r="J195" s="73">
        <v>76.55589280625648</v>
      </c>
      <c r="K195" s="74">
        <v>1.6945035752072113</v>
      </c>
      <c r="L195" s="281">
        <v>0.17272622597363896</v>
      </c>
      <c r="M195" s="282">
        <v>2.9184263297467861E-2</v>
      </c>
      <c r="N195" s="281">
        <v>0.42978321464347746</v>
      </c>
      <c r="O195" s="282">
        <v>3.8056763376086454E-2</v>
      </c>
      <c r="P195" s="72">
        <v>676</v>
      </c>
      <c r="Q195" s="73">
        <v>77.438895693876546</v>
      </c>
      <c r="R195" s="74">
        <v>1.6397246891485442</v>
      </c>
      <c r="S195" s="281">
        <v>0.15380065169471605</v>
      </c>
      <c r="T195" s="282">
        <v>2.7817885799779136E-2</v>
      </c>
      <c r="U195" s="281">
        <v>0.45311530757673885</v>
      </c>
      <c r="V195" s="282">
        <v>3.8181271234967014E-2</v>
      </c>
    </row>
    <row r="196" spans="1:22" s="5" customFormat="1">
      <c r="A196" s="43" t="s">
        <v>575</v>
      </c>
      <c r="B196" s="52">
        <v>937</v>
      </c>
      <c r="C196" s="53">
        <v>80.824763034457732</v>
      </c>
      <c r="D196" s="54">
        <v>1.3142006610462513</v>
      </c>
      <c r="E196" s="275">
        <v>0.1102725615791649</v>
      </c>
      <c r="F196" s="284">
        <v>2.0555625773591338E-2</v>
      </c>
      <c r="G196" s="275">
        <v>0.54000429810674366</v>
      </c>
      <c r="H196" s="284">
        <v>3.2495449379104806E-2</v>
      </c>
      <c r="I196" s="52">
        <v>935</v>
      </c>
      <c r="J196" s="53">
        <v>81.554421472353994</v>
      </c>
      <c r="K196" s="54">
        <v>1.3135267223224913</v>
      </c>
      <c r="L196" s="275">
        <v>0.10496440067470722</v>
      </c>
      <c r="M196" s="284">
        <v>2.0145748969665127E-2</v>
      </c>
      <c r="N196" s="275">
        <v>0.56383522572110345</v>
      </c>
      <c r="O196" s="284">
        <v>3.2368992594527843E-2</v>
      </c>
      <c r="P196" s="52">
        <v>934</v>
      </c>
      <c r="Q196" s="53">
        <v>82.36154209188463</v>
      </c>
      <c r="R196" s="54">
        <v>1.2506339371157797</v>
      </c>
      <c r="S196" s="275">
        <v>8.8355666094300109E-2</v>
      </c>
      <c r="T196" s="284">
        <v>1.8698719209498175E-2</v>
      </c>
      <c r="U196" s="275">
        <v>0.57275995884697173</v>
      </c>
      <c r="V196" s="284">
        <v>3.2306570100354787E-2</v>
      </c>
    </row>
    <row r="197" spans="1:22" s="5" customFormat="1">
      <c r="A197" s="47" t="s">
        <v>576</v>
      </c>
      <c r="B197" s="72">
        <v>756</v>
      </c>
      <c r="C197" s="73">
        <v>71.685920658619239</v>
      </c>
      <c r="D197" s="74">
        <v>1.6053232867116787</v>
      </c>
      <c r="E197" s="281">
        <v>0.2377281461285887</v>
      </c>
      <c r="F197" s="282">
        <v>3.0944401577724028E-2</v>
      </c>
      <c r="G197" s="281">
        <v>0.38624196627923624</v>
      </c>
      <c r="H197" s="282">
        <v>3.5332627770927411E-2</v>
      </c>
      <c r="I197" s="72">
        <v>752</v>
      </c>
      <c r="J197" s="73">
        <v>72.802930995791058</v>
      </c>
      <c r="K197" s="74">
        <v>1.6053122974474547</v>
      </c>
      <c r="L197" s="281">
        <v>0.23487357626938873</v>
      </c>
      <c r="M197" s="282">
        <v>3.0899208268703845E-2</v>
      </c>
      <c r="N197" s="281">
        <v>0.4034165783948454</v>
      </c>
      <c r="O197" s="282">
        <v>3.5691957677721292E-2</v>
      </c>
      <c r="P197" s="72">
        <v>755</v>
      </c>
      <c r="Q197" s="73">
        <v>74.408070018982684</v>
      </c>
      <c r="R197" s="74">
        <v>1.502382278162913</v>
      </c>
      <c r="S197" s="281">
        <v>0.20927431606326216</v>
      </c>
      <c r="T197" s="282">
        <v>2.9610301647539077E-2</v>
      </c>
      <c r="U197" s="281">
        <v>0.42310370769096667</v>
      </c>
      <c r="V197" s="282">
        <v>3.5870438835410731E-2</v>
      </c>
    </row>
    <row r="198" spans="1:22" s="5" customFormat="1">
      <c r="A198" s="55" t="s">
        <v>577</v>
      </c>
      <c r="B198" s="69">
        <v>768</v>
      </c>
      <c r="C198" s="70">
        <v>76.252993326519373</v>
      </c>
      <c r="D198" s="71">
        <v>1.5237116158323765</v>
      </c>
      <c r="E198" s="278">
        <v>0.15875169237339457</v>
      </c>
      <c r="F198" s="279">
        <v>2.6423533850951975E-2</v>
      </c>
      <c r="G198" s="278">
        <v>0.42243266569284221</v>
      </c>
      <c r="H198" s="279">
        <v>3.5559589937969038E-2</v>
      </c>
      <c r="I198" s="69">
        <v>765</v>
      </c>
      <c r="J198" s="70">
        <v>77.032561291928033</v>
      </c>
      <c r="K198" s="71">
        <v>1.5382561613950221</v>
      </c>
      <c r="L198" s="278">
        <v>0.16400297455708293</v>
      </c>
      <c r="M198" s="279">
        <v>2.6818990065029927E-2</v>
      </c>
      <c r="N198" s="278">
        <v>0.46103627751367682</v>
      </c>
      <c r="O198" s="279">
        <v>3.5952401778477049E-2</v>
      </c>
      <c r="P198" s="69">
        <v>765</v>
      </c>
      <c r="Q198" s="70">
        <v>76.464622105988468</v>
      </c>
      <c r="R198" s="71">
        <v>1.5072213583826086</v>
      </c>
      <c r="S198" s="278">
        <v>0.16395161350558596</v>
      </c>
      <c r="T198" s="279">
        <v>2.6815677298897847E-2</v>
      </c>
      <c r="U198" s="278">
        <v>0.46994818138882527</v>
      </c>
      <c r="V198" s="279">
        <v>3.5996406333033609E-2</v>
      </c>
    </row>
    <row r="199" spans="1:22" s="5" customFormat="1">
      <c r="A199" s="47" t="s">
        <v>578</v>
      </c>
      <c r="B199" s="72">
        <v>261</v>
      </c>
      <c r="C199" s="73">
        <v>71.316348469041017</v>
      </c>
      <c r="D199" s="74">
        <v>3.1672265140795788</v>
      </c>
      <c r="E199" s="281">
        <v>0.23398867508535293</v>
      </c>
      <c r="F199" s="282">
        <v>5.2320934839150617E-2</v>
      </c>
      <c r="G199" s="281">
        <v>0.36071128110297501</v>
      </c>
      <c r="H199" s="282">
        <v>5.907206132719621E-2</v>
      </c>
      <c r="I199" s="72">
        <v>259</v>
      </c>
      <c r="J199" s="73">
        <v>71.204995771705597</v>
      </c>
      <c r="K199" s="74">
        <v>3.2821728116398616</v>
      </c>
      <c r="L199" s="281">
        <v>0.2504047269100298</v>
      </c>
      <c r="M199" s="282">
        <v>5.3697190586426642E-2</v>
      </c>
      <c r="N199" s="281">
        <v>0.39262137373234673</v>
      </c>
      <c r="O199" s="282">
        <v>6.0267829487441242E-2</v>
      </c>
      <c r="P199" s="72">
        <v>259</v>
      </c>
      <c r="Q199" s="73">
        <v>71.795271335893347</v>
      </c>
      <c r="R199" s="74">
        <v>3.2731658271761987</v>
      </c>
      <c r="S199" s="281">
        <v>0.22147557095892023</v>
      </c>
      <c r="T199" s="282">
        <v>5.1556151923681258E-2</v>
      </c>
      <c r="U199" s="281">
        <v>0.38806749491869602</v>
      </c>
      <c r="V199" s="282">
        <v>6.0145491908210481E-2</v>
      </c>
    </row>
    <row r="200" spans="1:22" s="5" customFormat="1">
      <c r="A200" s="55" t="s">
        <v>579</v>
      </c>
      <c r="B200" s="69">
        <v>222</v>
      </c>
      <c r="C200" s="70">
        <v>71.709826217587846</v>
      </c>
      <c r="D200" s="71">
        <v>3.0612835270336656</v>
      </c>
      <c r="E200" s="278">
        <v>0.23834702821090328</v>
      </c>
      <c r="F200" s="279">
        <v>5.7057604707976654E-2</v>
      </c>
      <c r="G200" s="278">
        <v>0.35471587043831276</v>
      </c>
      <c r="H200" s="279">
        <v>6.3751880342963779E-2</v>
      </c>
      <c r="I200" s="69">
        <v>223</v>
      </c>
      <c r="J200" s="70">
        <v>72.564952012291286</v>
      </c>
      <c r="K200" s="71">
        <v>2.9988605265445174</v>
      </c>
      <c r="L200" s="278">
        <v>0.22928794820525888</v>
      </c>
      <c r="M200" s="279">
        <v>5.6205250271708695E-2</v>
      </c>
      <c r="N200" s="278">
        <v>0.37214504826828426</v>
      </c>
      <c r="O200" s="279">
        <v>6.4244046994089449E-2</v>
      </c>
      <c r="P200" s="69">
        <v>222</v>
      </c>
      <c r="Q200" s="70">
        <v>72.981446042239526</v>
      </c>
      <c r="R200" s="71">
        <v>3.011023011771937</v>
      </c>
      <c r="S200" s="278">
        <v>0.23461760418794339</v>
      </c>
      <c r="T200" s="279">
        <v>5.6762685908824426E-2</v>
      </c>
      <c r="U200" s="278">
        <v>0.42280501279502486</v>
      </c>
      <c r="V200" s="279">
        <v>6.5749593035172985E-2</v>
      </c>
    </row>
    <row r="201" spans="1:22" s="5" customFormat="1">
      <c r="A201" s="47" t="s">
        <v>580</v>
      </c>
      <c r="B201" s="72">
        <v>223</v>
      </c>
      <c r="C201" s="73">
        <v>73.63789281543265</v>
      </c>
      <c r="D201" s="74">
        <v>3.1240830721890398</v>
      </c>
      <c r="E201" s="281">
        <v>0.21735277007993922</v>
      </c>
      <c r="F201" s="282">
        <v>5.5197079795426318E-2</v>
      </c>
      <c r="G201" s="281">
        <v>0.395455933136654</v>
      </c>
      <c r="H201" s="282">
        <v>6.495709511910884E-2</v>
      </c>
      <c r="I201" s="72">
        <v>222</v>
      </c>
      <c r="J201" s="73">
        <v>75.454970966963273</v>
      </c>
      <c r="K201" s="74">
        <v>2.9717598828540814</v>
      </c>
      <c r="L201" s="281">
        <v>0.18289464723698831</v>
      </c>
      <c r="M201" s="282">
        <v>5.2033378120791285E-2</v>
      </c>
      <c r="N201" s="281">
        <v>0.43151759310171106</v>
      </c>
      <c r="O201" s="282">
        <v>6.5914224611906921E-2</v>
      </c>
      <c r="P201" s="72">
        <v>222</v>
      </c>
      <c r="Q201" s="73">
        <v>75.348586452431817</v>
      </c>
      <c r="R201" s="74">
        <v>3.0175347308956226</v>
      </c>
      <c r="S201" s="281">
        <v>0.19119865083178947</v>
      </c>
      <c r="T201" s="282">
        <v>5.2879453668037237E-2</v>
      </c>
      <c r="U201" s="281">
        <v>0.42791086091653469</v>
      </c>
      <c r="V201" s="282">
        <v>6.5848510394783691E-2</v>
      </c>
    </row>
    <row r="202" spans="1:22" s="5" customFormat="1">
      <c r="A202" s="55" t="s">
        <v>581</v>
      </c>
      <c r="B202" s="69">
        <v>122</v>
      </c>
      <c r="C202" s="70">
        <v>75.588208768495235</v>
      </c>
      <c r="D202" s="71">
        <v>4.2039259134676827</v>
      </c>
      <c r="E202" s="278">
        <v>0.20593880969407571</v>
      </c>
      <c r="F202" s="279">
        <v>7.3231781125773263E-2</v>
      </c>
      <c r="G202" s="278">
        <v>0.44171549983270936</v>
      </c>
      <c r="H202" s="279">
        <v>8.8517809387542612E-2</v>
      </c>
      <c r="I202" s="69">
        <v>121</v>
      </c>
      <c r="J202" s="70">
        <v>76.910289815421422</v>
      </c>
      <c r="K202" s="71">
        <v>4.2155660214145882</v>
      </c>
      <c r="L202" s="278">
        <v>0.20259040522806987</v>
      </c>
      <c r="M202" s="279">
        <v>7.3128471173040291E-2</v>
      </c>
      <c r="N202" s="278">
        <v>0.45732190438928028</v>
      </c>
      <c r="O202" s="279">
        <v>8.9136889941922176E-2</v>
      </c>
      <c r="P202" s="69">
        <v>122</v>
      </c>
      <c r="Q202" s="70">
        <v>76.912159389701969</v>
      </c>
      <c r="R202" s="71">
        <v>3.9873972964091475</v>
      </c>
      <c r="S202" s="278">
        <v>0.18081647954485602</v>
      </c>
      <c r="T202" s="279">
        <v>7.003120811675663E-2</v>
      </c>
      <c r="U202" s="278">
        <v>0.47843152412790957</v>
      </c>
      <c r="V202" s="279">
        <v>8.9009339347685637E-2</v>
      </c>
    </row>
    <row r="203" spans="1:22" s="5" customFormat="1">
      <c r="A203" s="47" t="s">
        <v>584</v>
      </c>
      <c r="B203" s="72">
        <v>118</v>
      </c>
      <c r="C203" s="73">
        <v>62.469654334153105</v>
      </c>
      <c r="D203" s="74">
        <v>5.4099938086355621</v>
      </c>
      <c r="E203" s="281">
        <v>0.38471205301431138</v>
      </c>
      <c r="F203" s="282">
        <v>8.8255583160110104E-2</v>
      </c>
      <c r="G203" s="281">
        <v>0.24571473313476019</v>
      </c>
      <c r="H203" s="282">
        <v>7.8825301580073656E-2</v>
      </c>
      <c r="I203" s="72">
        <v>118</v>
      </c>
      <c r="J203" s="73">
        <v>65.005725259678357</v>
      </c>
      <c r="K203" s="74">
        <v>5.2183884125344706</v>
      </c>
      <c r="L203" s="281">
        <v>0.36475676114843131</v>
      </c>
      <c r="M203" s="282">
        <v>8.7382520018471757E-2</v>
      </c>
      <c r="N203" s="281">
        <v>0.31204530754890103</v>
      </c>
      <c r="O203" s="282">
        <v>8.433959072596145E-2</v>
      </c>
      <c r="P203" s="72">
        <v>116</v>
      </c>
      <c r="Q203" s="73">
        <v>63.475418729103247</v>
      </c>
      <c r="R203" s="74">
        <v>5.2430472667593184</v>
      </c>
      <c r="S203" s="281">
        <v>0.35027652531300069</v>
      </c>
      <c r="T203" s="282">
        <v>8.7378953951410834E-2</v>
      </c>
      <c r="U203" s="281">
        <v>0.28785405504638606</v>
      </c>
      <c r="V203" s="282">
        <v>8.3255527333229162E-2</v>
      </c>
    </row>
    <row r="204" spans="1:22" s="5" customFormat="1">
      <c r="A204" s="55" t="s">
        <v>585</v>
      </c>
      <c r="B204" s="69">
        <v>2263</v>
      </c>
      <c r="C204" s="70">
        <v>75.376279689475027</v>
      </c>
      <c r="D204" s="71">
        <v>0.91875606075489635</v>
      </c>
      <c r="E204" s="278">
        <v>0.17661031608902461</v>
      </c>
      <c r="F204" s="279">
        <v>1.6038542103563955E-2</v>
      </c>
      <c r="G204" s="278">
        <v>0.42083542314988237</v>
      </c>
      <c r="H204" s="279">
        <v>2.0738677628581968E-2</v>
      </c>
      <c r="I204" s="69">
        <v>2253</v>
      </c>
      <c r="J204" s="70">
        <v>75.847139476673306</v>
      </c>
      <c r="K204" s="71">
        <v>0.92493085001996234</v>
      </c>
      <c r="L204" s="278">
        <v>0.18085356129823235</v>
      </c>
      <c r="M204" s="279">
        <v>1.6223202598154331E-2</v>
      </c>
      <c r="N204" s="278">
        <v>0.44203841833129909</v>
      </c>
      <c r="O204" s="279">
        <v>2.0907728271194546E-2</v>
      </c>
      <c r="P204" s="69">
        <v>2258</v>
      </c>
      <c r="Q204" s="70">
        <v>76.593571317993337</v>
      </c>
      <c r="R204" s="71">
        <v>0.89808916505707259</v>
      </c>
      <c r="S204" s="278">
        <v>0.16887690645464537</v>
      </c>
      <c r="T204" s="279">
        <v>1.5776115197091406E-2</v>
      </c>
      <c r="U204" s="278">
        <v>0.45903036471826397</v>
      </c>
      <c r="V204" s="279">
        <v>2.0955403790821635E-2</v>
      </c>
    </row>
    <row r="205" spans="1:22" s="5" customFormat="1">
      <c r="A205" s="47" t="s">
        <v>620</v>
      </c>
      <c r="B205" s="72">
        <v>154</v>
      </c>
      <c r="C205" s="73">
        <v>76.058903928096143</v>
      </c>
      <c r="D205" s="74">
        <v>3.5305055292194294</v>
      </c>
      <c r="E205" s="281">
        <v>0.14630997339486604</v>
      </c>
      <c r="F205" s="282">
        <v>5.762321846770499E-2</v>
      </c>
      <c r="G205" s="281">
        <v>0.37934195356246514</v>
      </c>
      <c r="H205" s="282">
        <v>7.7323819737666832E-2</v>
      </c>
      <c r="I205" s="72">
        <v>154</v>
      </c>
      <c r="J205" s="73">
        <v>77.338801795408031</v>
      </c>
      <c r="K205" s="74">
        <v>3.3912087945941027</v>
      </c>
      <c r="L205" s="281">
        <v>0.15347944384536455</v>
      </c>
      <c r="M205" s="282">
        <v>5.8661519303635216E-2</v>
      </c>
      <c r="N205" s="281">
        <v>0.39318898781847267</v>
      </c>
      <c r="O205" s="282">
        <v>7.7812131085811809E-2</v>
      </c>
      <c r="P205" s="72">
        <v>154</v>
      </c>
      <c r="Q205" s="73">
        <v>78.197439347392248</v>
      </c>
      <c r="R205" s="74">
        <v>3.2000665066280671</v>
      </c>
      <c r="S205" s="281">
        <v>0.12080189740980565</v>
      </c>
      <c r="T205" s="282">
        <v>5.3579990373774818E-2</v>
      </c>
      <c r="U205" s="281">
        <v>0.44362430410627041</v>
      </c>
      <c r="V205" s="282">
        <v>7.9073858504862052E-2</v>
      </c>
    </row>
    <row r="206" spans="1:22" s="5" customFormat="1">
      <c r="A206" s="55" t="s">
        <v>621</v>
      </c>
      <c r="B206" s="69">
        <v>163</v>
      </c>
      <c r="C206" s="70">
        <v>78.059381728942512</v>
      </c>
      <c r="D206" s="71">
        <v>2.8611655200220252</v>
      </c>
      <c r="E206" s="278">
        <v>0.13910238392776286</v>
      </c>
      <c r="F206" s="279">
        <v>5.4918026905012199E-2</v>
      </c>
      <c r="G206" s="278">
        <v>0.47105924520334436</v>
      </c>
      <c r="H206" s="279">
        <v>7.7258734007104798E-2</v>
      </c>
      <c r="I206" s="69">
        <v>162</v>
      </c>
      <c r="J206" s="70">
        <v>78.940271331595739</v>
      </c>
      <c r="K206" s="71">
        <v>3.039190156214334</v>
      </c>
      <c r="L206" s="278">
        <v>0.11750425822675042</v>
      </c>
      <c r="M206" s="279">
        <v>5.1638877059849937E-2</v>
      </c>
      <c r="N206" s="278">
        <v>0.49665838894259928</v>
      </c>
      <c r="O206" s="279">
        <v>7.7613401725924833E-2</v>
      </c>
      <c r="P206" s="69">
        <v>163</v>
      </c>
      <c r="Q206" s="70">
        <v>78.936692777041358</v>
      </c>
      <c r="R206" s="71">
        <v>2.9711342711064375</v>
      </c>
      <c r="S206" s="278">
        <v>0.11518726764648451</v>
      </c>
      <c r="T206" s="279">
        <v>5.10788751343009E-2</v>
      </c>
      <c r="U206" s="278">
        <v>0.54604790737641984</v>
      </c>
      <c r="V206" s="279">
        <v>7.7069056871853989E-2</v>
      </c>
    </row>
    <row r="207" spans="1:22" s="5" customFormat="1">
      <c r="A207" s="47" t="s">
        <v>622</v>
      </c>
      <c r="B207" s="72">
        <v>997</v>
      </c>
      <c r="C207" s="73">
        <v>76.192815727151697</v>
      </c>
      <c r="D207" s="74">
        <v>1.3526497471661774</v>
      </c>
      <c r="E207" s="281">
        <v>0.15857875177406508</v>
      </c>
      <c r="F207" s="282">
        <v>2.3171280410350353E-2</v>
      </c>
      <c r="G207" s="281">
        <v>0.42077035816469421</v>
      </c>
      <c r="H207" s="282">
        <v>3.1210844457370986E-2</v>
      </c>
      <c r="I207" s="72">
        <v>990</v>
      </c>
      <c r="J207" s="73">
        <v>76.547403768147277</v>
      </c>
      <c r="K207" s="74">
        <v>1.3515582062511451</v>
      </c>
      <c r="L207" s="281">
        <v>0.17053732153315904</v>
      </c>
      <c r="M207" s="282">
        <v>2.393201240658463E-2</v>
      </c>
      <c r="N207" s="281">
        <v>0.44023551571430436</v>
      </c>
      <c r="O207" s="282">
        <v>3.1492511032542123E-2</v>
      </c>
      <c r="P207" s="72">
        <v>993</v>
      </c>
      <c r="Q207" s="73">
        <v>77.306503744270657</v>
      </c>
      <c r="R207" s="74">
        <v>1.304907109614214</v>
      </c>
      <c r="S207" s="281">
        <v>0.1571275823465787</v>
      </c>
      <c r="T207" s="282">
        <v>2.3132771442411704E-2</v>
      </c>
      <c r="U207" s="281">
        <v>0.44476116474005956</v>
      </c>
      <c r="V207" s="282">
        <v>3.1478008501915379E-2</v>
      </c>
    </row>
    <row r="208" spans="1:22" s="5" customFormat="1">
      <c r="A208" s="55" t="s">
        <v>623</v>
      </c>
      <c r="B208" s="69">
        <v>301</v>
      </c>
      <c r="C208" s="70">
        <v>76.18667765046446</v>
      </c>
      <c r="D208" s="71">
        <v>2.4825220228660165</v>
      </c>
      <c r="E208" s="278">
        <v>0.16755819861290638</v>
      </c>
      <c r="F208" s="279">
        <v>4.3209328234832735E-2</v>
      </c>
      <c r="G208" s="278">
        <v>0.41938793851467793</v>
      </c>
      <c r="H208" s="279">
        <v>5.6530395153455495E-2</v>
      </c>
      <c r="I208" s="69">
        <v>301</v>
      </c>
      <c r="J208" s="70">
        <v>77.743262986500241</v>
      </c>
      <c r="K208" s="71">
        <v>2.5225926610433302</v>
      </c>
      <c r="L208" s="278">
        <v>0.1583207453188244</v>
      </c>
      <c r="M208" s="279">
        <v>4.2278912096524193E-2</v>
      </c>
      <c r="N208" s="278">
        <v>0.4800421490260397</v>
      </c>
      <c r="O208" s="279">
        <v>5.7215389802121375E-2</v>
      </c>
      <c r="P208" s="69">
        <v>302</v>
      </c>
      <c r="Q208" s="70">
        <v>79.185827869072256</v>
      </c>
      <c r="R208" s="71">
        <v>2.3432059274329702</v>
      </c>
      <c r="S208" s="278">
        <v>0.13882886134006492</v>
      </c>
      <c r="T208" s="279">
        <v>4.0088698237249816E-2</v>
      </c>
      <c r="U208" s="278">
        <v>0.53445567988717746</v>
      </c>
      <c r="V208" s="279">
        <v>5.7033832524467219E-2</v>
      </c>
    </row>
    <row r="209" spans="1:22" s="5" customFormat="1">
      <c r="A209" s="47" t="s">
        <v>624</v>
      </c>
      <c r="B209" s="72">
        <v>318</v>
      </c>
      <c r="C209" s="73">
        <v>77.626490655522247</v>
      </c>
      <c r="D209" s="74">
        <v>2.2811651713115064</v>
      </c>
      <c r="E209" s="281">
        <v>0.14104159932679403</v>
      </c>
      <c r="F209" s="282">
        <v>3.9299811659254683E-2</v>
      </c>
      <c r="G209" s="281">
        <v>0.4355610384543292</v>
      </c>
      <c r="H209" s="282">
        <v>5.5274598995368275E-2</v>
      </c>
      <c r="I209" s="72">
        <v>317</v>
      </c>
      <c r="J209" s="73">
        <v>77.244499542095198</v>
      </c>
      <c r="K209" s="74">
        <v>2.3323537993452295</v>
      </c>
      <c r="L209" s="281">
        <v>0.14995498333768809</v>
      </c>
      <c r="M209" s="282">
        <v>4.0326271323995709E-2</v>
      </c>
      <c r="N209" s="281">
        <v>0.45008968230315527</v>
      </c>
      <c r="O209" s="282">
        <v>5.5542709605452469E-2</v>
      </c>
      <c r="P209" s="72">
        <v>318</v>
      </c>
      <c r="Q209" s="73">
        <v>78.39940975962287</v>
      </c>
      <c r="R209" s="74">
        <v>2.2190947512840364</v>
      </c>
      <c r="S209" s="281">
        <v>0.14493617828923949</v>
      </c>
      <c r="T209" s="282">
        <v>3.972614480371512E-2</v>
      </c>
      <c r="U209" s="281">
        <v>0.46683157334012593</v>
      </c>
      <c r="V209" s="282">
        <v>5.5608102819838585E-2</v>
      </c>
    </row>
    <row r="210" spans="1:22" s="5" customFormat="1">
      <c r="A210" s="55" t="s">
        <v>625</v>
      </c>
      <c r="B210" s="69">
        <v>1198</v>
      </c>
      <c r="C210" s="70">
        <v>72.1385514784279</v>
      </c>
      <c r="D210" s="71">
        <v>1.3238893995230585</v>
      </c>
      <c r="E210" s="278">
        <v>0.22824445887349243</v>
      </c>
      <c r="F210" s="279">
        <v>2.4244980221827271E-2</v>
      </c>
      <c r="G210" s="278">
        <v>0.37503846214363784</v>
      </c>
      <c r="H210" s="279">
        <v>2.7934340085787841E-2</v>
      </c>
      <c r="I210" s="69">
        <v>1191</v>
      </c>
      <c r="J210" s="70">
        <v>73.104976304467996</v>
      </c>
      <c r="K210" s="71">
        <v>1.3381958349379406</v>
      </c>
      <c r="L210" s="278">
        <v>0.22762097014591112</v>
      </c>
      <c r="M210" s="279">
        <v>2.4292878550869434E-2</v>
      </c>
      <c r="N210" s="278">
        <v>0.41714306389353795</v>
      </c>
      <c r="O210" s="279">
        <v>2.8530574436010987E-2</v>
      </c>
      <c r="P210" s="69">
        <v>1191</v>
      </c>
      <c r="Q210" s="70">
        <v>73.27381239549365</v>
      </c>
      <c r="R210" s="71">
        <v>1.3259707958697262</v>
      </c>
      <c r="S210" s="278">
        <v>0.21359662137068219</v>
      </c>
      <c r="T210" s="279">
        <v>2.3750538927793861E-2</v>
      </c>
      <c r="U210" s="278">
        <v>0.42191185142539239</v>
      </c>
      <c r="V210" s="279">
        <v>2.8575261826385125E-2</v>
      </c>
    </row>
    <row r="211" spans="1:22" s="5" customFormat="1">
      <c r="A211" s="47" t="s">
        <v>626</v>
      </c>
      <c r="B211" s="72">
        <v>1182</v>
      </c>
      <c r="C211" s="73">
        <v>76.032303231575199</v>
      </c>
      <c r="D211" s="74">
        <v>1.2771047474393324</v>
      </c>
      <c r="E211" s="281">
        <v>0.16927282117396164</v>
      </c>
      <c r="F211" s="282">
        <v>2.1834584313558034E-2</v>
      </c>
      <c r="G211" s="281">
        <v>0.43453702802193284</v>
      </c>
      <c r="H211" s="282">
        <v>2.8789136109984532E-2</v>
      </c>
      <c r="I211" s="72">
        <v>1179</v>
      </c>
      <c r="J211" s="73">
        <v>76.460414477633023</v>
      </c>
      <c r="K211" s="74">
        <v>1.265615947223834</v>
      </c>
      <c r="L211" s="281">
        <v>0.16806382249382901</v>
      </c>
      <c r="M211" s="282">
        <v>2.1800774268472625E-2</v>
      </c>
      <c r="N211" s="281">
        <v>0.43408616436477793</v>
      </c>
      <c r="O211" s="282">
        <v>2.8822170076305179E-2</v>
      </c>
      <c r="P211" s="72">
        <v>1182</v>
      </c>
      <c r="Q211" s="73">
        <v>77.372950946427935</v>
      </c>
      <c r="R211" s="74">
        <v>1.2118927014241814</v>
      </c>
      <c r="S211" s="281">
        <v>0.16241940532185364</v>
      </c>
      <c r="T211" s="282">
        <v>2.1480353135681571E-2</v>
      </c>
      <c r="U211" s="281">
        <v>0.45808442332246924</v>
      </c>
      <c r="V211" s="282">
        <v>2.8935872312879987E-2</v>
      </c>
    </row>
    <row r="212" spans="1:22" s="5" customFormat="1">
      <c r="A212" s="55" t="s">
        <v>627</v>
      </c>
      <c r="B212" s="69">
        <v>346</v>
      </c>
      <c r="C212" s="70">
        <v>75.391896649261739</v>
      </c>
      <c r="D212" s="71">
        <v>2.4572857760516009</v>
      </c>
      <c r="E212" s="278">
        <v>0.17476358246350152</v>
      </c>
      <c r="F212" s="279">
        <v>4.0935525080573763E-2</v>
      </c>
      <c r="G212" s="278">
        <v>0.41193889135662604</v>
      </c>
      <c r="H212" s="279">
        <v>5.2635835691667597E-2</v>
      </c>
      <c r="I212" s="69">
        <v>344</v>
      </c>
      <c r="J212" s="70">
        <v>75.607526104331114</v>
      </c>
      <c r="K212" s="71">
        <v>2.4749368337373214</v>
      </c>
      <c r="L212" s="278">
        <v>0.18255744672166505</v>
      </c>
      <c r="M212" s="279">
        <v>4.1734444886069991E-2</v>
      </c>
      <c r="N212" s="278">
        <v>0.4147531082857504</v>
      </c>
      <c r="O212" s="279">
        <v>5.2838842553454245E-2</v>
      </c>
      <c r="P212" s="69">
        <v>347</v>
      </c>
      <c r="Q212" s="70">
        <v>76.743268081259927</v>
      </c>
      <c r="R212" s="71">
        <v>2.3977504981274125</v>
      </c>
      <c r="S212" s="278">
        <v>0.17926351524658701</v>
      </c>
      <c r="T212" s="279">
        <v>4.1270341577582643E-2</v>
      </c>
      <c r="U212" s="278">
        <v>0.44419008572501062</v>
      </c>
      <c r="V212" s="279">
        <v>5.3050085492389688E-2</v>
      </c>
    </row>
    <row r="213" spans="1:22" s="5" customFormat="1">
      <c r="A213" s="47" t="s">
        <v>628</v>
      </c>
      <c r="B213" s="72">
        <v>836</v>
      </c>
      <c r="C213" s="73">
        <v>76.415693215321568</v>
      </c>
      <c r="D213" s="74">
        <v>1.4910745195077026</v>
      </c>
      <c r="E213" s="281">
        <v>0.16598568618864021</v>
      </c>
      <c r="F213" s="282">
        <v>2.5773226926044088E-2</v>
      </c>
      <c r="G213" s="281">
        <v>0.44806577598937719</v>
      </c>
      <c r="H213" s="282">
        <v>3.431842920764621E-2</v>
      </c>
      <c r="I213" s="72">
        <v>835</v>
      </c>
      <c r="J213" s="73">
        <v>76.969119331611665</v>
      </c>
      <c r="K213" s="74">
        <v>1.465189413263063</v>
      </c>
      <c r="L213" s="281">
        <v>0.15941910739717224</v>
      </c>
      <c r="M213" s="282">
        <v>2.5379884042467816E-2</v>
      </c>
      <c r="N213" s="281">
        <v>0.44561735622704995</v>
      </c>
      <c r="O213" s="282">
        <v>3.4320973950933843E-2</v>
      </c>
      <c r="P213" s="72">
        <v>835</v>
      </c>
      <c r="Q213" s="73">
        <v>77.750621911924227</v>
      </c>
      <c r="R213" s="74">
        <v>1.394252908806713</v>
      </c>
      <c r="S213" s="281">
        <v>0.15231665104648623</v>
      </c>
      <c r="T213" s="282">
        <v>2.4920965591548508E-2</v>
      </c>
      <c r="U213" s="281">
        <v>0.46641796419778492</v>
      </c>
      <c r="V213" s="282">
        <v>3.4446619638315155E-2</v>
      </c>
    </row>
    <row r="214" spans="1:22" s="5" customFormat="1">
      <c r="A214" s="55" t="s">
        <v>629</v>
      </c>
      <c r="B214" s="69">
        <v>217</v>
      </c>
      <c r="C214" s="70">
        <v>75.003284141823698</v>
      </c>
      <c r="D214" s="71">
        <v>2.8234937591123805</v>
      </c>
      <c r="E214" s="278">
        <v>0.15354256758153245</v>
      </c>
      <c r="F214" s="279">
        <v>4.9297876115689934E-2</v>
      </c>
      <c r="G214" s="278">
        <v>0.37105433957068895</v>
      </c>
      <c r="H214" s="279">
        <v>6.5074889195842339E-2</v>
      </c>
      <c r="I214" s="69">
        <v>214</v>
      </c>
      <c r="J214" s="70">
        <v>76.155928947159211</v>
      </c>
      <c r="K214" s="71">
        <v>2.8970870399399713</v>
      </c>
      <c r="L214" s="278">
        <v>0.17187591289326587</v>
      </c>
      <c r="M214" s="279">
        <v>5.1802263417963956E-2</v>
      </c>
      <c r="N214" s="278">
        <v>0.43244701022583859</v>
      </c>
      <c r="O214" s="279">
        <v>6.7130233779519863E-2</v>
      </c>
      <c r="P214" s="69">
        <v>216</v>
      </c>
      <c r="Q214" s="70">
        <v>77.369271943395589</v>
      </c>
      <c r="R214" s="71">
        <v>2.6401991095836079</v>
      </c>
      <c r="S214" s="278">
        <v>0.14441646583388509</v>
      </c>
      <c r="T214" s="279">
        <v>4.8263737082596611E-2</v>
      </c>
      <c r="U214" s="278">
        <v>0.44863799814113198</v>
      </c>
      <c r="V214" s="279">
        <v>6.7076212009101382E-2</v>
      </c>
    </row>
    <row r="215" spans="1:22" s="5" customFormat="1">
      <c r="A215" s="47" t="s">
        <v>630</v>
      </c>
      <c r="B215" s="72">
        <v>392</v>
      </c>
      <c r="C215" s="73">
        <v>75.502452383564474</v>
      </c>
      <c r="D215" s="74">
        <v>2.2901322849025427</v>
      </c>
      <c r="E215" s="281">
        <v>0.16089038112545737</v>
      </c>
      <c r="F215" s="282">
        <v>3.7242865416549475E-2</v>
      </c>
      <c r="G215" s="281">
        <v>0.43660627304012373</v>
      </c>
      <c r="H215" s="282">
        <v>4.985453714395411E-2</v>
      </c>
      <c r="I215" s="72">
        <v>391</v>
      </c>
      <c r="J215" s="73">
        <v>76.235400451319123</v>
      </c>
      <c r="K215" s="74">
        <v>2.2707118304169285</v>
      </c>
      <c r="L215" s="281">
        <v>0.16759833835003768</v>
      </c>
      <c r="M215" s="282">
        <v>3.7885315870957684E-2</v>
      </c>
      <c r="N215" s="281">
        <v>0.43954478419623982</v>
      </c>
      <c r="O215" s="282">
        <v>4.9953782591315887E-2</v>
      </c>
      <c r="P215" s="72">
        <v>393</v>
      </c>
      <c r="Q215" s="73">
        <v>77.402125204537469</v>
      </c>
      <c r="R215" s="74">
        <v>2.1353047361279001</v>
      </c>
      <c r="S215" s="281">
        <v>0.14885198600963392</v>
      </c>
      <c r="T215" s="282">
        <v>3.6075388287416348E-2</v>
      </c>
      <c r="U215" s="281">
        <v>0.474575899202826</v>
      </c>
      <c r="V215" s="282">
        <v>5.0124939605535074E-2</v>
      </c>
    </row>
    <row r="216" spans="1:22" s="5" customFormat="1">
      <c r="A216" s="55" t="s">
        <v>631</v>
      </c>
      <c r="B216" s="69">
        <v>56</v>
      </c>
      <c r="C216" s="70">
        <v>75.006006969875585</v>
      </c>
      <c r="D216" s="71">
        <v>7.3404483390445456</v>
      </c>
      <c r="E216" s="278">
        <v>0.17295722545995182</v>
      </c>
      <c r="F216" s="279">
        <v>0.10225086453278612</v>
      </c>
      <c r="G216" s="278">
        <v>0.45979250381209735</v>
      </c>
      <c r="H216" s="279">
        <v>0.12873531619516559</v>
      </c>
      <c r="I216" s="69">
        <v>55</v>
      </c>
      <c r="J216" s="70">
        <v>74.976060901884438</v>
      </c>
      <c r="K216" s="71">
        <v>7.1546075149508033</v>
      </c>
      <c r="L216" s="278">
        <v>0.19648742132435593</v>
      </c>
      <c r="M216" s="279">
        <v>0.10733995685340593</v>
      </c>
      <c r="N216" s="278">
        <v>0.43742130511624017</v>
      </c>
      <c r="O216" s="279">
        <v>0.12929978377994839</v>
      </c>
      <c r="P216" s="69">
        <v>56</v>
      </c>
      <c r="Q216" s="70">
        <v>77.37120978487485</v>
      </c>
      <c r="R216" s="71">
        <v>6.563868039225321</v>
      </c>
      <c r="S216" s="278">
        <v>0.16723571761241285</v>
      </c>
      <c r="T216" s="279">
        <v>0.10117314054914353</v>
      </c>
      <c r="U216" s="278">
        <v>0.47254053776047761</v>
      </c>
      <c r="V216" s="279">
        <v>0.12892973874682365</v>
      </c>
    </row>
    <row r="217" spans="1:22" s="5" customFormat="1">
      <c r="A217" s="47" t="s">
        <v>632</v>
      </c>
      <c r="B217" s="72">
        <v>336</v>
      </c>
      <c r="C217" s="73">
        <v>75.643453549220169</v>
      </c>
      <c r="D217" s="74">
        <v>2.3804301630575164</v>
      </c>
      <c r="E217" s="281">
        <v>0.15746313802876644</v>
      </c>
      <c r="F217" s="282">
        <v>3.9913583086125415E-2</v>
      </c>
      <c r="G217" s="281">
        <v>0.43002088524951787</v>
      </c>
      <c r="H217" s="282">
        <v>5.3711371458075335E-2</v>
      </c>
      <c r="I217" s="72">
        <v>336</v>
      </c>
      <c r="J217" s="73">
        <v>76.589734426561165</v>
      </c>
      <c r="K217" s="74">
        <v>2.3727861725330093</v>
      </c>
      <c r="L217" s="281">
        <v>0.15946996374607991</v>
      </c>
      <c r="M217" s="282">
        <v>4.0110396433524688E-2</v>
      </c>
      <c r="N217" s="281">
        <v>0.44014225672388158</v>
      </c>
      <c r="O217" s="282">
        <v>5.3851741940519685E-2</v>
      </c>
      <c r="P217" s="72">
        <v>337</v>
      </c>
      <c r="Q217" s="73">
        <v>77.41088977209148</v>
      </c>
      <c r="R217" s="74">
        <v>2.2429605523975993</v>
      </c>
      <c r="S217" s="281">
        <v>0.14364017069911189</v>
      </c>
      <c r="T217" s="282">
        <v>3.8440187053818964E-2</v>
      </c>
      <c r="U217" s="281">
        <v>0.47515292720545849</v>
      </c>
      <c r="V217" s="282">
        <v>5.4087690496579376E-2</v>
      </c>
    </row>
    <row r="218" spans="1:22" s="5" customFormat="1">
      <c r="A218" s="55" t="s">
        <v>633</v>
      </c>
      <c r="B218" s="69">
        <v>665</v>
      </c>
      <c r="C218" s="70">
        <v>77.444280814215261</v>
      </c>
      <c r="D218" s="71">
        <v>1.5707204315105081</v>
      </c>
      <c r="E218" s="278">
        <v>0.15137889036369717</v>
      </c>
      <c r="F218" s="279">
        <v>2.7870330803387789E-2</v>
      </c>
      <c r="G218" s="278">
        <v>0.44655711225424372</v>
      </c>
      <c r="H218" s="279">
        <v>3.844339770332058E-2</v>
      </c>
      <c r="I218" s="69">
        <v>661</v>
      </c>
      <c r="J218" s="70">
        <v>77.63949550356331</v>
      </c>
      <c r="K218" s="71">
        <v>1.6125161893626927</v>
      </c>
      <c r="L218" s="278">
        <v>0.15701351498187915</v>
      </c>
      <c r="M218" s="279">
        <v>2.8366158975080213E-2</v>
      </c>
      <c r="N218" s="278">
        <v>0.46498752303549884</v>
      </c>
      <c r="O218" s="279">
        <v>3.8684288311069646E-2</v>
      </c>
      <c r="P218" s="69">
        <v>661</v>
      </c>
      <c r="Q218" s="70">
        <v>77.998081956398238</v>
      </c>
      <c r="R218" s="71">
        <v>1.5915299680873543</v>
      </c>
      <c r="S218" s="278">
        <v>0.14616624365879483</v>
      </c>
      <c r="T218" s="279">
        <v>2.7563001069942111E-2</v>
      </c>
      <c r="U218" s="278">
        <v>0.48621691261389294</v>
      </c>
      <c r="V218" s="279">
        <v>3.8763776985229446E-2</v>
      </c>
    </row>
    <row r="219" spans="1:22" s="5" customFormat="1">
      <c r="A219" s="47" t="s">
        <v>634</v>
      </c>
      <c r="B219" s="72">
        <v>610</v>
      </c>
      <c r="C219" s="73">
        <v>77.138216397160917</v>
      </c>
      <c r="D219" s="74">
        <v>1.6688242349431721</v>
      </c>
      <c r="E219" s="281">
        <v>0.15147878089307434</v>
      </c>
      <c r="F219" s="282">
        <v>2.91140000265004E-2</v>
      </c>
      <c r="G219" s="281">
        <v>0.43284424525861892</v>
      </c>
      <c r="H219" s="282">
        <v>3.9995820144292427E-2</v>
      </c>
      <c r="I219" s="72">
        <v>609</v>
      </c>
      <c r="J219" s="73">
        <v>77.575398930143947</v>
      </c>
      <c r="K219" s="74">
        <v>1.6632029008961822</v>
      </c>
      <c r="L219" s="281">
        <v>0.14929262971714044</v>
      </c>
      <c r="M219" s="282">
        <v>2.8968596028652781E-2</v>
      </c>
      <c r="N219" s="281">
        <v>0.44795014926272186</v>
      </c>
      <c r="O219" s="282">
        <v>4.0173039592222903E-2</v>
      </c>
      <c r="P219" s="72">
        <v>611</v>
      </c>
      <c r="Q219" s="73">
        <v>78.410091179266786</v>
      </c>
      <c r="R219" s="74">
        <v>1.6092190585282955</v>
      </c>
      <c r="S219" s="281">
        <v>0.14462036506067158</v>
      </c>
      <c r="T219" s="282">
        <v>2.8552371522695928E-2</v>
      </c>
      <c r="U219" s="281">
        <v>0.47392585309759561</v>
      </c>
      <c r="V219" s="282">
        <v>4.0269737175667709E-2</v>
      </c>
    </row>
    <row r="220" spans="1:22" s="5" customFormat="1">
      <c r="A220" s="55" t="s">
        <v>635</v>
      </c>
      <c r="B220" s="69">
        <v>228</v>
      </c>
      <c r="C220" s="70">
        <v>75.651252999754902</v>
      </c>
      <c r="D220" s="71">
        <v>2.8269096614034979</v>
      </c>
      <c r="E220" s="278">
        <v>0.17885669637429047</v>
      </c>
      <c r="F220" s="279">
        <v>5.0921276592189195E-2</v>
      </c>
      <c r="G220" s="278">
        <v>0.41252677609880928</v>
      </c>
      <c r="H220" s="279">
        <v>6.4675584001224751E-2</v>
      </c>
      <c r="I220" s="69">
        <v>228</v>
      </c>
      <c r="J220" s="70">
        <v>75.882037780222845</v>
      </c>
      <c r="K220" s="71">
        <v>2.8679600925084117</v>
      </c>
      <c r="L220" s="278">
        <v>0.18100481353681119</v>
      </c>
      <c r="M220" s="279">
        <v>5.1145619698041794E-2</v>
      </c>
      <c r="N220" s="278">
        <v>0.42367499021623289</v>
      </c>
      <c r="O220" s="279">
        <v>6.4910235194858779E-2</v>
      </c>
      <c r="P220" s="69">
        <v>229</v>
      </c>
      <c r="Q220" s="70">
        <v>76.796915855332855</v>
      </c>
      <c r="R220" s="71">
        <v>2.8497425085189403</v>
      </c>
      <c r="S220" s="278">
        <v>0.1820316831745144</v>
      </c>
      <c r="T220" s="279">
        <v>5.1139417133248564E-2</v>
      </c>
      <c r="U220" s="278">
        <v>0.45638451236751293</v>
      </c>
      <c r="V220" s="279">
        <v>6.5270969561582085E-2</v>
      </c>
    </row>
    <row r="221" spans="1:22" s="5" customFormat="1">
      <c r="A221" s="47" t="s">
        <v>636</v>
      </c>
      <c r="B221" s="72">
        <v>382</v>
      </c>
      <c r="C221" s="73">
        <v>78.410180548626769</v>
      </c>
      <c r="D221" s="74">
        <v>2.0522482828903668</v>
      </c>
      <c r="E221" s="281">
        <v>0.1280594236347056</v>
      </c>
      <c r="F221" s="282">
        <v>3.4447902833645995E-2</v>
      </c>
      <c r="G221" s="281">
        <v>0.45022402237006348</v>
      </c>
      <c r="H221" s="282">
        <v>5.0651039834473562E-2</v>
      </c>
      <c r="I221" s="72">
        <v>381</v>
      </c>
      <c r="J221" s="73">
        <v>79.025690167734822</v>
      </c>
      <c r="K221" s="74">
        <v>2.0161610267851944</v>
      </c>
      <c r="L221" s="281">
        <v>0.12213250364439875</v>
      </c>
      <c r="M221" s="282">
        <v>3.3831926759935245E-2</v>
      </c>
      <c r="N221" s="281">
        <v>0.46874078241140987</v>
      </c>
      <c r="O221" s="282">
        <v>5.0867085269784458E-2</v>
      </c>
      <c r="P221" s="72">
        <v>382</v>
      </c>
      <c r="Q221" s="73">
        <v>79.793273063679152</v>
      </c>
      <c r="R221" s="74">
        <v>1.9114638467421816</v>
      </c>
      <c r="S221" s="281">
        <v>0.11254284892259114</v>
      </c>
      <c r="T221" s="282">
        <v>3.2666027649930603E-2</v>
      </c>
      <c r="U221" s="281">
        <v>0.48896629189316504</v>
      </c>
      <c r="V221" s="282">
        <v>5.0886520846955628E-2</v>
      </c>
    </row>
    <row r="223" spans="1:22" customFormat="1" ht="18.75">
      <c r="A223" s="344" t="s">
        <v>247</v>
      </c>
      <c r="B223" s="344"/>
      <c r="C223" s="344"/>
      <c r="D223" s="344"/>
      <c r="E223" s="344"/>
      <c r="F223" s="344"/>
      <c r="G223" s="344"/>
      <c r="H223" s="344"/>
      <c r="I223" s="344"/>
      <c r="J223" s="344"/>
      <c r="K223" s="344"/>
      <c r="L223" s="230"/>
      <c r="M223" s="230"/>
      <c r="N223" s="230"/>
      <c r="O223" s="230"/>
      <c r="P223" s="248"/>
      <c r="Q223" s="248"/>
      <c r="R223" s="248"/>
      <c r="S223" s="248"/>
    </row>
    <row r="224" spans="1:22" customFormat="1" ht="69.75" customHeight="1">
      <c r="A224" s="347" t="s">
        <v>542</v>
      </c>
      <c r="B224" s="347"/>
      <c r="C224" s="347"/>
      <c r="D224" s="347"/>
      <c r="E224" s="347"/>
      <c r="F224" s="347"/>
      <c r="G224" s="347"/>
      <c r="H224" s="347"/>
      <c r="I224" s="347"/>
      <c r="J224" s="347"/>
      <c r="K224" s="347"/>
      <c r="L224" s="254"/>
      <c r="M224" s="254"/>
      <c r="N224" s="254"/>
      <c r="O224" s="254"/>
      <c r="P224" s="248"/>
      <c r="Q224" s="248"/>
      <c r="R224" s="248"/>
      <c r="S224" s="248"/>
    </row>
    <row r="225" spans="1:45" customFormat="1" ht="49.5" customHeight="1">
      <c r="A225" s="350" t="s">
        <v>248</v>
      </c>
      <c r="B225" s="351"/>
      <c r="C225" s="351"/>
      <c r="D225" s="352"/>
      <c r="E225" s="350" t="s">
        <v>323</v>
      </c>
      <c r="F225" s="351"/>
      <c r="G225" s="351"/>
      <c r="H225" s="351"/>
      <c r="I225" s="351"/>
      <c r="J225" s="351"/>
      <c r="K225" s="352"/>
      <c r="L225" s="297"/>
      <c r="M225" s="297"/>
      <c r="N225" s="297"/>
      <c r="O225" s="297"/>
      <c r="P225" s="297"/>
      <c r="Q225" s="297"/>
      <c r="R225" s="297"/>
      <c r="S225" s="297"/>
      <c r="T225" s="297"/>
      <c r="U225" s="297"/>
      <c r="V225" s="297"/>
      <c r="W225" s="297"/>
      <c r="X225" s="297"/>
      <c r="Y225" s="297"/>
      <c r="Z225" s="297"/>
      <c r="AA225" s="297"/>
      <c r="AB225" s="297"/>
      <c r="AC225" s="297"/>
      <c r="AD225" s="297"/>
      <c r="AE225" s="297"/>
      <c r="AF225" s="297"/>
      <c r="AG225" s="297"/>
      <c r="AH225" s="297"/>
      <c r="AI225" s="297"/>
      <c r="AJ225" s="297"/>
      <c r="AK225" s="297"/>
      <c r="AL225" s="297"/>
      <c r="AM225" s="297"/>
      <c r="AN225" s="297"/>
      <c r="AO225" s="297"/>
      <c r="AP225" s="297"/>
      <c r="AQ225" s="297"/>
      <c r="AR225" s="297"/>
      <c r="AS225" s="297"/>
    </row>
    <row r="226" spans="1:45" customFormat="1" ht="72">
      <c r="A226" s="35" t="s">
        <v>70</v>
      </c>
      <c r="B226" s="36" t="s">
        <v>71</v>
      </c>
      <c r="C226" s="37" t="s">
        <v>550</v>
      </c>
      <c r="D226" s="38" t="s">
        <v>72</v>
      </c>
      <c r="E226" s="63" t="s">
        <v>71</v>
      </c>
      <c r="F226" s="63" t="s">
        <v>279</v>
      </c>
      <c r="G226" s="86" t="s">
        <v>282</v>
      </c>
      <c r="H226" s="63" t="s">
        <v>280</v>
      </c>
      <c r="I226" s="86" t="s">
        <v>283</v>
      </c>
      <c r="J226" s="63" t="s">
        <v>281</v>
      </c>
      <c r="K226" s="86" t="s">
        <v>284</v>
      </c>
    </row>
    <row r="227" spans="1:45" customFormat="1" ht="60">
      <c r="A227" s="39"/>
      <c r="B227" s="40" t="s">
        <v>73</v>
      </c>
      <c r="C227" s="41" t="s">
        <v>356</v>
      </c>
      <c r="D227" s="42" t="s">
        <v>75</v>
      </c>
      <c r="E227" s="66" t="s">
        <v>73</v>
      </c>
      <c r="F227" s="66" t="s">
        <v>455</v>
      </c>
      <c r="G227" s="88" t="s">
        <v>87</v>
      </c>
      <c r="H227" s="66" t="s">
        <v>456</v>
      </c>
      <c r="I227" s="88" t="s">
        <v>87</v>
      </c>
      <c r="J227" s="66" t="s">
        <v>457</v>
      </c>
      <c r="K227" s="88" t="s">
        <v>87</v>
      </c>
    </row>
    <row r="228" spans="1:45" customFormat="1">
      <c r="A228" s="43" t="s">
        <v>348</v>
      </c>
      <c r="B228" s="149">
        <v>6468</v>
      </c>
      <c r="C228" s="82">
        <v>6.800068182731672</v>
      </c>
      <c r="D228" s="83">
        <v>5.681447164843071E-2</v>
      </c>
      <c r="E228" s="81">
        <v>6468</v>
      </c>
      <c r="F228" s="96">
        <v>0.36827973299306516</v>
      </c>
      <c r="G228" s="92">
        <v>1.1991736213723708E-2</v>
      </c>
      <c r="H228" s="96">
        <v>0.27035640952930895</v>
      </c>
      <c r="I228" s="92">
        <v>1.1043486020605384E-2</v>
      </c>
      <c r="J228" s="96">
        <v>0.36136385747762279</v>
      </c>
      <c r="K228" s="92">
        <v>1.1943515867995757E-2</v>
      </c>
    </row>
    <row r="229" spans="1:45" customFormat="1">
      <c r="A229" s="47" t="s">
        <v>349</v>
      </c>
      <c r="B229" s="47">
        <v>5924</v>
      </c>
      <c r="C229" s="151">
        <v>6.7993681235548804</v>
      </c>
      <c r="D229" s="152">
        <v>5.9403315274579149E-2</v>
      </c>
      <c r="E229" s="123">
        <v>5924</v>
      </c>
      <c r="F229" s="147">
        <v>0.36765683379411906</v>
      </c>
      <c r="G229" s="95">
        <v>1.252551821664807E-2</v>
      </c>
      <c r="H229" s="148">
        <v>0.27224640288971447</v>
      </c>
      <c r="I229" s="95">
        <v>1.1564472727911175E-2</v>
      </c>
      <c r="J229" s="148">
        <v>0.36009676331617407</v>
      </c>
      <c r="K229" s="95">
        <v>1.2470031271905732E-2</v>
      </c>
    </row>
    <row r="230" spans="1:45" customFormat="1">
      <c r="A230" s="43" t="s">
        <v>350</v>
      </c>
      <c r="B230" s="51">
        <v>544</v>
      </c>
      <c r="C230" s="82">
        <v>6.8023257744976577</v>
      </c>
      <c r="D230" s="83">
        <v>0.19457927431811514</v>
      </c>
      <c r="E230" s="81">
        <v>544</v>
      </c>
      <c r="F230" s="96">
        <v>0.37028849475106418</v>
      </c>
      <c r="G230" s="92">
        <v>4.1277028349586686E-2</v>
      </c>
      <c r="H230" s="96">
        <v>0.26426144843183563</v>
      </c>
      <c r="I230" s="92">
        <v>3.7750202223659338E-2</v>
      </c>
      <c r="J230" s="96">
        <v>0.3654500568170983</v>
      </c>
      <c r="K230" s="92">
        <v>4.1165469517478494E-2</v>
      </c>
    </row>
    <row r="231" spans="1:45" customFormat="1">
      <c r="A231" s="47" t="s">
        <v>568</v>
      </c>
      <c r="B231" s="47">
        <v>5629</v>
      </c>
      <c r="C231" s="151">
        <v>6.7991029608817852</v>
      </c>
      <c r="D231" s="152">
        <v>6.132651516898175E-2</v>
      </c>
      <c r="E231" s="123">
        <v>5629</v>
      </c>
      <c r="F231" s="147">
        <v>0.36832253530642917</v>
      </c>
      <c r="G231" s="95">
        <v>1.2854196392704229E-2</v>
      </c>
      <c r="H231" s="148">
        <v>0.27047053433774904</v>
      </c>
      <c r="I231" s="95">
        <v>1.1839239743020973E-2</v>
      </c>
      <c r="J231" s="148">
        <v>0.3612069303558178</v>
      </c>
      <c r="K231" s="95">
        <v>1.2801002762202187E-2</v>
      </c>
    </row>
    <row r="232" spans="1:45" customFormat="1">
      <c r="A232" s="43" t="s">
        <v>569</v>
      </c>
      <c r="B232" s="51">
        <v>839</v>
      </c>
      <c r="C232" s="82">
        <v>6.9351835158555115</v>
      </c>
      <c r="D232" s="83">
        <v>0.14999180514150992</v>
      </c>
      <c r="E232" s="81">
        <v>839</v>
      </c>
      <c r="F232" s="96">
        <v>0.36228810647785992</v>
      </c>
      <c r="G232" s="92">
        <v>3.3122582603368637E-2</v>
      </c>
      <c r="H232" s="96">
        <v>0.25438079572368738</v>
      </c>
      <c r="I232" s="92">
        <v>3.0044835097220616E-2</v>
      </c>
      <c r="J232" s="96">
        <v>0.38333109779845492</v>
      </c>
      <c r="K232" s="92">
        <v>3.3500215757711969E-2</v>
      </c>
    </row>
    <row r="233" spans="1:45" customFormat="1">
      <c r="A233" s="47" t="s">
        <v>570</v>
      </c>
      <c r="B233" s="47">
        <v>169</v>
      </c>
      <c r="C233" s="151">
        <v>6.6665035279610425</v>
      </c>
      <c r="D233" s="152">
        <v>0.33155583245573406</v>
      </c>
      <c r="E233" s="123">
        <v>169</v>
      </c>
      <c r="F233" s="147">
        <v>0.44969141690222175</v>
      </c>
      <c r="G233" s="95">
        <v>7.5660441895953529E-2</v>
      </c>
      <c r="H233" s="148">
        <v>0.24039588047240287</v>
      </c>
      <c r="I233" s="95">
        <v>6.5523445320748788E-2</v>
      </c>
      <c r="J233" s="148">
        <v>0.30991270262537529</v>
      </c>
      <c r="K233" s="95">
        <v>7.0590965567909683E-2</v>
      </c>
    </row>
    <row r="234" spans="1:45" customFormat="1">
      <c r="A234" s="43" t="s">
        <v>571</v>
      </c>
      <c r="B234" s="51">
        <v>521</v>
      </c>
      <c r="C234" s="82">
        <v>7.0890477563009844</v>
      </c>
      <c r="D234" s="83">
        <v>0.18630440795535522</v>
      </c>
      <c r="E234" s="81">
        <v>521</v>
      </c>
      <c r="F234" s="96">
        <v>0.33316659998754516</v>
      </c>
      <c r="G234" s="92">
        <v>4.1181514915770941E-2</v>
      </c>
      <c r="H234" s="96">
        <v>0.24827900840062753</v>
      </c>
      <c r="I234" s="92">
        <v>3.7806364044609415E-2</v>
      </c>
      <c r="J234" s="96">
        <v>0.41855439161182745</v>
      </c>
      <c r="K234" s="92">
        <v>4.3069583388627805E-2</v>
      </c>
    </row>
    <row r="235" spans="1:45" customFormat="1">
      <c r="A235" s="47" t="s">
        <v>582</v>
      </c>
      <c r="B235" s="47">
        <v>482</v>
      </c>
      <c r="C235" s="151">
        <v>6.8799378603272618</v>
      </c>
      <c r="D235" s="152">
        <v>0.19446293198469725</v>
      </c>
      <c r="E235" s="123">
        <v>482</v>
      </c>
      <c r="F235" s="147">
        <v>0.36143261799041881</v>
      </c>
      <c r="G235" s="95">
        <v>4.3613891818134062E-2</v>
      </c>
      <c r="H235" s="148">
        <v>0.28131130732483878</v>
      </c>
      <c r="I235" s="95">
        <v>4.0871096634244396E-2</v>
      </c>
      <c r="J235" s="148">
        <v>0.35725607468474324</v>
      </c>
      <c r="K235" s="95">
        <v>4.3504712965397124E-2</v>
      </c>
    </row>
    <row r="236" spans="1:45" customFormat="1">
      <c r="A236" s="43" t="s">
        <v>583</v>
      </c>
      <c r="B236" s="51">
        <v>357</v>
      </c>
      <c r="C236" s="82">
        <v>6.9827970769515249</v>
      </c>
      <c r="D236" s="83">
        <v>0.23459281630629328</v>
      </c>
      <c r="E236" s="81">
        <v>357</v>
      </c>
      <c r="F236" s="96">
        <v>0.36302541066900673</v>
      </c>
      <c r="G236" s="92">
        <v>5.0663349002853561E-2</v>
      </c>
      <c r="H236" s="96">
        <v>0.23117068902465662</v>
      </c>
      <c r="I236" s="92">
        <v>4.4575369555334254E-2</v>
      </c>
      <c r="J236" s="96">
        <v>0.40580390030633551</v>
      </c>
      <c r="K236" s="92">
        <v>5.1710105520781299E-2</v>
      </c>
    </row>
    <row r="237" spans="1:45" customFormat="1">
      <c r="A237" s="47" t="s">
        <v>572</v>
      </c>
      <c r="B237" s="47">
        <v>96</v>
      </c>
      <c r="C237" s="151">
        <v>6.3465880979295379</v>
      </c>
      <c r="D237" s="152">
        <v>0.48101961708984392</v>
      </c>
      <c r="E237" s="123">
        <v>96</v>
      </c>
      <c r="F237" s="147">
        <v>0.48360875102721906</v>
      </c>
      <c r="G237" s="95">
        <v>9.9950465916607847E-2</v>
      </c>
      <c r="H237" s="148">
        <v>0.24227631763857199</v>
      </c>
      <c r="I237" s="95">
        <v>8.6899010091425227E-2</v>
      </c>
      <c r="J237" s="148">
        <v>0.27411493133420883</v>
      </c>
      <c r="K237" s="95">
        <v>9.0105765052131692E-2</v>
      </c>
    </row>
    <row r="238" spans="1:45" customFormat="1">
      <c r="A238" s="43" t="s">
        <v>573</v>
      </c>
      <c r="B238" s="149">
        <v>228</v>
      </c>
      <c r="C238" s="82">
        <v>6.7139440786344817</v>
      </c>
      <c r="D238" s="83">
        <v>0.28481931482920775</v>
      </c>
      <c r="E238" s="81">
        <v>228</v>
      </c>
      <c r="F238" s="96">
        <v>0.38593265110562414</v>
      </c>
      <c r="G238" s="92">
        <v>6.3981872389798827E-2</v>
      </c>
      <c r="H238" s="96">
        <v>0.26924627482371727</v>
      </c>
      <c r="I238" s="92">
        <v>5.8512156549611963E-2</v>
      </c>
      <c r="J238" s="96">
        <v>0.34482107407065909</v>
      </c>
      <c r="K238" s="92">
        <v>6.2524850878821717E-2</v>
      </c>
    </row>
    <row r="239" spans="1:45" customFormat="1">
      <c r="A239" s="47" t="s">
        <v>574</v>
      </c>
      <c r="B239" s="150">
        <v>276</v>
      </c>
      <c r="C239" s="151">
        <v>7.2438751568219182</v>
      </c>
      <c r="D239" s="152">
        <v>0.25602780253546914</v>
      </c>
      <c r="E239" s="123">
        <v>276</v>
      </c>
      <c r="F239" s="147">
        <v>0.30720934181007614</v>
      </c>
      <c r="G239" s="95">
        <v>5.5276722873439398E-2</v>
      </c>
      <c r="H239" s="148">
        <v>0.24085735088346244</v>
      </c>
      <c r="I239" s="95">
        <v>5.137399204613987E-2</v>
      </c>
      <c r="J239" s="148">
        <v>0.4519333073064617</v>
      </c>
      <c r="K239" s="95">
        <v>5.9492512514352343E-2</v>
      </c>
    </row>
    <row r="240" spans="1:45" customFormat="1">
      <c r="A240" s="43" t="s">
        <v>575</v>
      </c>
      <c r="B240" s="81">
        <v>234</v>
      </c>
      <c r="C240" s="82">
        <v>7.1743830066377408</v>
      </c>
      <c r="D240" s="83">
        <v>0.2775951163710873</v>
      </c>
      <c r="E240" s="81">
        <v>234</v>
      </c>
      <c r="F240" s="96">
        <v>0.33688697615285468</v>
      </c>
      <c r="G240" s="92">
        <v>6.1395664147128749E-2</v>
      </c>
      <c r="H240" s="96">
        <v>0.2510287207226139</v>
      </c>
      <c r="I240" s="92">
        <v>5.6520893652807831E-2</v>
      </c>
      <c r="J240" s="96">
        <v>0.41208430312453187</v>
      </c>
      <c r="K240" s="92">
        <v>6.3844407905949432E-2</v>
      </c>
    </row>
    <row r="241" spans="1:11" customFormat="1">
      <c r="A241" s="47" t="s">
        <v>576</v>
      </c>
      <c r="B241" s="150">
        <v>326</v>
      </c>
      <c r="C241" s="151">
        <v>6.774274674379595</v>
      </c>
      <c r="D241" s="152">
        <v>0.24715690108559346</v>
      </c>
      <c r="E241" s="123">
        <v>326</v>
      </c>
      <c r="F241" s="147">
        <v>0.41665076795254241</v>
      </c>
      <c r="G241" s="95">
        <v>5.4296637457737544E-2</v>
      </c>
      <c r="H241" s="148">
        <v>0.22291594938527029</v>
      </c>
      <c r="I241" s="95">
        <v>4.6066404600019359E-2</v>
      </c>
      <c r="J241" s="148">
        <v>0.36043328266218688</v>
      </c>
      <c r="K241" s="95">
        <v>5.2913936355072362E-2</v>
      </c>
    </row>
    <row r="242" spans="1:11" customFormat="1">
      <c r="A242" s="55" t="s">
        <v>577</v>
      </c>
      <c r="B242" s="149">
        <v>249</v>
      </c>
      <c r="C242" s="82">
        <v>7.3434408508262887</v>
      </c>
      <c r="D242" s="83">
        <v>0.25278722335865905</v>
      </c>
      <c r="E242" s="81">
        <v>249</v>
      </c>
      <c r="F242" s="96">
        <v>0.28617140494803273</v>
      </c>
      <c r="G242" s="92">
        <v>5.7029453446192889E-2</v>
      </c>
      <c r="H242" s="96">
        <v>0.27298069438044137</v>
      </c>
      <c r="I242" s="92">
        <v>5.6243261154316382E-2</v>
      </c>
      <c r="J242" s="96">
        <v>0.44084790067152502</v>
      </c>
      <c r="K242" s="92">
        <v>6.2441852023379964E-2</v>
      </c>
    </row>
    <row r="243" spans="1:11" customFormat="1">
      <c r="A243" s="47" t="s">
        <v>578</v>
      </c>
      <c r="B243" s="150">
        <v>83</v>
      </c>
      <c r="C243" s="151">
        <v>6.554370750073315</v>
      </c>
      <c r="D243" s="152">
        <v>0.5000037291155609</v>
      </c>
      <c r="E243" s="123">
        <v>83</v>
      </c>
      <c r="F243" s="147">
        <v>0.38192779386439013</v>
      </c>
      <c r="G243" s="95">
        <v>0.10445510934038323</v>
      </c>
      <c r="H243" s="148">
        <v>0.31584363343230604</v>
      </c>
      <c r="I243" s="95">
        <v>0.10037475347797854</v>
      </c>
      <c r="J243" s="148">
        <v>0.30222857270330333</v>
      </c>
      <c r="K243" s="95">
        <v>9.9284897886047455E-2</v>
      </c>
    </row>
    <row r="244" spans="1:11" customFormat="1">
      <c r="A244" s="55" t="s">
        <v>579</v>
      </c>
      <c r="B244" s="149">
        <v>72</v>
      </c>
      <c r="C244" s="82">
        <v>6.9393607255938941</v>
      </c>
      <c r="D244" s="83">
        <v>0.49823538269156953</v>
      </c>
      <c r="E244" s="81">
        <v>72</v>
      </c>
      <c r="F244" s="96">
        <v>0.37727998298713727</v>
      </c>
      <c r="G244" s="92">
        <v>0.11156385093968052</v>
      </c>
      <c r="H244" s="96">
        <v>0.19632456533121703</v>
      </c>
      <c r="I244" s="92">
        <v>9.3817576523683707E-2</v>
      </c>
      <c r="J244" s="96">
        <v>0.42639545168164589</v>
      </c>
      <c r="K244" s="92">
        <v>0.11358688767352199</v>
      </c>
    </row>
    <row r="245" spans="1:11" customFormat="1">
      <c r="A245" s="47" t="s">
        <v>580</v>
      </c>
      <c r="B245" s="150">
        <v>72</v>
      </c>
      <c r="C245" s="151">
        <v>7.2322077465251207</v>
      </c>
      <c r="D245" s="152">
        <v>0.52428726325498964</v>
      </c>
      <c r="E245" s="123">
        <v>72</v>
      </c>
      <c r="F245" s="147">
        <v>0.28078871281756529</v>
      </c>
      <c r="G245" s="95">
        <v>0.10434547164527559</v>
      </c>
      <c r="H245" s="148">
        <v>0.2580614295859992</v>
      </c>
      <c r="I245" s="95">
        <v>0.10194557001011763</v>
      </c>
      <c r="J245" s="148">
        <v>0.46114985759643545</v>
      </c>
      <c r="K245" s="95">
        <v>0.11439666968679499</v>
      </c>
    </row>
    <row r="246" spans="1:11" customFormat="1">
      <c r="A246" s="55" t="s">
        <v>581</v>
      </c>
      <c r="B246" s="149">
        <v>31</v>
      </c>
      <c r="C246" s="353" t="s">
        <v>656</v>
      </c>
      <c r="D246" s="354"/>
      <c r="E246" s="354"/>
      <c r="F246" s="354"/>
      <c r="G246" s="354"/>
      <c r="H246" s="354"/>
      <c r="I246" s="354"/>
      <c r="J246" s="354"/>
      <c r="K246" s="355"/>
    </row>
    <row r="247" spans="1:11" customFormat="1">
      <c r="A247" s="47" t="s">
        <v>584</v>
      </c>
      <c r="B247" s="150">
        <v>4</v>
      </c>
      <c r="C247" s="356" t="s">
        <v>656</v>
      </c>
      <c r="D247" s="357"/>
      <c r="E247" s="357"/>
      <c r="F247" s="357"/>
      <c r="G247" s="357"/>
      <c r="H247" s="357"/>
      <c r="I247" s="357"/>
      <c r="J247" s="357"/>
      <c r="K247" s="358"/>
    </row>
    <row r="248" spans="1:11" customFormat="1">
      <c r="A248" s="55" t="s">
        <v>585</v>
      </c>
      <c r="B248" s="149">
        <v>835</v>
      </c>
      <c r="C248" s="82">
        <v>6.945550319245255</v>
      </c>
      <c r="D248" s="83">
        <v>0.15039161458296429</v>
      </c>
      <c r="E248" s="81">
        <v>835</v>
      </c>
      <c r="F248" s="96">
        <v>0.36125845081264557</v>
      </c>
      <c r="G248" s="92">
        <v>3.3181258218193559E-2</v>
      </c>
      <c r="H248" s="96">
        <v>0.25308219393387443</v>
      </c>
      <c r="I248" s="92">
        <v>3.0066398889975695E-2</v>
      </c>
      <c r="J248" s="96">
        <v>0.38565935525348199</v>
      </c>
      <c r="K248" s="92">
        <v>3.3617818393815356E-2</v>
      </c>
    </row>
    <row r="249" spans="1:11" customFormat="1">
      <c r="A249" s="47" t="s">
        <v>620</v>
      </c>
      <c r="B249" s="150">
        <v>37</v>
      </c>
      <c r="C249" s="151">
        <v>6.98482354902466</v>
      </c>
      <c r="D249" s="152">
        <v>0.77098365246543699</v>
      </c>
      <c r="E249" s="123">
        <v>37</v>
      </c>
      <c r="F249" s="147">
        <v>0.35267979462599369</v>
      </c>
      <c r="G249" s="95">
        <v>0.1505518180310832</v>
      </c>
      <c r="H249" s="148">
        <v>0.30230443235860127</v>
      </c>
      <c r="I249" s="95">
        <v>0.14589355153490732</v>
      </c>
      <c r="J249" s="148">
        <v>0.34501577301540493</v>
      </c>
      <c r="K249" s="95">
        <v>0.14993921154163276</v>
      </c>
    </row>
    <row r="250" spans="1:11" customFormat="1">
      <c r="A250" s="55" t="s">
        <v>621</v>
      </c>
      <c r="B250" s="149">
        <v>51</v>
      </c>
      <c r="C250" s="82">
        <v>6.9509669964484999</v>
      </c>
      <c r="D250" s="83">
        <v>0.58779203749757514</v>
      </c>
      <c r="E250" s="81">
        <v>51</v>
      </c>
      <c r="F250" s="96">
        <v>0.36646699269686023</v>
      </c>
      <c r="G250" s="92">
        <v>0.13063988871826546</v>
      </c>
      <c r="H250" s="96">
        <v>0.15910157585683987</v>
      </c>
      <c r="I250" s="92">
        <v>0.10447343845110516</v>
      </c>
      <c r="J250" s="96">
        <v>0.47443143144629957</v>
      </c>
      <c r="K250" s="92">
        <v>0.13468829512428804</v>
      </c>
    </row>
    <row r="251" spans="1:11" customFormat="1">
      <c r="A251" s="47" t="s">
        <v>622</v>
      </c>
      <c r="B251" s="150">
        <v>398</v>
      </c>
      <c r="C251" s="151">
        <v>7.0183778666356949</v>
      </c>
      <c r="D251" s="152">
        <v>0.21147106517366202</v>
      </c>
      <c r="E251" s="123">
        <v>398</v>
      </c>
      <c r="F251" s="147">
        <v>0.34447814110732972</v>
      </c>
      <c r="G251" s="95">
        <v>4.7451666009255815E-2</v>
      </c>
      <c r="H251" s="148">
        <v>0.26023995999908722</v>
      </c>
      <c r="I251" s="95">
        <v>4.3896464508759996E-2</v>
      </c>
      <c r="J251" s="148">
        <v>0.39528189889358351</v>
      </c>
      <c r="K251" s="95">
        <v>4.8791490580002518E-2</v>
      </c>
    </row>
    <row r="252" spans="1:11" customFormat="1">
      <c r="A252" s="55" t="s">
        <v>623</v>
      </c>
      <c r="B252" s="149">
        <v>102</v>
      </c>
      <c r="C252" s="82">
        <v>6.8645419958955234</v>
      </c>
      <c r="D252" s="83">
        <v>0.46648188265745255</v>
      </c>
      <c r="E252" s="81">
        <v>102</v>
      </c>
      <c r="F252" s="96">
        <v>0.43146442653740896</v>
      </c>
      <c r="G252" s="92">
        <v>9.6279993901103714E-2</v>
      </c>
      <c r="H252" s="96">
        <v>0.15565847735877728</v>
      </c>
      <c r="I252" s="92">
        <v>7.2738568396898212E-2</v>
      </c>
      <c r="J252" s="96">
        <v>0.41287709610381362</v>
      </c>
      <c r="K252" s="92">
        <v>9.5753545938788973E-2</v>
      </c>
    </row>
    <row r="253" spans="1:11" customFormat="1">
      <c r="A253" s="47" t="s">
        <v>624</v>
      </c>
      <c r="B253" s="150">
        <v>116</v>
      </c>
      <c r="C253" s="151">
        <v>7.0534309364238901</v>
      </c>
      <c r="D253" s="152">
        <v>0.39734683037651602</v>
      </c>
      <c r="E253" s="123">
        <v>116</v>
      </c>
      <c r="F253" s="147">
        <v>0.30726446599682611</v>
      </c>
      <c r="G253" s="95">
        <v>8.4712888677260928E-2</v>
      </c>
      <c r="H253" s="148">
        <v>0.32118688276279095</v>
      </c>
      <c r="I253" s="95">
        <v>8.5658615254238776E-2</v>
      </c>
      <c r="J253" s="148">
        <v>0.37154865124038289</v>
      </c>
      <c r="K253" s="95">
        <v>8.8427352709052859E-2</v>
      </c>
    </row>
    <row r="254" spans="1:11" customFormat="1">
      <c r="A254" s="55" t="s">
        <v>625</v>
      </c>
      <c r="B254" s="149">
        <v>386</v>
      </c>
      <c r="C254" s="82">
        <v>7.0126915778597345</v>
      </c>
      <c r="D254" s="83">
        <v>0.22304616227646692</v>
      </c>
      <c r="E254" s="81">
        <v>386</v>
      </c>
      <c r="F254" s="96">
        <v>0.35823280915708905</v>
      </c>
      <c r="G254" s="92">
        <v>4.8602227951592199E-2</v>
      </c>
      <c r="H254" s="96">
        <v>0.23949442315511915</v>
      </c>
      <c r="I254" s="92">
        <v>4.3385188346776758E-2</v>
      </c>
      <c r="J254" s="96">
        <v>0.40227276768779169</v>
      </c>
      <c r="K254" s="92">
        <v>4.9680444833303805E-2</v>
      </c>
    </row>
    <row r="255" spans="1:11" customFormat="1">
      <c r="A255" s="47" t="s">
        <v>626</v>
      </c>
      <c r="B255" s="150">
        <v>453</v>
      </c>
      <c r="C255" s="151">
        <v>6.8226084741754178</v>
      </c>
      <c r="D255" s="152">
        <v>0.20214216308974656</v>
      </c>
      <c r="E255" s="123">
        <v>453</v>
      </c>
      <c r="F255" s="147">
        <v>0.36817814234130219</v>
      </c>
      <c r="G255" s="95">
        <v>4.5152390563406475E-2</v>
      </c>
      <c r="H255" s="148">
        <v>0.27600221121308965</v>
      </c>
      <c r="I255" s="95">
        <v>4.1912640608454933E-2</v>
      </c>
      <c r="J255" s="148">
        <v>0.35581964644560876</v>
      </c>
      <c r="K255" s="95">
        <v>4.4826369266076138E-2</v>
      </c>
    </row>
    <row r="256" spans="1:11" customFormat="1">
      <c r="A256" s="55" t="s">
        <v>627</v>
      </c>
      <c r="B256" s="149">
        <v>146</v>
      </c>
      <c r="C256" s="82">
        <v>6.4261877171313326</v>
      </c>
      <c r="D256" s="83">
        <v>0.38091264535002151</v>
      </c>
      <c r="E256" s="81">
        <v>146</v>
      </c>
      <c r="F256" s="96">
        <v>0.46170467952609884</v>
      </c>
      <c r="G256" s="92">
        <v>8.1422460550716044E-2</v>
      </c>
      <c r="H256" s="96">
        <v>0.24490131538829682</v>
      </c>
      <c r="I256" s="92">
        <v>7.0870599461961656E-2</v>
      </c>
      <c r="J256" s="96">
        <v>0.29339400508560426</v>
      </c>
      <c r="K256" s="92">
        <v>7.4754745133191192E-2</v>
      </c>
    </row>
    <row r="257" spans="1:22" customFormat="1">
      <c r="A257" s="47" t="s">
        <v>628</v>
      </c>
      <c r="B257" s="150">
        <v>307</v>
      </c>
      <c r="C257" s="151">
        <v>7.0976542015944952</v>
      </c>
      <c r="D257" s="152">
        <v>0.23348278446560042</v>
      </c>
      <c r="E257" s="123">
        <v>307</v>
      </c>
      <c r="F257" s="147">
        <v>0.30328730603699028</v>
      </c>
      <c r="G257" s="95">
        <v>5.2253784282335874E-2</v>
      </c>
      <c r="H257" s="148">
        <v>0.29758071930963587</v>
      </c>
      <c r="I257" s="95">
        <v>5.1979916869700805E-2</v>
      </c>
      <c r="J257" s="148">
        <v>0.39913197465337374</v>
      </c>
      <c r="K257" s="95">
        <v>5.5569044357561471E-2</v>
      </c>
    </row>
    <row r="258" spans="1:22" customFormat="1">
      <c r="A258" s="55" t="s">
        <v>629</v>
      </c>
      <c r="B258" s="149">
        <v>56</v>
      </c>
      <c r="C258" s="82">
        <v>6.6697121944873432</v>
      </c>
      <c r="D258" s="83">
        <v>0.56459259469089573</v>
      </c>
      <c r="E258" s="81">
        <v>56</v>
      </c>
      <c r="F258" s="96">
        <v>0.48516472115503295</v>
      </c>
      <c r="G258" s="92">
        <v>0.1290499337664669</v>
      </c>
      <c r="H258" s="96">
        <v>0.23127588216354186</v>
      </c>
      <c r="I258" s="92">
        <v>0.11168251337593034</v>
      </c>
      <c r="J258" s="96">
        <v>0.28355939668142532</v>
      </c>
      <c r="K258" s="92">
        <v>0.11809359650978406</v>
      </c>
    </row>
    <row r="259" spans="1:22" customFormat="1">
      <c r="A259" s="47" t="s">
        <v>630</v>
      </c>
      <c r="B259" s="150">
        <v>113</v>
      </c>
      <c r="C259" s="151">
        <v>6.6623824633592781</v>
      </c>
      <c r="D259" s="152">
        <v>0.40852780760653706</v>
      </c>
      <c r="E259" s="123">
        <v>113</v>
      </c>
      <c r="F259" s="147">
        <v>0.40413112658665867</v>
      </c>
      <c r="G259" s="95">
        <v>9.0851028663853473E-2</v>
      </c>
      <c r="H259" s="148">
        <v>0.25210918937838761</v>
      </c>
      <c r="I259" s="95">
        <v>8.1162498498955807E-2</v>
      </c>
      <c r="J259" s="148">
        <v>0.34375968403495383</v>
      </c>
      <c r="K259" s="95">
        <v>8.813927638289426E-2</v>
      </c>
    </row>
    <row r="260" spans="1:22" customFormat="1">
      <c r="A260" s="55" t="s">
        <v>631</v>
      </c>
      <c r="B260" s="149">
        <v>19</v>
      </c>
      <c r="C260" s="353" t="s">
        <v>656</v>
      </c>
      <c r="D260" s="354"/>
      <c r="E260" s="354"/>
      <c r="F260" s="354"/>
      <c r="G260" s="354"/>
      <c r="H260" s="354"/>
      <c r="I260" s="354"/>
      <c r="J260" s="354"/>
      <c r="K260" s="355"/>
    </row>
    <row r="261" spans="1:22" customFormat="1">
      <c r="A261" s="47" t="s">
        <v>632</v>
      </c>
      <c r="B261" s="150">
        <v>94</v>
      </c>
      <c r="C261" s="151">
        <v>6.6275757989252471</v>
      </c>
      <c r="D261" s="152">
        <v>0.45894076365591607</v>
      </c>
      <c r="E261" s="123">
        <v>94</v>
      </c>
      <c r="F261" s="147">
        <v>0.40182337861798428</v>
      </c>
      <c r="G261" s="95">
        <v>9.9207496790952157E-2</v>
      </c>
      <c r="H261" s="148">
        <v>0.24325468084605575</v>
      </c>
      <c r="I261" s="95">
        <v>8.7913013001679793E-2</v>
      </c>
      <c r="J261" s="148">
        <v>0.35492194053595982</v>
      </c>
      <c r="K261" s="95">
        <v>9.7024185251961867E-2</v>
      </c>
    </row>
    <row r="262" spans="1:22" customFormat="1">
      <c r="A262" s="55" t="s">
        <v>633</v>
      </c>
      <c r="B262" s="149">
        <v>256</v>
      </c>
      <c r="C262" s="82">
        <v>7.2196652850379683</v>
      </c>
      <c r="D262" s="83">
        <v>0.26877166781489159</v>
      </c>
      <c r="E262" s="81">
        <v>256</v>
      </c>
      <c r="F262" s="96">
        <v>0.3141039392460388</v>
      </c>
      <c r="G262" s="92">
        <v>5.7712520742344765E-2</v>
      </c>
      <c r="H262" s="96">
        <v>0.22795003612116299</v>
      </c>
      <c r="I262" s="92">
        <v>5.2366837256813514E-2</v>
      </c>
      <c r="J262" s="96">
        <v>0.45794602463279704</v>
      </c>
      <c r="K262" s="92">
        <v>6.1804339041787615E-2</v>
      </c>
    </row>
    <row r="263" spans="1:22" customFormat="1">
      <c r="A263" s="47" t="s">
        <v>634</v>
      </c>
      <c r="B263" s="150">
        <v>265</v>
      </c>
      <c r="C263" s="151">
        <v>6.8951481223636248</v>
      </c>
      <c r="D263" s="152">
        <v>0.25801804457469374</v>
      </c>
      <c r="E263" s="123">
        <v>265</v>
      </c>
      <c r="F263" s="147">
        <v>0.36146481520713353</v>
      </c>
      <c r="G263" s="95">
        <v>5.8655889544249551E-2</v>
      </c>
      <c r="H263" s="148">
        <v>0.2784570428606733</v>
      </c>
      <c r="I263" s="95">
        <v>5.4856017278465445E-2</v>
      </c>
      <c r="J263" s="148">
        <v>0.36007814193219284</v>
      </c>
      <c r="K263" s="95">
        <v>5.8608371169134345E-2</v>
      </c>
    </row>
    <row r="264" spans="1:22" customFormat="1">
      <c r="A264" s="55" t="s">
        <v>635</v>
      </c>
      <c r="B264" s="149">
        <v>104</v>
      </c>
      <c r="C264" s="82">
        <v>6.469701602702993</v>
      </c>
      <c r="D264" s="83">
        <v>0.45496389860260289</v>
      </c>
      <c r="E264" s="81">
        <v>104</v>
      </c>
      <c r="F264" s="96">
        <v>0.46706641041558156</v>
      </c>
      <c r="G264" s="92">
        <v>9.6031289880792237E-2</v>
      </c>
      <c r="H264" s="96">
        <v>0.22798841780843263</v>
      </c>
      <c r="I264" s="92">
        <v>8.1964076721928361E-2</v>
      </c>
      <c r="J264" s="96">
        <v>0.30494517177598618</v>
      </c>
      <c r="K264" s="92">
        <v>8.9177242357751027E-2</v>
      </c>
    </row>
    <row r="265" spans="1:22" customFormat="1">
      <c r="A265" s="47" t="s">
        <v>636</v>
      </c>
      <c r="B265" s="150">
        <v>161</v>
      </c>
      <c r="C265" s="151">
        <v>7.2609921376635382</v>
      </c>
      <c r="D265" s="152">
        <v>0.29619991886303332</v>
      </c>
      <c r="E265" s="123">
        <v>161</v>
      </c>
      <c r="F265" s="147">
        <v>0.27065736978731514</v>
      </c>
      <c r="G265" s="95">
        <v>6.9617353192376732E-2</v>
      </c>
      <c r="H265" s="148">
        <v>0.3218553163980985</v>
      </c>
      <c r="I265" s="95">
        <v>7.2993899814835242E-2</v>
      </c>
      <c r="J265" s="148">
        <v>0.40748731381458614</v>
      </c>
      <c r="K265" s="95">
        <v>7.6570638463670682E-2</v>
      </c>
    </row>
    <row r="266" spans="1:22" s="244" customFormat="1">
      <c r="A266" s="237"/>
      <c r="B266" s="238"/>
      <c r="C266" s="239"/>
      <c r="D266" s="240"/>
      <c r="E266" s="241"/>
      <c r="F266" s="242"/>
      <c r="G266" s="243"/>
      <c r="H266" s="242"/>
      <c r="I266" s="243"/>
    </row>
    <row r="267" spans="1:22" customFormat="1" ht="18.75">
      <c r="A267" s="343" t="s">
        <v>249</v>
      </c>
      <c r="B267" s="343"/>
      <c r="C267" s="343"/>
      <c r="D267" s="343"/>
      <c r="E267" s="343"/>
      <c r="F267" s="343"/>
      <c r="G267" s="343"/>
      <c r="H267" s="343"/>
      <c r="I267" s="343"/>
      <c r="J267" s="343"/>
      <c r="K267" s="343"/>
      <c r="L267" s="343"/>
      <c r="M267" s="343"/>
      <c r="N267" s="343"/>
      <c r="O267" s="343"/>
      <c r="P267" s="343"/>
      <c r="Q267" s="343"/>
      <c r="R267" s="343"/>
      <c r="S267" s="343"/>
      <c r="T267" s="343"/>
      <c r="U267" s="343"/>
      <c r="V267" s="343"/>
    </row>
    <row r="268" spans="1:22" customFormat="1" ht="80.25" customHeight="1">
      <c r="A268" s="348" t="s">
        <v>543</v>
      </c>
      <c r="B268" s="348"/>
      <c r="C268" s="348"/>
      <c r="D268" s="348"/>
      <c r="E268" s="348"/>
      <c r="F268" s="348"/>
      <c r="G268" s="348"/>
      <c r="H268" s="348"/>
      <c r="I268" s="348"/>
      <c r="J268" s="348"/>
      <c r="K268" s="348"/>
      <c r="L268" s="348"/>
      <c r="M268" s="348"/>
      <c r="N268" s="348"/>
      <c r="O268" s="348"/>
      <c r="P268" s="348"/>
      <c r="Q268" s="348"/>
      <c r="R268" s="348"/>
      <c r="S268" s="348"/>
      <c r="T268" s="348"/>
      <c r="U268" s="348"/>
      <c r="V268" s="348"/>
    </row>
    <row r="269" spans="1:22" customFormat="1" ht="15.75">
      <c r="A269" s="302"/>
      <c r="B269" s="349" t="s">
        <v>285</v>
      </c>
      <c r="C269" s="349"/>
      <c r="D269" s="349"/>
      <c r="E269" s="349"/>
      <c r="F269" s="349"/>
      <c r="G269" s="349"/>
      <c r="H269" s="349"/>
      <c r="I269" s="349" t="s">
        <v>286</v>
      </c>
      <c r="J269" s="349"/>
      <c r="K269" s="349"/>
      <c r="L269" s="349"/>
      <c r="M269" s="349"/>
      <c r="N269" s="349"/>
      <c r="O269" s="349"/>
      <c r="P269" s="349" t="s">
        <v>287</v>
      </c>
      <c r="Q269" s="349"/>
      <c r="R269" s="349"/>
      <c r="S269" s="349"/>
      <c r="T269" s="349"/>
      <c r="U269" s="349"/>
      <c r="V269" s="349"/>
    </row>
    <row r="270" spans="1:22" customFormat="1" ht="72">
      <c r="A270" s="35" t="s">
        <v>70</v>
      </c>
      <c r="B270" s="36" t="s">
        <v>71</v>
      </c>
      <c r="C270" s="36" t="s">
        <v>250</v>
      </c>
      <c r="D270" s="87" t="s">
        <v>253</v>
      </c>
      <c r="E270" s="36" t="s">
        <v>252</v>
      </c>
      <c r="F270" s="87" t="s">
        <v>254</v>
      </c>
      <c r="G270" s="36" t="s">
        <v>251</v>
      </c>
      <c r="H270" s="87" t="s">
        <v>255</v>
      </c>
      <c r="I270" s="63" t="s">
        <v>71</v>
      </c>
      <c r="J270" s="63" t="s">
        <v>256</v>
      </c>
      <c r="K270" s="86" t="s">
        <v>257</v>
      </c>
      <c r="L270" s="63" t="s">
        <v>258</v>
      </c>
      <c r="M270" s="86" t="s">
        <v>259</v>
      </c>
      <c r="N270" s="63" t="s">
        <v>260</v>
      </c>
      <c r="O270" s="86" t="s">
        <v>261</v>
      </c>
      <c r="P270" s="36" t="s">
        <v>71</v>
      </c>
      <c r="Q270" s="36" t="s">
        <v>262</v>
      </c>
      <c r="R270" s="87" t="s">
        <v>263</v>
      </c>
      <c r="S270" s="36" t="s">
        <v>264</v>
      </c>
      <c r="T270" s="87" t="s">
        <v>265</v>
      </c>
      <c r="U270" s="36" t="s">
        <v>266</v>
      </c>
      <c r="V270" s="87" t="s">
        <v>267</v>
      </c>
    </row>
    <row r="271" spans="1:22" customFormat="1" ht="60">
      <c r="A271" s="39"/>
      <c r="B271" s="40" t="s">
        <v>73</v>
      </c>
      <c r="C271" s="40" t="s">
        <v>455</v>
      </c>
      <c r="D271" s="89" t="s">
        <v>87</v>
      </c>
      <c r="E271" s="40" t="s">
        <v>456</v>
      </c>
      <c r="F271" s="89" t="s">
        <v>87</v>
      </c>
      <c r="G271" s="40" t="s">
        <v>457</v>
      </c>
      <c r="H271" s="89" t="s">
        <v>87</v>
      </c>
      <c r="I271" s="66" t="s">
        <v>73</v>
      </c>
      <c r="J271" s="66" t="s">
        <v>455</v>
      </c>
      <c r="K271" s="88" t="s">
        <v>87</v>
      </c>
      <c r="L271" s="66" t="s">
        <v>456</v>
      </c>
      <c r="M271" s="88" t="s">
        <v>87</v>
      </c>
      <c r="N271" s="66" t="s">
        <v>457</v>
      </c>
      <c r="O271" s="88" t="s">
        <v>87</v>
      </c>
      <c r="P271" s="40" t="s">
        <v>73</v>
      </c>
      <c r="Q271" s="40" t="s">
        <v>455</v>
      </c>
      <c r="R271" s="89" t="s">
        <v>87</v>
      </c>
      <c r="S271" s="40" t="s">
        <v>456</v>
      </c>
      <c r="T271" s="89" t="s">
        <v>87</v>
      </c>
      <c r="U271" s="40" t="s">
        <v>457</v>
      </c>
      <c r="V271" s="89" t="s">
        <v>87</v>
      </c>
    </row>
    <row r="272" spans="1:22" customFormat="1">
      <c r="A272" s="43" t="s">
        <v>348</v>
      </c>
      <c r="B272" s="81">
        <v>6503</v>
      </c>
      <c r="C272" s="96">
        <v>0.3578131136007402</v>
      </c>
      <c r="D272" s="92">
        <v>1.1885622044660829E-2</v>
      </c>
      <c r="E272" s="96">
        <v>0.36015068119094584</v>
      </c>
      <c r="F272" s="92">
        <v>1.1902637808332206E-2</v>
      </c>
      <c r="G272" s="96">
        <v>0.28203620520831146</v>
      </c>
      <c r="H272" s="92">
        <v>1.1158502205965213E-2</v>
      </c>
      <c r="I272" s="81">
        <v>6432</v>
      </c>
      <c r="J272" s="96">
        <v>0.7641493206723452</v>
      </c>
      <c r="K272" s="92">
        <v>1.0586053895400674E-2</v>
      </c>
      <c r="L272" s="96">
        <v>0.16459306922831163</v>
      </c>
      <c r="M272" s="92">
        <v>9.2490566270787677E-3</v>
      </c>
      <c r="N272" s="96">
        <v>7.1257610099335469E-2</v>
      </c>
      <c r="O272" s="92">
        <v>6.4244126283592648E-3</v>
      </c>
      <c r="P272" s="81">
        <v>6443</v>
      </c>
      <c r="Q272" s="96">
        <v>0.86899939414504301</v>
      </c>
      <c r="R272" s="92">
        <v>8.4104551550967434E-3</v>
      </c>
      <c r="S272" s="96">
        <v>8.4255579390456817E-2</v>
      </c>
      <c r="T272" s="92">
        <v>6.9285161849068598E-3</v>
      </c>
      <c r="U272" s="96">
        <v>4.6745026464494438E-2</v>
      </c>
      <c r="V272" s="92">
        <v>5.2730487261278686E-3</v>
      </c>
    </row>
    <row r="273" spans="1:22" customFormat="1">
      <c r="A273" s="47" t="s">
        <v>349</v>
      </c>
      <c r="B273" s="155">
        <v>5959</v>
      </c>
      <c r="C273" s="159">
        <v>0.36301915716143268</v>
      </c>
      <c r="D273" s="95">
        <v>1.245515622281324E-2</v>
      </c>
      <c r="E273" s="159">
        <v>0.35211328834267452</v>
      </c>
      <c r="F273" s="95">
        <v>1.2371326041896037E-2</v>
      </c>
      <c r="G273" s="159">
        <v>0.2848675544958999</v>
      </c>
      <c r="H273" s="95">
        <v>1.1691721960768727E-2</v>
      </c>
      <c r="I273" s="155">
        <v>5891</v>
      </c>
      <c r="J273" s="159">
        <v>0.75784562269809086</v>
      </c>
      <c r="K273" s="95">
        <v>1.1161725130409915E-2</v>
      </c>
      <c r="L273" s="159">
        <v>0.16861212839374917</v>
      </c>
      <c r="M273" s="95">
        <v>9.7580939178185232E-3</v>
      </c>
      <c r="N273" s="159">
        <v>7.3542248908162397E-2</v>
      </c>
      <c r="O273" s="95">
        <v>6.8116803447185598E-3</v>
      </c>
      <c r="P273" s="155">
        <v>5900</v>
      </c>
      <c r="Q273" s="159">
        <v>0.86603586133162525</v>
      </c>
      <c r="R273" s="95">
        <v>8.87275428612261E-3</v>
      </c>
      <c r="S273" s="159">
        <v>8.4560147297164101E-2</v>
      </c>
      <c r="T273" s="95">
        <v>7.252861864868951E-3</v>
      </c>
      <c r="U273" s="159">
        <v>4.9403991371211937E-2</v>
      </c>
      <c r="V273" s="95">
        <v>5.6572291914456481E-3</v>
      </c>
    </row>
    <row r="274" spans="1:22" customFormat="1">
      <c r="A274" s="43" t="s">
        <v>350</v>
      </c>
      <c r="B274" s="81">
        <v>544</v>
      </c>
      <c r="C274" s="96">
        <v>0.34092582225704426</v>
      </c>
      <c r="D274" s="92">
        <v>4.0531457360053626E-2</v>
      </c>
      <c r="E274" s="96">
        <v>0.38622226378342661</v>
      </c>
      <c r="F274" s="92">
        <v>4.1613701471487928E-2</v>
      </c>
      <c r="G274" s="96">
        <v>0.27285191395952757</v>
      </c>
      <c r="H274" s="92">
        <v>3.8127162182492569E-2</v>
      </c>
      <c r="I274" s="81">
        <v>541</v>
      </c>
      <c r="J274" s="96">
        <v>0.78443943074302636</v>
      </c>
      <c r="K274" s="92">
        <v>3.5351701874865166E-2</v>
      </c>
      <c r="L274" s="96">
        <v>0.15165667012096176</v>
      </c>
      <c r="M274" s="92">
        <v>3.0940199300461931E-2</v>
      </c>
      <c r="N274" s="96">
        <v>6.3903899136010911E-2</v>
      </c>
      <c r="O274" s="92">
        <v>2.1435044019019314E-2</v>
      </c>
      <c r="P274" s="81">
        <v>543</v>
      </c>
      <c r="Q274" s="96">
        <v>0.87850619510786099</v>
      </c>
      <c r="R274" s="92">
        <v>2.8209287162697199E-2</v>
      </c>
      <c r="S274" s="96">
        <v>8.3278547364490668E-2</v>
      </c>
      <c r="T274" s="92">
        <v>2.4016099820241124E-2</v>
      </c>
      <c r="U274" s="96">
        <v>3.8215257527648129E-2</v>
      </c>
      <c r="V274" s="92">
        <v>1.7073281670986422E-2</v>
      </c>
    </row>
    <row r="275" spans="1:22" customFormat="1">
      <c r="A275" s="47" t="s">
        <v>568</v>
      </c>
      <c r="B275" s="155">
        <v>5662</v>
      </c>
      <c r="C275" s="159">
        <v>0.35815392974956445</v>
      </c>
      <c r="D275" s="95">
        <v>1.2739982694669994E-2</v>
      </c>
      <c r="E275" s="159">
        <v>0.35979112254745937</v>
      </c>
      <c r="F275" s="95">
        <v>1.2752752583676906E-2</v>
      </c>
      <c r="G275" s="159">
        <v>0.28205494770297346</v>
      </c>
      <c r="H275" s="95">
        <v>1.1958482045115069E-2</v>
      </c>
      <c r="I275" s="155">
        <v>5596</v>
      </c>
      <c r="J275" s="159">
        <v>0.76412524387655689</v>
      </c>
      <c r="K275" s="95">
        <v>1.1349558838518152E-2</v>
      </c>
      <c r="L275" s="159">
        <v>0.16452242457125521</v>
      </c>
      <c r="M275" s="95">
        <v>9.9144741891314982E-3</v>
      </c>
      <c r="N275" s="159">
        <v>7.1352331552181403E-2</v>
      </c>
      <c r="O275" s="95">
        <v>6.8932454839999201E-3</v>
      </c>
      <c r="P275" s="155">
        <v>5605</v>
      </c>
      <c r="Q275" s="159">
        <v>0.8689480668259526</v>
      </c>
      <c r="R275" s="95">
        <v>9.0193588946987906E-3</v>
      </c>
      <c r="S275" s="159">
        <v>8.4220168259343212E-2</v>
      </c>
      <c r="T275" s="95">
        <v>7.4282019388244901E-3</v>
      </c>
      <c r="U275" s="159">
        <v>4.6831764914697739E-2</v>
      </c>
      <c r="V275" s="95">
        <v>5.6605939745421217E-3</v>
      </c>
    </row>
    <row r="276" spans="1:22" customFormat="1">
      <c r="A276" s="43" t="s">
        <v>569</v>
      </c>
      <c r="B276" s="81">
        <v>841</v>
      </c>
      <c r="C276" s="96">
        <v>0.31000726317638655</v>
      </c>
      <c r="D276" s="92">
        <v>3.1846057235010772E-2</v>
      </c>
      <c r="E276" s="96">
        <v>0.41058551765216739</v>
      </c>
      <c r="F276" s="92">
        <v>3.3851787155342782E-2</v>
      </c>
      <c r="G276" s="96">
        <v>0.27940721917144795</v>
      </c>
      <c r="H276" s="92">
        <v>3.0907262098500178E-2</v>
      </c>
      <c r="I276" s="81">
        <v>836</v>
      </c>
      <c r="J276" s="96">
        <v>0.76751122824566453</v>
      </c>
      <c r="K276" s="92">
        <v>2.920515816660103E-2</v>
      </c>
      <c r="L276" s="96">
        <v>0.17445737217160423</v>
      </c>
      <c r="M276" s="92">
        <v>2.6279532923941969E-2</v>
      </c>
      <c r="N276" s="96">
        <v>5.8031399582732915E-2</v>
      </c>
      <c r="O276" s="92">
        <v>1.6405526367157763E-2</v>
      </c>
      <c r="P276" s="81">
        <v>838</v>
      </c>
      <c r="Q276" s="96">
        <v>0.87614919913386236</v>
      </c>
      <c r="R276" s="92">
        <v>2.2844397016044272E-2</v>
      </c>
      <c r="S276" s="96">
        <v>8.9188287476232114E-2</v>
      </c>
      <c r="T276" s="92">
        <v>1.9837032961331772E-2</v>
      </c>
      <c r="U276" s="96">
        <v>3.4662513389907008E-2</v>
      </c>
      <c r="V276" s="92">
        <v>1.2988852176472767E-2</v>
      </c>
    </row>
    <row r="277" spans="1:22" customFormat="1">
      <c r="A277" s="47" t="s">
        <v>570</v>
      </c>
      <c r="B277" s="155">
        <v>170</v>
      </c>
      <c r="C277" s="159">
        <v>0.37279592086873292</v>
      </c>
      <c r="D277" s="95">
        <v>7.3430633390162078E-2</v>
      </c>
      <c r="E277" s="159">
        <v>0.38418578250892726</v>
      </c>
      <c r="F277" s="95">
        <v>7.3843055883918665E-2</v>
      </c>
      <c r="G277" s="159">
        <v>0.24301829662233965</v>
      </c>
      <c r="H277" s="95">
        <v>6.5558924508878194E-2</v>
      </c>
      <c r="I277" s="155">
        <v>168</v>
      </c>
      <c r="J277" s="159">
        <v>0.77051004461864647</v>
      </c>
      <c r="K277" s="95">
        <v>6.4733489435146799E-2</v>
      </c>
      <c r="L277" s="159">
        <v>0.14553884710724924</v>
      </c>
      <c r="M277" s="95">
        <v>5.5012300169534761E-2</v>
      </c>
      <c r="N277" s="159">
        <v>8.3951108274104486E-2</v>
      </c>
      <c r="O277" s="95">
        <v>4.4424147975342478E-2</v>
      </c>
      <c r="P277" s="155">
        <v>170</v>
      </c>
      <c r="Q277" s="159">
        <v>0.87259987866146571</v>
      </c>
      <c r="R277" s="95">
        <v>5.1967934780912058E-2</v>
      </c>
      <c r="S277" s="159">
        <v>8.0648028186066284E-2</v>
      </c>
      <c r="T277" s="95">
        <v>4.3453324322731371E-2</v>
      </c>
      <c r="U277" s="159">
        <v>4.6752093152468185E-2</v>
      </c>
      <c r="V277" s="95">
        <v>3.5201552702927151E-2</v>
      </c>
    </row>
    <row r="278" spans="1:22" customFormat="1">
      <c r="A278" s="43" t="s">
        <v>571</v>
      </c>
      <c r="B278" s="81">
        <v>522</v>
      </c>
      <c r="C278" s="96">
        <v>0.29345140950460746</v>
      </c>
      <c r="D278" s="92">
        <v>3.9769685725967868E-2</v>
      </c>
      <c r="E278" s="96">
        <v>0.40713029754217828</v>
      </c>
      <c r="F278" s="92">
        <v>4.2854949888310838E-2</v>
      </c>
      <c r="G278" s="96">
        <v>0.2994182929532142</v>
      </c>
      <c r="H278" s="92">
        <v>3.9997771916601248E-2</v>
      </c>
      <c r="I278" s="81">
        <v>519</v>
      </c>
      <c r="J278" s="96">
        <v>0.78618240935315098</v>
      </c>
      <c r="K278" s="92">
        <v>3.5988910123841034E-2</v>
      </c>
      <c r="L278" s="96">
        <v>0.16334420419398676</v>
      </c>
      <c r="M278" s="92">
        <v>3.253354107401224E-2</v>
      </c>
      <c r="N278" s="96">
        <v>5.0473386452862569E-2</v>
      </c>
      <c r="O278" s="92">
        <v>1.9750838833344567E-2</v>
      </c>
      <c r="P278" s="81">
        <v>519</v>
      </c>
      <c r="Q278" s="96">
        <v>0.88629124652478797</v>
      </c>
      <c r="R278" s="92">
        <v>2.8074318511595399E-2</v>
      </c>
      <c r="S278" s="96">
        <v>9.2666621267938745E-2</v>
      </c>
      <c r="T278" s="92">
        <v>2.5736983187589227E-2</v>
      </c>
      <c r="U278" s="96">
        <v>2.1042132207273006E-2</v>
      </c>
      <c r="V278" s="92">
        <v>1.3575069531626063E-2</v>
      </c>
    </row>
    <row r="279" spans="1:22" customFormat="1">
      <c r="A279" s="47" t="s">
        <v>582</v>
      </c>
      <c r="B279" s="155">
        <v>484</v>
      </c>
      <c r="C279" s="159">
        <v>0.28461886398691222</v>
      </c>
      <c r="D279" s="95">
        <v>4.0928598914237155E-2</v>
      </c>
      <c r="E279" s="159">
        <v>0.44814858549017855</v>
      </c>
      <c r="F279" s="95">
        <v>4.5027798798255587E-2</v>
      </c>
      <c r="G279" s="159">
        <v>0.26723255052291045</v>
      </c>
      <c r="H279" s="95">
        <v>4.0153790649200938E-2</v>
      </c>
      <c r="I279" s="155">
        <v>481</v>
      </c>
      <c r="J279" s="159">
        <v>0.75500097812428424</v>
      </c>
      <c r="K279" s="95">
        <v>3.9171066922918274E-2</v>
      </c>
      <c r="L279" s="159">
        <v>0.19241213410246619</v>
      </c>
      <c r="M279" s="95">
        <v>3.5977524662480435E-2</v>
      </c>
      <c r="N279" s="159">
        <v>5.258688777325058E-2</v>
      </c>
      <c r="O279" s="95">
        <v>2.0928903539242424E-2</v>
      </c>
      <c r="P279" s="155">
        <v>481</v>
      </c>
      <c r="Q279" s="159">
        <v>0.88207274520178724</v>
      </c>
      <c r="R279" s="95">
        <v>2.9625622580685972E-2</v>
      </c>
      <c r="S279" s="159">
        <v>8.341922853226412E-2</v>
      </c>
      <c r="T279" s="95">
        <v>2.5575627017068586E-2</v>
      </c>
      <c r="U279" s="159">
        <v>3.4508026265949614E-2</v>
      </c>
      <c r="V279" s="95">
        <v>1.7439529110221598E-2</v>
      </c>
    </row>
    <row r="280" spans="1:22" customFormat="1">
      <c r="A280" s="43" t="s">
        <v>583</v>
      </c>
      <c r="B280" s="81">
        <v>357</v>
      </c>
      <c r="C280" s="96">
        <v>0.3320647951506025</v>
      </c>
      <c r="D280" s="92">
        <v>4.9643525348101084E-2</v>
      </c>
      <c r="E280" s="96">
        <v>0.37795059003411746</v>
      </c>
      <c r="F280" s="92">
        <v>5.1075113795319538E-2</v>
      </c>
      <c r="G280" s="96">
        <v>0.28998461481527887</v>
      </c>
      <c r="H280" s="92">
        <v>4.7876289262820185E-2</v>
      </c>
      <c r="I280" s="81">
        <v>355</v>
      </c>
      <c r="J280" s="96">
        <v>0.77831628463145652</v>
      </c>
      <c r="K280" s="92">
        <v>4.406333205044026E-2</v>
      </c>
      <c r="L280" s="96">
        <v>0.15894991123563781</v>
      </c>
      <c r="M280" s="92">
        <v>3.8964647686196834E-2</v>
      </c>
      <c r="N280" s="96">
        <v>6.2733804132905385E-2</v>
      </c>
      <c r="O280" s="92">
        <v>2.6501757929778488E-2</v>
      </c>
      <c r="P280" s="81">
        <v>357</v>
      </c>
      <c r="Q280" s="96">
        <v>0.87105199514937182</v>
      </c>
      <c r="R280" s="92">
        <v>3.575146349187526E-2</v>
      </c>
      <c r="S280" s="96">
        <v>9.4152555483730915E-2</v>
      </c>
      <c r="T280" s="92">
        <v>3.1388506490324111E-2</v>
      </c>
      <c r="U280" s="96">
        <v>3.4795449366897421E-2</v>
      </c>
      <c r="V280" s="92">
        <v>2.0614940202454697E-2</v>
      </c>
    </row>
    <row r="281" spans="1:22" customFormat="1">
      <c r="A281" s="47" t="s">
        <v>572</v>
      </c>
      <c r="B281" s="155">
        <v>96</v>
      </c>
      <c r="C281" s="159">
        <v>0.3742539629917615</v>
      </c>
      <c r="D281" s="95">
        <v>9.7041764233193467E-2</v>
      </c>
      <c r="E281" s="159">
        <v>0.40192483465011869</v>
      </c>
      <c r="F281" s="95">
        <v>9.8211072900233093E-2</v>
      </c>
      <c r="G281" s="159">
        <v>0.22382120235811981</v>
      </c>
      <c r="H281" s="95">
        <v>8.4783302702645752E-2</v>
      </c>
      <c r="I281" s="155">
        <v>96</v>
      </c>
      <c r="J281" s="159">
        <v>0.72341872404535013</v>
      </c>
      <c r="K281" s="95">
        <v>9.0332160909449163E-2</v>
      </c>
      <c r="L281" s="159">
        <v>0.2202321881564655</v>
      </c>
      <c r="M281" s="95">
        <v>8.4348406432868256E-2</v>
      </c>
      <c r="N281" s="159">
        <v>5.6349087798183976E-2</v>
      </c>
      <c r="O281" s="95">
        <v>5.2385126455229941E-2</v>
      </c>
      <c r="P281" s="155">
        <v>95</v>
      </c>
      <c r="Q281" s="159">
        <v>0.83534472710095831</v>
      </c>
      <c r="R281" s="95">
        <v>7.6922548335451604E-2</v>
      </c>
      <c r="S281" s="159">
        <v>0.10454252559035609</v>
      </c>
      <c r="T281" s="95">
        <v>6.5441897754416167E-2</v>
      </c>
      <c r="U281" s="159">
        <v>6.0112747308685162E-2</v>
      </c>
      <c r="V281" s="95">
        <v>5.3868431329083026E-2</v>
      </c>
    </row>
    <row r="282" spans="1:22" customFormat="1">
      <c r="A282" s="43" t="s">
        <v>573</v>
      </c>
      <c r="B282" s="81">
        <v>229</v>
      </c>
      <c r="C282" s="96">
        <v>0.33970926651296635</v>
      </c>
      <c r="D282" s="92">
        <v>6.2175368167214938E-2</v>
      </c>
      <c r="E282" s="96">
        <v>0.44345111211682986</v>
      </c>
      <c r="F282" s="92">
        <v>6.5106195948955586E-2</v>
      </c>
      <c r="G282" s="96">
        <v>0.21683962137020449</v>
      </c>
      <c r="H282" s="92">
        <v>5.4426313373963461E-2</v>
      </c>
      <c r="I282" s="81">
        <v>228</v>
      </c>
      <c r="J282" s="96">
        <v>0.77420567500068427</v>
      </c>
      <c r="K282" s="92">
        <v>5.5301931810449088E-2</v>
      </c>
      <c r="L282" s="96">
        <v>0.1469667633511747</v>
      </c>
      <c r="M282" s="92">
        <v>4.727545039423893E-2</v>
      </c>
      <c r="N282" s="96">
        <v>7.8827561648141364E-2</v>
      </c>
      <c r="O282" s="92">
        <v>3.6830883951383092E-2</v>
      </c>
      <c r="P282" s="81">
        <v>229</v>
      </c>
      <c r="Q282" s="96">
        <v>0.87109890320987238</v>
      </c>
      <c r="R282" s="92">
        <v>4.4812132068306879E-2</v>
      </c>
      <c r="S282" s="96">
        <v>8.6642476218954989E-2</v>
      </c>
      <c r="T282" s="92">
        <v>3.8189001592789748E-2</v>
      </c>
      <c r="U282" s="96">
        <v>4.2258620571173237E-2</v>
      </c>
      <c r="V282" s="92">
        <v>2.8587684210889638E-2</v>
      </c>
    </row>
    <row r="283" spans="1:22" customFormat="1">
      <c r="A283" s="47" t="s">
        <v>574</v>
      </c>
      <c r="B283" s="155">
        <v>278</v>
      </c>
      <c r="C283" s="159">
        <v>0.25860209461970207</v>
      </c>
      <c r="D283" s="95">
        <v>5.237189168493895E-2</v>
      </c>
      <c r="E283" s="159">
        <v>0.43870478592423973</v>
      </c>
      <c r="F283" s="95">
        <v>5.9112673432397032E-2</v>
      </c>
      <c r="G283" s="159">
        <v>0.30269311945605831</v>
      </c>
      <c r="H283" s="95">
        <v>5.4858497482169116E-2</v>
      </c>
      <c r="I283" s="155">
        <v>273</v>
      </c>
      <c r="J283" s="159">
        <v>0.78287745130640685</v>
      </c>
      <c r="K283" s="95">
        <v>4.9877061605122647E-2</v>
      </c>
      <c r="L283" s="159">
        <v>0.18469467845034088</v>
      </c>
      <c r="M283" s="95">
        <v>4.7070587602099992E-2</v>
      </c>
      <c r="N283" s="159">
        <v>3.2427870243252173E-2</v>
      </c>
      <c r="O283" s="95">
        <v>2.3315372441625251E-2</v>
      </c>
      <c r="P283" s="155">
        <v>276</v>
      </c>
      <c r="Q283" s="159">
        <v>0.90902019811372003</v>
      </c>
      <c r="R283" s="95">
        <v>3.5344885343624052E-2</v>
      </c>
      <c r="S283" s="159">
        <v>6.9738288177555535E-2</v>
      </c>
      <c r="T283" s="95">
        <v>3.1651307450273648E-2</v>
      </c>
      <c r="U283" s="159">
        <v>2.1241513708724565E-2</v>
      </c>
      <c r="V283" s="95">
        <v>1.9745662290693716E-2</v>
      </c>
    </row>
    <row r="284" spans="1:22" customFormat="1">
      <c r="A284" s="43" t="s">
        <v>575</v>
      </c>
      <c r="B284" s="81">
        <v>233</v>
      </c>
      <c r="C284" s="96">
        <v>0.29247078035399182</v>
      </c>
      <c r="D284" s="92">
        <v>5.9303003623089635E-2</v>
      </c>
      <c r="E284" s="96">
        <v>0.3343857689387712</v>
      </c>
      <c r="F284" s="92">
        <v>6.1416466627491617E-2</v>
      </c>
      <c r="G284" s="96">
        <v>0.37314345070723709</v>
      </c>
      <c r="H284" s="92">
        <v>6.2903856910747638E-2</v>
      </c>
      <c r="I284" s="81">
        <v>234</v>
      </c>
      <c r="J284" s="96">
        <v>0.76076935505765009</v>
      </c>
      <c r="K284" s="92">
        <v>5.5649846458897957E-2</v>
      </c>
      <c r="L284" s="96">
        <v>0.17470392105505347</v>
      </c>
      <c r="M284" s="92">
        <v>4.9824812967337984E-2</v>
      </c>
      <c r="N284" s="96">
        <v>6.4526723887296966E-2</v>
      </c>
      <c r="O284" s="92">
        <v>3.3477400349379571E-2</v>
      </c>
      <c r="P284" s="81">
        <v>233</v>
      </c>
      <c r="Q284" s="96">
        <v>0.86377646717649381</v>
      </c>
      <c r="R284" s="92">
        <v>4.5394832995622934E-2</v>
      </c>
      <c r="S284" s="96">
        <v>0.10825321880795342</v>
      </c>
      <c r="T284" s="92">
        <v>4.1424226073282826E-2</v>
      </c>
      <c r="U284" s="96">
        <v>2.7970314015553169E-2</v>
      </c>
      <c r="V284" s="92">
        <v>2.4181307948561263E-2</v>
      </c>
    </row>
    <row r="285" spans="1:22" customFormat="1">
      <c r="A285" s="47" t="s">
        <v>576</v>
      </c>
      <c r="B285" s="155">
        <v>328</v>
      </c>
      <c r="C285" s="159">
        <v>0.31248774059755546</v>
      </c>
      <c r="D285" s="95">
        <v>5.0976169485299649E-2</v>
      </c>
      <c r="E285" s="159">
        <v>0.40599376618971816</v>
      </c>
      <c r="F285" s="95">
        <v>5.3927046784187305E-2</v>
      </c>
      <c r="G285" s="159">
        <v>0.28151849321272587</v>
      </c>
      <c r="H285" s="95">
        <v>4.9504669742652871E-2</v>
      </c>
      <c r="I285" s="155">
        <v>324</v>
      </c>
      <c r="J285" s="159">
        <v>0.70626487541218252</v>
      </c>
      <c r="K285" s="95">
        <v>5.0423349409242715E-2</v>
      </c>
      <c r="L285" s="159">
        <v>0.2276036028825163</v>
      </c>
      <c r="M285" s="95">
        <v>4.6538591240290791E-2</v>
      </c>
      <c r="N285" s="159">
        <v>6.6131521705301177E-2</v>
      </c>
      <c r="O285" s="95">
        <v>2.8439369143476737E-2</v>
      </c>
      <c r="P285" s="155">
        <v>327</v>
      </c>
      <c r="Q285" s="159">
        <v>0.86334016025139793</v>
      </c>
      <c r="R285" s="95">
        <v>3.8263732514011647E-2</v>
      </c>
      <c r="S285" s="159">
        <v>0.10085510912046597</v>
      </c>
      <c r="T285" s="95">
        <v>3.3795304064067541E-2</v>
      </c>
      <c r="U285" s="159">
        <v>3.5804730628135897E-2</v>
      </c>
      <c r="V285" s="95">
        <v>2.1903163281198543E-2</v>
      </c>
    </row>
    <row r="286" spans="1:22" customFormat="1">
      <c r="A286" s="55" t="s">
        <v>577</v>
      </c>
      <c r="B286" s="81">
        <v>248</v>
      </c>
      <c r="C286" s="96">
        <v>0.29663130050451064</v>
      </c>
      <c r="D286" s="92">
        <v>5.7727291318133943E-2</v>
      </c>
      <c r="E286" s="96">
        <v>0.38615089221252924</v>
      </c>
      <c r="F286" s="92">
        <v>6.1392129545858029E-2</v>
      </c>
      <c r="G286" s="96">
        <v>0.31721780728295923</v>
      </c>
      <c r="H286" s="92">
        <v>5.8776259394105822E-2</v>
      </c>
      <c r="I286" s="81">
        <v>248</v>
      </c>
      <c r="J286" s="96">
        <v>0.83170382806177012</v>
      </c>
      <c r="K286" s="92">
        <v>4.7715722845489278E-2</v>
      </c>
      <c r="L286" s="96">
        <v>0.12600706484114432</v>
      </c>
      <c r="M286" s="92">
        <v>4.2638082655968836E-2</v>
      </c>
      <c r="N286" s="96">
        <v>4.2289107097085027E-2</v>
      </c>
      <c r="O286" s="92">
        <v>2.734225314192899E-2</v>
      </c>
      <c r="P286" s="81">
        <v>248</v>
      </c>
      <c r="Q286" s="96">
        <v>0.90642696488889474</v>
      </c>
      <c r="R286" s="92">
        <v>3.7800521713124181E-2</v>
      </c>
      <c r="S286" s="96">
        <v>8.1449074919006909E-2</v>
      </c>
      <c r="T286" s="92">
        <v>3.5708788986573495E-2</v>
      </c>
      <c r="U286" s="96">
        <v>1.2123960192098182E-2</v>
      </c>
      <c r="V286" s="92">
        <v>1.7581233648415261E-2</v>
      </c>
    </row>
    <row r="287" spans="1:22" customFormat="1">
      <c r="A287" s="47" t="s">
        <v>578</v>
      </c>
      <c r="B287" s="155">
        <v>84</v>
      </c>
      <c r="C287" s="159">
        <v>0.35229616207599945</v>
      </c>
      <c r="D287" s="95">
        <v>0.10227454412149824</v>
      </c>
      <c r="E287" s="159">
        <v>0.43816192851004504</v>
      </c>
      <c r="F287" s="95">
        <v>0.10585491437694766</v>
      </c>
      <c r="G287" s="159">
        <v>0.2095419094139549</v>
      </c>
      <c r="H287" s="95">
        <v>8.8710308765295856E-2</v>
      </c>
      <c r="I287" s="155">
        <v>83</v>
      </c>
      <c r="J287" s="159">
        <v>0.77793429231176381</v>
      </c>
      <c r="K287" s="95">
        <v>9.089401496467793E-2</v>
      </c>
      <c r="L287" s="159">
        <v>0.15325718069399036</v>
      </c>
      <c r="M287" s="95">
        <v>8.0392985721677468E-2</v>
      </c>
      <c r="N287" s="159">
        <v>6.88085269942455E-2</v>
      </c>
      <c r="O287" s="95">
        <v>6.0941856123962572E-2</v>
      </c>
      <c r="P287" s="155">
        <v>83</v>
      </c>
      <c r="Q287" s="159">
        <v>0.86141660798064468</v>
      </c>
      <c r="R287" s="95">
        <v>7.7641418830390344E-2</v>
      </c>
      <c r="S287" s="159">
        <v>8.0241154614048363E-2</v>
      </c>
      <c r="T287" s="95">
        <v>6.4195147264332023E-2</v>
      </c>
      <c r="U287" s="159">
        <v>5.8342237405306856E-2</v>
      </c>
      <c r="V287" s="95">
        <v>5.7720204961577821E-2</v>
      </c>
    </row>
    <row r="288" spans="1:22" customFormat="1">
      <c r="A288" s="55" t="s">
        <v>579</v>
      </c>
      <c r="B288" s="81">
        <v>72</v>
      </c>
      <c r="C288" s="96">
        <v>0.28640227452581923</v>
      </c>
      <c r="D288" s="92">
        <v>0.10489397015439031</v>
      </c>
      <c r="E288" s="96">
        <v>0.49833428391509105</v>
      </c>
      <c r="F288" s="92">
        <v>0.11470729563551205</v>
      </c>
      <c r="G288" s="96">
        <v>0.21526344155909008</v>
      </c>
      <c r="H288" s="92">
        <v>9.6582309829275695E-2</v>
      </c>
      <c r="I288" s="81">
        <v>72</v>
      </c>
      <c r="J288" s="96">
        <v>0.80368146151813802</v>
      </c>
      <c r="K288" s="92">
        <v>9.3816655000135155E-2</v>
      </c>
      <c r="L288" s="96">
        <v>0.16797064985575949</v>
      </c>
      <c r="M288" s="92">
        <v>8.9164456230531042E-2</v>
      </c>
      <c r="N288" s="96">
        <v>2.8347888626102592E-2</v>
      </c>
      <c r="O288" s="92">
        <v>5.1475316509986102E-2</v>
      </c>
      <c r="P288" s="81">
        <v>71</v>
      </c>
      <c r="Q288" s="96">
        <v>0.8963775193098773</v>
      </c>
      <c r="R288" s="92">
        <v>7.6314054603635245E-2</v>
      </c>
      <c r="S288" s="96">
        <v>7.0049590190621375E-2</v>
      </c>
      <c r="T288" s="92">
        <v>6.7066115233290799E-2</v>
      </c>
      <c r="U288" s="96">
        <v>3.3572890499501178E-2</v>
      </c>
      <c r="V288" s="92">
        <v>5.4176362399741003E-2</v>
      </c>
    </row>
    <row r="289" spans="1:22" customFormat="1">
      <c r="A289" s="47" t="s">
        <v>580</v>
      </c>
      <c r="B289" s="155">
        <v>72</v>
      </c>
      <c r="C289" s="159">
        <v>0.26509433438572449</v>
      </c>
      <c r="D289" s="95">
        <v>0.10271958891175813</v>
      </c>
      <c r="E289" s="159">
        <v>0.36451501172784889</v>
      </c>
      <c r="F289" s="95">
        <v>0.11086388038167133</v>
      </c>
      <c r="G289" s="159">
        <v>0.37039065388642661</v>
      </c>
      <c r="H289" s="95">
        <v>0.11119521851297956</v>
      </c>
      <c r="I289" s="155">
        <v>72</v>
      </c>
      <c r="J289" s="159">
        <v>0.78869009733168083</v>
      </c>
      <c r="K289" s="95">
        <v>9.6026312924233262E-2</v>
      </c>
      <c r="L289" s="159">
        <v>0.13750903755674565</v>
      </c>
      <c r="M289" s="95">
        <v>8.3372297938284878E-2</v>
      </c>
      <c r="N289" s="159">
        <v>7.3800865111573549E-2</v>
      </c>
      <c r="O289" s="95">
        <v>6.7656922468608174E-2</v>
      </c>
      <c r="P289" s="155">
        <v>72</v>
      </c>
      <c r="Q289" s="159">
        <v>0.86499457163993976</v>
      </c>
      <c r="R289" s="95">
        <v>8.2854722705021713E-2</v>
      </c>
      <c r="S289" s="159">
        <v>8.8622922795950382E-2</v>
      </c>
      <c r="T289" s="95">
        <v>7.186021375762755E-2</v>
      </c>
      <c r="U289" s="159">
        <v>4.6382505564109805E-2</v>
      </c>
      <c r="V289" s="95">
        <v>5.8634034015539814E-2</v>
      </c>
    </row>
    <row r="290" spans="1:22" customFormat="1">
      <c r="A290" s="55" t="s">
        <v>581</v>
      </c>
      <c r="B290" s="81">
        <v>31</v>
      </c>
      <c r="C290" s="328" t="s">
        <v>656</v>
      </c>
      <c r="D290" s="329"/>
      <c r="E290" s="329"/>
      <c r="F290" s="329"/>
      <c r="G290" s="329"/>
      <c r="H290" s="329"/>
      <c r="I290" s="329"/>
      <c r="J290" s="329"/>
      <c r="K290" s="329"/>
      <c r="L290" s="329"/>
      <c r="M290" s="329"/>
      <c r="N290" s="329"/>
      <c r="O290" s="329"/>
      <c r="P290" s="329"/>
      <c r="Q290" s="329"/>
      <c r="R290" s="329"/>
      <c r="S290" s="329"/>
      <c r="T290" s="329"/>
      <c r="U290" s="329"/>
      <c r="V290" s="330"/>
    </row>
    <row r="291" spans="1:22" customFormat="1">
      <c r="A291" s="47" t="s">
        <v>584</v>
      </c>
      <c r="B291" s="155">
        <v>4</v>
      </c>
      <c r="C291" s="331" t="s">
        <v>656</v>
      </c>
      <c r="D291" s="332"/>
      <c r="E291" s="332"/>
      <c r="F291" s="332"/>
      <c r="G291" s="332"/>
      <c r="H291" s="332"/>
      <c r="I291" s="332"/>
      <c r="J291" s="332"/>
      <c r="K291" s="332"/>
      <c r="L291" s="332"/>
      <c r="M291" s="332"/>
      <c r="N291" s="332"/>
      <c r="O291" s="332"/>
      <c r="P291" s="332"/>
      <c r="Q291" s="332"/>
      <c r="R291" s="332"/>
      <c r="S291" s="332"/>
      <c r="T291" s="332"/>
      <c r="U291" s="332"/>
      <c r="V291" s="333"/>
    </row>
    <row r="292" spans="1:22" customFormat="1">
      <c r="A292" s="55" t="s">
        <v>585</v>
      </c>
      <c r="B292" s="81">
        <v>837</v>
      </c>
      <c r="C292" s="96">
        <v>0.30968981709030413</v>
      </c>
      <c r="D292" s="92">
        <v>3.1912911951494809E-2</v>
      </c>
      <c r="E292" s="96">
        <v>0.40784638359454461</v>
      </c>
      <c r="F292" s="92">
        <v>3.3897677860074811E-2</v>
      </c>
      <c r="G292" s="96">
        <v>0.28246379931515286</v>
      </c>
      <c r="H292" s="92">
        <v>3.1082497775480236E-2</v>
      </c>
      <c r="I292" s="81">
        <v>832</v>
      </c>
      <c r="J292" s="96">
        <v>0.77034344476262939</v>
      </c>
      <c r="K292" s="92">
        <v>2.9151652002913992E-2</v>
      </c>
      <c r="L292" s="96">
        <v>0.17098627698479113</v>
      </c>
      <c r="M292" s="92">
        <v>2.6137598477954199E-2</v>
      </c>
      <c r="N292" s="96">
        <v>5.8670278252580949E-2</v>
      </c>
      <c r="O292" s="92">
        <v>1.6527121959643794E-2</v>
      </c>
      <c r="P292" s="81">
        <v>834</v>
      </c>
      <c r="Q292" s="96">
        <v>0.87607465054334566</v>
      </c>
      <c r="R292" s="92">
        <v>2.2905307024860242E-2</v>
      </c>
      <c r="S292" s="96">
        <v>8.8882068585547189E-2</v>
      </c>
      <c r="T292" s="92">
        <v>1.9855291774173188E-2</v>
      </c>
      <c r="U292" s="96">
        <v>3.5043280871108189E-2</v>
      </c>
      <c r="V292" s="92">
        <v>1.3085753516369801E-2</v>
      </c>
    </row>
    <row r="293" spans="1:22" customFormat="1">
      <c r="A293" s="47" t="s">
        <v>620</v>
      </c>
      <c r="B293" s="155">
        <v>37</v>
      </c>
      <c r="C293" s="159">
        <v>0.34020767783492273</v>
      </c>
      <c r="D293" s="95">
        <v>0.14953767600728218</v>
      </c>
      <c r="E293" s="159">
        <v>0.4292928187922867</v>
      </c>
      <c r="F293" s="95">
        <v>0.15489679389401231</v>
      </c>
      <c r="G293" s="159">
        <v>0.2304995033727906</v>
      </c>
      <c r="H293" s="95">
        <v>0.13645332729191881</v>
      </c>
      <c r="I293" s="155">
        <v>36</v>
      </c>
      <c r="J293" s="159">
        <v>0.69800085087028063</v>
      </c>
      <c r="K293" s="95">
        <v>0.14773100117249</v>
      </c>
      <c r="L293" s="159">
        <v>0.24643298327258731</v>
      </c>
      <c r="M293" s="95">
        <v>0.14068406167816155</v>
      </c>
      <c r="N293" s="159">
        <v>5.5566165857132005E-2</v>
      </c>
      <c r="O293" s="95">
        <v>9.4872355997912508E-2</v>
      </c>
      <c r="P293" s="155">
        <v>37</v>
      </c>
      <c r="Q293" s="159">
        <v>0.8811767299784854</v>
      </c>
      <c r="R293" s="95">
        <v>0.11334029723779747</v>
      </c>
      <c r="S293" s="159">
        <v>8.2484261397129582E-2</v>
      </c>
      <c r="T293" s="95">
        <v>0.10266447878804712</v>
      </c>
      <c r="U293" s="159">
        <v>3.6339008624384883E-2</v>
      </c>
      <c r="V293" s="95">
        <v>8.5494186215901061E-2</v>
      </c>
    </row>
    <row r="294" spans="1:22" customFormat="1">
      <c r="A294" s="55" t="s">
        <v>621</v>
      </c>
      <c r="B294" s="81">
        <v>52</v>
      </c>
      <c r="C294" s="96">
        <v>0.33240379036716539</v>
      </c>
      <c r="D294" s="92">
        <v>0.12699292535178328</v>
      </c>
      <c r="E294" s="96">
        <v>0.39018914447619579</v>
      </c>
      <c r="F294" s="92">
        <v>0.13082231281847359</v>
      </c>
      <c r="G294" s="96">
        <v>0.27740706515663843</v>
      </c>
      <c r="H294" s="92">
        <v>0.1216780946563313</v>
      </c>
      <c r="I294" s="81">
        <v>51</v>
      </c>
      <c r="J294" s="96">
        <v>0.85579637420164745</v>
      </c>
      <c r="K294" s="92">
        <v>0.1013195171478995</v>
      </c>
      <c r="L294" s="96">
        <v>7.8386784491612321E-2</v>
      </c>
      <c r="M294" s="92">
        <v>8.4059613667295793E-2</v>
      </c>
      <c r="N294" s="96">
        <v>6.5816841306740273E-2</v>
      </c>
      <c r="O294" s="92">
        <v>7.9958282920671031E-2</v>
      </c>
      <c r="P294" s="81">
        <v>50</v>
      </c>
      <c r="Q294" s="96">
        <v>0.85637352592644878</v>
      </c>
      <c r="R294" s="92">
        <v>0.10224015953720776</v>
      </c>
      <c r="S294" s="96">
        <v>7.7384497994703594E-2</v>
      </c>
      <c r="T294" s="92">
        <v>8.4711263492083189E-2</v>
      </c>
      <c r="U294" s="96">
        <v>6.6241976078847589E-2</v>
      </c>
      <c r="V294" s="92">
        <v>8.105558692824158E-2</v>
      </c>
    </row>
    <row r="295" spans="1:22" customFormat="1">
      <c r="A295" s="47" t="s">
        <v>622</v>
      </c>
      <c r="B295" s="155">
        <v>399</v>
      </c>
      <c r="C295" s="159">
        <v>0.29584928936123744</v>
      </c>
      <c r="D295" s="95">
        <v>4.5561915071686283E-2</v>
      </c>
      <c r="E295" s="159">
        <v>0.4195452949724065</v>
      </c>
      <c r="F295" s="95">
        <v>4.9177341331560855E-2</v>
      </c>
      <c r="G295" s="159">
        <v>0.28460541566635689</v>
      </c>
      <c r="H295" s="95">
        <v>4.5055421234074543E-2</v>
      </c>
      <c r="I295" s="155">
        <v>396</v>
      </c>
      <c r="J295" s="159">
        <v>0.77541221161577345</v>
      </c>
      <c r="K295" s="95">
        <v>4.1911521832357697E-2</v>
      </c>
      <c r="L295" s="159">
        <v>0.17938256454138299</v>
      </c>
      <c r="M295" s="95">
        <v>3.8632899363670439E-2</v>
      </c>
      <c r="N295" s="159">
        <v>4.5205223842843797E-2</v>
      </c>
      <c r="O295" s="95">
        <v>2.1743457296326398E-2</v>
      </c>
      <c r="P295" s="155">
        <v>397</v>
      </c>
      <c r="Q295" s="159">
        <v>0.89239513073825349</v>
      </c>
      <c r="R295" s="95">
        <v>3.1438106069596322E-2</v>
      </c>
      <c r="S295" s="159">
        <v>8.5563914500739566E-2</v>
      </c>
      <c r="T295" s="95">
        <v>2.8539200812742579E-2</v>
      </c>
      <c r="U295" s="159">
        <v>2.2040954761006485E-2</v>
      </c>
      <c r="V295" s="95">
        <v>1.6132222863476039E-2</v>
      </c>
    </row>
    <row r="296" spans="1:22" customFormat="1">
      <c r="A296" s="55" t="s">
        <v>623</v>
      </c>
      <c r="B296" s="81">
        <v>102</v>
      </c>
      <c r="C296" s="96">
        <v>0.30512295188923982</v>
      </c>
      <c r="D296" s="92">
        <v>9.0038786295892723E-2</v>
      </c>
      <c r="E296" s="96">
        <v>0.40624277460816222</v>
      </c>
      <c r="F296" s="92">
        <v>9.5534344887039574E-2</v>
      </c>
      <c r="G296" s="96">
        <v>0.28863427350259796</v>
      </c>
      <c r="H296" s="92">
        <v>8.8729532991022889E-2</v>
      </c>
      <c r="I296" s="81">
        <v>102</v>
      </c>
      <c r="J296" s="96">
        <v>0.76227539556058188</v>
      </c>
      <c r="K296" s="92">
        <v>8.3847399280570986E-2</v>
      </c>
      <c r="L296" s="96">
        <v>0.1387844119204211</v>
      </c>
      <c r="M296" s="92">
        <v>6.9820470330017592E-2</v>
      </c>
      <c r="N296" s="96">
        <v>9.8940192518997244E-2</v>
      </c>
      <c r="O296" s="92">
        <v>6.1754696605719993E-2</v>
      </c>
      <c r="P296" s="81">
        <v>103</v>
      </c>
      <c r="Q296" s="96">
        <v>0.82844713801559788</v>
      </c>
      <c r="R296" s="92">
        <v>7.4892403227386134E-2</v>
      </c>
      <c r="S296" s="96">
        <v>0.13843034253465236</v>
      </c>
      <c r="T296" s="92">
        <v>6.9405778260591258E-2</v>
      </c>
      <c r="U296" s="96">
        <v>3.3122519449749997E-2</v>
      </c>
      <c r="V296" s="92">
        <v>4.2368196168716059E-2</v>
      </c>
    </row>
    <row r="297" spans="1:22" customFormat="1">
      <c r="A297" s="47" t="s">
        <v>624</v>
      </c>
      <c r="B297" s="155">
        <v>116</v>
      </c>
      <c r="C297" s="159">
        <v>0.3047605489275127</v>
      </c>
      <c r="D297" s="95">
        <v>8.453410208695146E-2</v>
      </c>
      <c r="E297" s="159">
        <v>0.37885029652905927</v>
      </c>
      <c r="F297" s="95">
        <v>8.8747755778078502E-2</v>
      </c>
      <c r="G297" s="159">
        <v>0.31638915454342792</v>
      </c>
      <c r="H297" s="95">
        <v>8.5341886572043141E-2</v>
      </c>
      <c r="I297" s="155">
        <v>116</v>
      </c>
      <c r="J297" s="159">
        <v>0.80636372568747139</v>
      </c>
      <c r="K297" s="95">
        <v>7.3551394487173724E-2</v>
      </c>
      <c r="L297" s="159">
        <v>0.11091838283889829</v>
      </c>
      <c r="M297" s="95">
        <v>6.0149699501272379E-2</v>
      </c>
      <c r="N297" s="159">
        <v>8.2717891473629859E-2</v>
      </c>
      <c r="O297" s="95">
        <v>5.3941468566876087E-2</v>
      </c>
      <c r="P297" s="155">
        <v>116</v>
      </c>
      <c r="Q297" s="159">
        <v>0.90757151469978548</v>
      </c>
      <c r="R297" s="95">
        <v>5.6206521369649806E-2</v>
      </c>
      <c r="S297" s="159">
        <v>5.0634897973912935E-2</v>
      </c>
      <c r="T297" s="95">
        <v>4.5206405344732886E-2</v>
      </c>
      <c r="U297" s="159">
        <v>4.1793587326301625E-2</v>
      </c>
      <c r="V297" s="95">
        <v>4.235188960169968E-2</v>
      </c>
    </row>
    <row r="298" spans="1:22" customFormat="1">
      <c r="A298" s="55" t="s">
        <v>625</v>
      </c>
      <c r="B298" s="81">
        <v>387</v>
      </c>
      <c r="C298" s="96">
        <v>0.31151576089886662</v>
      </c>
      <c r="D298" s="92">
        <v>4.6920169950961897E-2</v>
      </c>
      <c r="E298" s="96">
        <v>0.39829449250742954</v>
      </c>
      <c r="F298" s="92">
        <v>4.9536630310439367E-2</v>
      </c>
      <c r="G298" s="96">
        <v>0.29018974659370395</v>
      </c>
      <c r="H298" s="92">
        <v>4.6004083274326264E-2</v>
      </c>
      <c r="I298" s="81">
        <v>385</v>
      </c>
      <c r="J298" s="96">
        <v>0.77660672838444755</v>
      </c>
      <c r="K298" s="92">
        <v>4.2426906709791941E-2</v>
      </c>
      <c r="L298" s="96">
        <v>0.16820129756925076</v>
      </c>
      <c r="M298" s="92">
        <v>3.8233762128880508E-2</v>
      </c>
      <c r="N298" s="96">
        <v>5.519197404630205E-2</v>
      </c>
      <c r="O298" s="92">
        <v>2.4038076137725142E-2</v>
      </c>
      <c r="P298" s="81">
        <v>385</v>
      </c>
      <c r="Q298" s="96">
        <v>0.87733261533068185</v>
      </c>
      <c r="R298" s="92">
        <v>3.3713317940713444E-2</v>
      </c>
      <c r="S298" s="96">
        <v>9.4697615664247697E-2</v>
      </c>
      <c r="T298" s="92">
        <v>3.0267175648719207E-2</v>
      </c>
      <c r="U298" s="96">
        <v>2.796976900507079E-2</v>
      </c>
      <c r="V298" s="92">
        <v>1.8067615035543261E-2</v>
      </c>
    </row>
    <row r="299" spans="1:22" customFormat="1">
      <c r="A299" s="47" t="s">
        <v>626</v>
      </c>
      <c r="B299" s="155">
        <v>454</v>
      </c>
      <c r="C299" s="159">
        <v>0.30780885082533577</v>
      </c>
      <c r="D299" s="95">
        <v>4.3202068136663878E-2</v>
      </c>
      <c r="E299" s="159">
        <v>0.42849786918082944</v>
      </c>
      <c r="F299" s="95">
        <v>4.6255070071474523E-2</v>
      </c>
      <c r="G299" s="159">
        <v>0.26369327999383535</v>
      </c>
      <c r="H299" s="95">
        <v>4.1281889730213989E-2</v>
      </c>
      <c r="I299" s="155">
        <v>451</v>
      </c>
      <c r="J299" s="159">
        <v>0.75428580387640631</v>
      </c>
      <c r="K299" s="95">
        <v>4.0488298027720221E-2</v>
      </c>
      <c r="L299" s="159">
        <v>0.18355409475303133</v>
      </c>
      <c r="M299" s="95">
        <v>3.6508607225441671E-2</v>
      </c>
      <c r="N299" s="159">
        <v>6.2160101370562548E-2</v>
      </c>
      <c r="O299" s="95">
        <v>2.3280803417025497E-2</v>
      </c>
      <c r="P299" s="155">
        <v>453</v>
      </c>
      <c r="Q299" s="159">
        <v>0.87443398138695794</v>
      </c>
      <c r="R299" s="95">
        <v>3.1343754251925815E-2</v>
      </c>
      <c r="S299" s="159">
        <v>8.1203186793153928E-2</v>
      </c>
      <c r="T299" s="95">
        <v>2.6072796667268017E-2</v>
      </c>
      <c r="U299" s="159">
        <v>4.4362831819887955E-2</v>
      </c>
      <c r="V299" s="95">
        <v>2.0068393662169951E-2</v>
      </c>
    </row>
    <row r="300" spans="1:22" customFormat="1">
      <c r="A300" s="55" t="s">
        <v>627</v>
      </c>
      <c r="B300" s="81">
        <v>147</v>
      </c>
      <c r="C300" s="96">
        <v>0.32957409977847391</v>
      </c>
      <c r="D300" s="92">
        <v>7.676806701313868E-2</v>
      </c>
      <c r="E300" s="96">
        <v>0.42931507204913572</v>
      </c>
      <c r="F300" s="92">
        <v>8.0604478317268718E-2</v>
      </c>
      <c r="G300" s="96">
        <v>0.24111082817239016</v>
      </c>
      <c r="H300" s="92">
        <v>7.0284244849367836E-2</v>
      </c>
      <c r="I300" s="81">
        <v>145</v>
      </c>
      <c r="J300" s="96">
        <v>0.69116281709504324</v>
      </c>
      <c r="K300" s="92">
        <v>7.60417570399394E-2</v>
      </c>
      <c r="L300" s="96">
        <v>0.2188908178307786</v>
      </c>
      <c r="M300" s="92">
        <v>6.8573869275262503E-2</v>
      </c>
      <c r="N300" s="96">
        <v>8.9946365074177984E-2</v>
      </c>
      <c r="O300" s="92">
        <v>4.9361752434389838E-2</v>
      </c>
      <c r="P300" s="81">
        <v>146</v>
      </c>
      <c r="Q300" s="96">
        <v>0.82962616099063258</v>
      </c>
      <c r="R300" s="92">
        <v>6.2623569081043107E-2</v>
      </c>
      <c r="S300" s="96">
        <v>0.1097193497734454</v>
      </c>
      <c r="T300" s="92">
        <v>5.3090206902491888E-2</v>
      </c>
      <c r="U300" s="96">
        <v>6.065448923592226E-2</v>
      </c>
      <c r="V300" s="92">
        <v>4.2310880913566086E-2</v>
      </c>
    </row>
    <row r="301" spans="1:22" customFormat="1">
      <c r="A301" s="47" t="s">
        <v>628</v>
      </c>
      <c r="B301" s="155">
        <v>307</v>
      </c>
      <c r="C301" s="159">
        <v>0.29262815076784038</v>
      </c>
      <c r="D301" s="95">
        <v>5.1734666994824825E-2</v>
      </c>
      <c r="E301" s="159">
        <v>0.42792789124689434</v>
      </c>
      <c r="F301" s="95">
        <v>5.6127824897642072E-2</v>
      </c>
      <c r="G301" s="159">
        <v>0.27944395798526533</v>
      </c>
      <c r="H301" s="95">
        <v>5.104670363516272E-2</v>
      </c>
      <c r="I301" s="155">
        <v>306</v>
      </c>
      <c r="J301" s="159">
        <v>0.7979853681797654</v>
      </c>
      <c r="K301" s="95">
        <v>4.5928616088520925E-2</v>
      </c>
      <c r="L301" s="159">
        <v>0.15909074976343798</v>
      </c>
      <c r="M301" s="95">
        <v>4.2007792890391381E-2</v>
      </c>
      <c r="N301" s="159">
        <v>4.2923882056796564E-2</v>
      </c>
      <c r="O301" s="95">
        <v>2.4478584726008494E-2</v>
      </c>
      <c r="P301" s="155">
        <v>307</v>
      </c>
      <c r="Q301" s="159">
        <v>0.90549539165254755</v>
      </c>
      <c r="R301" s="95">
        <v>3.3980495278906273E-2</v>
      </c>
      <c r="S301" s="159">
        <v>6.1435382206884111E-2</v>
      </c>
      <c r="T301" s="95">
        <v>2.836983216102161E-2</v>
      </c>
      <c r="U301" s="159">
        <v>3.3069226140568446E-2</v>
      </c>
      <c r="V301" s="95">
        <v>2.1975703992065141E-2</v>
      </c>
    </row>
    <row r="302" spans="1:22" customFormat="1">
      <c r="A302" s="55" t="s">
        <v>629</v>
      </c>
      <c r="B302" s="81">
        <v>56</v>
      </c>
      <c r="C302" s="96">
        <v>0.41327405034686487</v>
      </c>
      <c r="D302" s="92">
        <v>0.12739650264718191</v>
      </c>
      <c r="E302" s="96">
        <v>0.32441618988811294</v>
      </c>
      <c r="F302" s="92">
        <v>0.12196828224348261</v>
      </c>
      <c r="G302" s="96">
        <v>0.26230975976502235</v>
      </c>
      <c r="H302" s="92">
        <v>0.11569648228029851</v>
      </c>
      <c r="I302" s="81">
        <v>56</v>
      </c>
      <c r="J302" s="96">
        <v>0.8095585239896812</v>
      </c>
      <c r="K302" s="92">
        <v>0.10536428513483455</v>
      </c>
      <c r="L302" s="96">
        <v>7.9088342182393814E-2</v>
      </c>
      <c r="M302" s="92">
        <v>7.9861624321246022E-2</v>
      </c>
      <c r="N302" s="96">
        <v>0.11135313382792517</v>
      </c>
      <c r="O302" s="92">
        <v>8.8852617426198488E-2</v>
      </c>
      <c r="P302" s="81">
        <v>56</v>
      </c>
      <c r="Q302" s="96">
        <v>0.87226589951023459</v>
      </c>
      <c r="R302" s="92">
        <v>9.283669072264375E-2</v>
      </c>
      <c r="S302" s="96">
        <v>7.7721025784539113E-2</v>
      </c>
      <c r="T302" s="92">
        <v>7.9441330255106385E-2</v>
      </c>
      <c r="U302" s="96">
        <v>5.0013074705226562E-2</v>
      </c>
      <c r="V302" s="92">
        <v>7.0052480527093883E-2</v>
      </c>
    </row>
    <row r="303" spans="1:22" customFormat="1">
      <c r="A303" s="47" t="s">
        <v>630</v>
      </c>
      <c r="B303" s="155">
        <v>114</v>
      </c>
      <c r="C303" s="159">
        <v>0.32111025341184107</v>
      </c>
      <c r="D303" s="95">
        <v>8.6383316378274011E-2</v>
      </c>
      <c r="E303" s="159">
        <v>0.4605043112567111</v>
      </c>
      <c r="F303" s="95">
        <v>9.1789009101272787E-2</v>
      </c>
      <c r="G303" s="159">
        <v>0.21838543533144772</v>
      </c>
      <c r="H303" s="95">
        <v>7.7235900068470337E-2</v>
      </c>
      <c r="I303" s="155">
        <v>112</v>
      </c>
      <c r="J303" s="159">
        <v>0.72001959203603672</v>
      </c>
      <c r="K303" s="95">
        <v>8.4050958252631106E-2</v>
      </c>
      <c r="L303" s="159">
        <v>0.23146065820055425</v>
      </c>
      <c r="M303" s="95">
        <v>7.9388657911903041E-2</v>
      </c>
      <c r="N303" s="159">
        <v>4.8519749763408948E-2</v>
      </c>
      <c r="O303" s="95">
        <v>4.5478588413989308E-2</v>
      </c>
      <c r="P303" s="155">
        <v>114</v>
      </c>
      <c r="Q303" s="159">
        <v>0.87302574171419722</v>
      </c>
      <c r="R303" s="95">
        <v>6.3812670237038668E-2</v>
      </c>
      <c r="S303" s="159">
        <v>8.4380303609461027E-2</v>
      </c>
      <c r="T303" s="95">
        <v>5.4856651982279458E-2</v>
      </c>
      <c r="U303" s="159">
        <v>4.2593954676342083E-2</v>
      </c>
      <c r="V303" s="95">
        <v>4.3070191884475528E-2</v>
      </c>
    </row>
    <row r="304" spans="1:22" customFormat="1">
      <c r="A304" s="55" t="s">
        <v>631</v>
      </c>
      <c r="B304" s="81">
        <v>20</v>
      </c>
      <c r="C304" s="328" t="s">
        <v>656</v>
      </c>
      <c r="D304" s="329"/>
      <c r="E304" s="329"/>
      <c r="F304" s="329"/>
      <c r="G304" s="329"/>
      <c r="H304" s="329"/>
      <c r="I304" s="329"/>
      <c r="J304" s="329"/>
      <c r="K304" s="329"/>
      <c r="L304" s="329"/>
      <c r="M304" s="329"/>
      <c r="N304" s="329"/>
      <c r="O304" s="329"/>
      <c r="P304" s="329"/>
      <c r="Q304" s="329"/>
      <c r="R304" s="329"/>
      <c r="S304" s="329"/>
      <c r="T304" s="329"/>
      <c r="U304" s="329"/>
      <c r="V304" s="330"/>
    </row>
    <row r="305" spans="1:22" customFormat="1">
      <c r="A305" s="47" t="s">
        <v>632</v>
      </c>
      <c r="B305" s="155">
        <v>94</v>
      </c>
      <c r="C305" s="159">
        <v>0.35151249216267005</v>
      </c>
      <c r="D305" s="95">
        <v>9.6830297284650424E-2</v>
      </c>
      <c r="E305" s="159">
        <v>0.40541762963132366</v>
      </c>
      <c r="F305" s="95">
        <v>9.9338535410380027E-2</v>
      </c>
      <c r="G305" s="159">
        <v>0.24306987820600628</v>
      </c>
      <c r="H305" s="95">
        <v>8.7892736110428471E-2</v>
      </c>
      <c r="I305" s="155">
        <v>93</v>
      </c>
      <c r="J305" s="159">
        <v>0.71438421487356052</v>
      </c>
      <c r="K305" s="95">
        <v>9.255855025275575E-2</v>
      </c>
      <c r="L305" s="159">
        <v>0.23518644587135584</v>
      </c>
      <c r="M305" s="95">
        <v>8.7470321940526896E-2</v>
      </c>
      <c r="N305" s="159">
        <v>5.0429339255083326E-2</v>
      </c>
      <c r="O305" s="95">
        <v>5.1457801453369784E-2</v>
      </c>
      <c r="P305" s="155">
        <v>95</v>
      </c>
      <c r="Q305" s="159">
        <v>0.85897640109759277</v>
      </c>
      <c r="R305" s="95">
        <v>7.2846547367798678E-2</v>
      </c>
      <c r="S305" s="159">
        <v>8.3772096372881966E-2</v>
      </c>
      <c r="T305" s="95">
        <v>6.0459907728053472E-2</v>
      </c>
      <c r="U305" s="159">
        <v>5.7251502529525204E-2</v>
      </c>
      <c r="V305" s="95">
        <v>5.2989139886355438E-2</v>
      </c>
    </row>
    <row r="306" spans="1:22" customFormat="1">
      <c r="A306" s="55" t="s">
        <v>633</v>
      </c>
      <c r="B306" s="81">
        <v>257</v>
      </c>
      <c r="C306" s="96">
        <v>0.28388523469756677</v>
      </c>
      <c r="D306" s="92">
        <v>5.6012454445328583E-2</v>
      </c>
      <c r="E306" s="96">
        <v>0.40319302655037625</v>
      </c>
      <c r="F306" s="92">
        <v>6.0763149314961171E-2</v>
      </c>
      <c r="G306" s="96">
        <v>0.31292173875205614</v>
      </c>
      <c r="H306" s="92">
        <v>5.7544418691250626E-2</v>
      </c>
      <c r="I306" s="81">
        <v>255</v>
      </c>
      <c r="J306" s="96">
        <v>0.79658655690864766</v>
      </c>
      <c r="K306" s="92">
        <v>5.0439375338661392E-2</v>
      </c>
      <c r="L306" s="96">
        <v>0.15967565072289044</v>
      </c>
      <c r="M306" s="92">
        <v>4.6120403817777593E-2</v>
      </c>
      <c r="N306" s="96">
        <v>4.373779236846171E-2</v>
      </c>
      <c r="O306" s="92">
        <v>2.7285213585942911E-2</v>
      </c>
      <c r="P306" s="81">
        <v>255</v>
      </c>
      <c r="Q306" s="96">
        <v>0.89398168196139249</v>
      </c>
      <c r="R306" s="92">
        <v>3.9207575447595344E-2</v>
      </c>
      <c r="S306" s="96">
        <v>9.4898973812715115E-2</v>
      </c>
      <c r="T306" s="92">
        <v>3.7472863467742611E-2</v>
      </c>
      <c r="U306" s="96">
        <v>1.1119344225892513E-2</v>
      </c>
      <c r="V306" s="92">
        <v>1.6821143956961885E-2</v>
      </c>
    </row>
    <row r="307" spans="1:22" customFormat="1">
      <c r="A307" s="47" t="s">
        <v>634</v>
      </c>
      <c r="B307" s="155">
        <v>265</v>
      </c>
      <c r="C307" s="159">
        <v>0.30776026513741939</v>
      </c>
      <c r="D307" s="95">
        <v>5.6428364229603498E-2</v>
      </c>
      <c r="E307" s="159">
        <v>0.41301957338600631</v>
      </c>
      <c r="F307" s="95">
        <v>6.0069071967923417E-2</v>
      </c>
      <c r="G307" s="159">
        <v>0.27922016147657397</v>
      </c>
      <c r="H307" s="95">
        <v>5.4900398203916852E-2</v>
      </c>
      <c r="I307" s="155">
        <v>264</v>
      </c>
      <c r="J307" s="159">
        <v>0.77074769226874063</v>
      </c>
      <c r="K307" s="95">
        <v>5.1668799703913706E-2</v>
      </c>
      <c r="L307" s="159">
        <v>0.16878656116108709</v>
      </c>
      <c r="M307" s="95">
        <v>4.6287214422878448E-2</v>
      </c>
      <c r="N307" s="159">
        <v>6.0465746570171952E-2</v>
      </c>
      <c r="O307" s="95">
        <v>3.0550540481034318E-2</v>
      </c>
      <c r="P307" s="155">
        <v>264</v>
      </c>
      <c r="Q307" s="159">
        <v>0.87488182353621791</v>
      </c>
      <c r="R307" s="95">
        <v>4.1181691957533059E-2</v>
      </c>
      <c r="S307" s="159">
        <v>8.9354734099399785E-2</v>
      </c>
      <c r="T307" s="95">
        <v>3.5903398164294338E-2</v>
      </c>
      <c r="U307" s="159">
        <v>3.5763442364382142E-2</v>
      </c>
      <c r="V307" s="95">
        <v>2.4698090380227342E-2</v>
      </c>
    </row>
    <row r="308" spans="1:22" customFormat="1">
      <c r="A308" s="55" t="s">
        <v>635</v>
      </c>
      <c r="B308" s="81">
        <v>104</v>
      </c>
      <c r="C308" s="96">
        <v>0.35602828692226995</v>
      </c>
      <c r="D308" s="92">
        <v>9.2452011409309337E-2</v>
      </c>
      <c r="E308" s="96">
        <v>0.3918308732906407</v>
      </c>
      <c r="F308" s="92">
        <v>9.4113819590219999E-2</v>
      </c>
      <c r="G308" s="96">
        <v>0.25214083978708973</v>
      </c>
      <c r="H308" s="92">
        <v>8.455378381104986E-2</v>
      </c>
      <c r="I308" s="81">
        <v>103</v>
      </c>
      <c r="J308" s="96">
        <v>0.70785627086316882</v>
      </c>
      <c r="K308" s="92">
        <v>8.8595608722559005E-2</v>
      </c>
      <c r="L308" s="96">
        <v>0.2098980446908868</v>
      </c>
      <c r="M308" s="92">
        <v>8.0190314617837835E-2</v>
      </c>
      <c r="N308" s="96">
        <v>8.2245684445944406E-2</v>
      </c>
      <c r="O308" s="92">
        <v>5.7449064437459285E-2</v>
      </c>
      <c r="P308" s="81">
        <v>104</v>
      </c>
      <c r="Q308" s="96">
        <v>0.82417389622675119</v>
      </c>
      <c r="R308" s="92">
        <v>7.5166846427018083E-2</v>
      </c>
      <c r="S308" s="96">
        <v>0.11890628799498919</v>
      </c>
      <c r="T308" s="92">
        <v>6.5355528567337631E-2</v>
      </c>
      <c r="U308" s="96">
        <v>5.691981577825965E-2</v>
      </c>
      <c r="V308" s="92">
        <v>5.0167451367209868E-2</v>
      </c>
    </row>
    <row r="309" spans="1:22" customFormat="1">
      <c r="A309" s="47" t="s">
        <v>636</v>
      </c>
      <c r="B309" s="155">
        <v>161</v>
      </c>
      <c r="C309" s="159">
        <v>0.26625430355512913</v>
      </c>
      <c r="D309" s="95">
        <v>6.9278517127577363E-2</v>
      </c>
      <c r="E309" s="159">
        <v>0.43123986374837125</v>
      </c>
      <c r="F309" s="95">
        <v>7.7145827957248531E-2</v>
      </c>
      <c r="G309" s="159">
        <v>0.30250583269649928</v>
      </c>
      <c r="H309" s="95">
        <v>7.1835541447269904E-2</v>
      </c>
      <c r="I309" s="155">
        <v>161</v>
      </c>
      <c r="J309" s="159">
        <v>0.82444846802863925</v>
      </c>
      <c r="K309" s="95">
        <v>6.0257059852227637E-2</v>
      </c>
      <c r="L309" s="159">
        <v>0.13368290936168717</v>
      </c>
      <c r="M309" s="95">
        <v>5.4436846349875619E-2</v>
      </c>
      <c r="N309" s="159">
        <v>4.186862260967341E-2</v>
      </c>
      <c r="O309" s="95">
        <v>3.4874147541113093E-2</v>
      </c>
      <c r="P309" s="155">
        <v>160</v>
      </c>
      <c r="Q309" s="159">
        <v>0.91864249016602939</v>
      </c>
      <c r="R309" s="95">
        <v>4.5042946524277087E-2</v>
      </c>
      <c r="S309" s="159">
        <v>6.3851903141125613E-2</v>
      </c>
      <c r="T309" s="95">
        <v>4.1005934108236997E-2</v>
      </c>
      <c r="U309" s="159">
        <v>1.7505606692844986E-2</v>
      </c>
      <c r="V309" s="95">
        <v>2.6326657846861456E-2</v>
      </c>
    </row>
  </sheetData>
  <mergeCells count="38">
    <mergeCell ref="A223:K223"/>
    <mergeCell ref="A224:K224"/>
    <mergeCell ref="A267:V267"/>
    <mergeCell ref="A268:V268"/>
    <mergeCell ref="B269:H269"/>
    <mergeCell ref="I269:O269"/>
    <mergeCell ref="P269:V269"/>
    <mergeCell ref="A225:D225"/>
    <mergeCell ref="E225:K225"/>
    <mergeCell ref="C246:K246"/>
    <mergeCell ref="C247:K247"/>
    <mergeCell ref="C260:K260"/>
    <mergeCell ref="AR93:AX93"/>
    <mergeCell ref="A4:H4"/>
    <mergeCell ref="A3:H3"/>
    <mergeCell ref="A48:H48"/>
    <mergeCell ref="A47:H47"/>
    <mergeCell ref="A91:AX91"/>
    <mergeCell ref="A92:AX92"/>
    <mergeCell ref="W93:AC93"/>
    <mergeCell ref="AD93:AJ93"/>
    <mergeCell ref="AK93:AQ93"/>
    <mergeCell ref="C290:V290"/>
    <mergeCell ref="C291:V291"/>
    <mergeCell ref="C304:V304"/>
    <mergeCell ref="P181:V181"/>
    <mergeCell ref="A5:H5"/>
    <mergeCell ref="A49:H49"/>
    <mergeCell ref="B93:H93"/>
    <mergeCell ref="I93:O93"/>
    <mergeCell ref="P93:V93"/>
    <mergeCell ref="A136:H136"/>
    <mergeCell ref="A135:H135"/>
    <mergeCell ref="A180:V180"/>
    <mergeCell ref="A179:V179"/>
    <mergeCell ref="I181:O181"/>
    <mergeCell ref="A137:H137"/>
    <mergeCell ref="B181:H18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221"/>
  <sheetViews>
    <sheetView zoomScaleNormal="100" workbookViewId="0"/>
  </sheetViews>
  <sheetFormatPr defaultColWidth="18" defaultRowHeight="15"/>
  <cols>
    <col min="1" max="1" width="45" style="5" customWidth="1"/>
    <col min="2" max="4" width="19.42578125" style="5" customWidth="1"/>
    <col min="5" max="8" width="18" style="5"/>
    <col min="9" max="9" width="19.85546875" style="5" customWidth="1"/>
    <col min="10" max="16384" width="18" style="5"/>
  </cols>
  <sheetData>
    <row r="1" spans="1:37" ht="29.25" customHeight="1">
      <c r="A1" s="34" t="s">
        <v>60</v>
      </c>
      <c r="P1" s="231"/>
      <c r="Q1" s="231"/>
      <c r="R1" s="231"/>
      <c r="S1" s="231"/>
      <c r="T1" s="231"/>
      <c r="U1" s="231"/>
      <c r="V1" s="231"/>
      <c r="W1" s="231"/>
      <c r="X1" s="231"/>
      <c r="Y1" s="231"/>
      <c r="Z1" s="231"/>
      <c r="AA1" s="231"/>
      <c r="AB1" s="231"/>
      <c r="AC1" s="231"/>
      <c r="AD1" s="231"/>
      <c r="AE1" s="231"/>
      <c r="AF1" s="231"/>
      <c r="AG1" s="231"/>
      <c r="AH1" s="231"/>
      <c r="AI1" s="231"/>
      <c r="AJ1" s="231"/>
      <c r="AK1" s="231"/>
    </row>
    <row r="2" spans="1:37" ht="15.75" customHeight="1">
      <c r="A2" s="34"/>
      <c r="P2" s="231"/>
      <c r="Q2" s="231"/>
      <c r="R2" s="231"/>
      <c r="S2" s="231"/>
      <c r="T2" s="231"/>
      <c r="U2" s="231"/>
      <c r="V2" s="231"/>
      <c r="W2" s="231"/>
      <c r="X2" s="231"/>
      <c r="Y2" s="231"/>
      <c r="Z2" s="231"/>
      <c r="AA2" s="231"/>
      <c r="AB2" s="231"/>
      <c r="AC2" s="231"/>
      <c r="AD2" s="231"/>
      <c r="AE2" s="231"/>
      <c r="AF2" s="231"/>
      <c r="AG2" s="231"/>
      <c r="AH2" s="231"/>
      <c r="AI2" s="231"/>
      <c r="AJ2" s="231"/>
      <c r="AK2" s="231"/>
    </row>
    <row r="3" spans="1:37" ht="18.75">
      <c r="A3" s="343" t="s">
        <v>361</v>
      </c>
      <c r="B3" s="343"/>
      <c r="C3" s="343"/>
      <c r="D3" s="343"/>
      <c r="P3" s="231"/>
      <c r="Q3" s="231"/>
      <c r="R3" s="231"/>
      <c r="S3" s="231"/>
      <c r="T3" s="231"/>
      <c r="U3" s="231"/>
      <c r="V3" s="231"/>
      <c r="W3" s="231"/>
      <c r="X3" s="231"/>
      <c r="Y3" s="231"/>
      <c r="Z3" s="231"/>
      <c r="AA3" s="231"/>
      <c r="AB3" s="231"/>
      <c r="AC3" s="231"/>
      <c r="AD3" s="231"/>
      <c r="AE3" s="231"/>
      <c r="AF3" s="231"/>
      <c r="AG3" s="231"/>
      <c r="AH3" s="231"/>
      <c r="AI3" s="231"/>
      <c r="AJ3" s="231"/>
      <c r="AK3" s="231"/>
    </row>
    <row r="4" spans="1:37" ht="99.75" customHeight="1">
      <c r="A4" s="359" t="s">
        <v>359</v>
      </c>
      <c r="B4" s="359"/>
      <c r="C4" s="359"/>
      <c r="D4" s="359"/>
      <c r="P4" s="231"/>
      <c r="Q4" s="231"/>
      <c r="R4" s="231"/>
      <c r="S4" s="231"/>
      <c r="T4" s="231"/>
      <c r="U4" s="231"/>
      <c r="V4" s="231"/>
      <c r="W4" s="231"/>
      <c r="X4" s="231"/>
      <c r="Y4" s="231"/>
      <c r="Z4" s="231"/>
      <c r="AA4" s="231"/>
      <c r="AB4" s="231"/>
      <c r="AC4" s="231"/>
      <c r="AD4" s="231"/>
      <c r="AE4" s="231"/>
      <c r="AF4" s="231"/>
      <c r="AG4" s="231"/>
      <c r="AH4" s="231"/>
      <c r="AI4" s="231"/>
      <c r="AJ4" s="231"/>
      <c r="AK4" s="231"/>
    </row>
    <row r="5" spans="1:37" ht="36.75" customHeight="1">
      <c r="A5" s="360" t="s">
        <v>360</v>
      </c>
      <c r="B5" s="361"/>
      <c r="C5" s="361"/>
      <c r="D5" s="361"/>
      <c r="P5" s="231"/>
      <c r="Q5" s="231"/>
      <c r="R5" s="231"/>
      <c r="S5" s="231"/>
      <c r="T5" s="231"/>
      <c r="U5" s="231"/>
      <c r="V5" s="231"/>
      <c r="W5" s="231"/>
      <c r="X5" s="231"/>
      <c r="Y5" s="231"/>
      <c r="Z5" s="231"/>
      <c r="AA5" s="231"/>
      <c r="AB5" s="231"/>
      <c r="AC5" s="231"/>
      <c r="AD5" s="231"/>
      <c r="AE5" s="231"/>
      <c r="AF5" s="231"/>
      <c r="AG5" s="231"/>
      <c r="AH5" s="231"/>
      <c r="AI5" s="231"/>
      <c r="AJ5" s="231"/>
      <c r="AK5" s="231"/>
    </row>
    <row r="6" spans="1:37" ht="72">
      <c r="A6" s="35" t="s">
        <v>70</v>
      </c>
      <c r="B6" s="36" t="s">
        <v>71</v>
      </c>
      <c r="C6" s="37" t="s">
        <v>551</v>
      </c>
      <c r="D6" s="38" t="s">
        <v>72</v>
      </c>
      <c r="P6" s="231"/>
      <c r="Q6" s="231"/>
      <c r="R6" s="231"/>
      <c r="S6" s="231"/>
      <c r="T6" s="231"/>
      <c r="U6" s="231"/>
      <c r="V6" s="231"/>
      <c r="W6" s="231"/>
      <c r="X6" s="231"/>
      <c r="Y6" s="231"/>
      <c r="Z6" s="231"/>
      <c r="AA6" s="231"/>
      <c r="AB6" s="231"/>
      <c r="AC6" s="231"/>
      <c r="AD6" s="231"/>
      <c r="AE6" s="231"/>
      <c r="AF6" s="231"/>
      <c r="AG6" s="231"/>
      <c r="AH6" s="231"/>
      <c r="AI6" s="231"/>
      <c r="AJ6" s="231"/>
      <c r="AK6" s="231"/>
    </row>
    <row r="7" spans="1:37" ht="72">
      <c r="A7" s="39"/>
      <c r="B7" s="40" t="s">
        <v>73</v>
      </c>
      <c r="C7" s="41" t="s">
        <v>544</v>
      </c>
      <c r="D7" s="42" t="s">
        <v>75</v>
      </c>
      <c r="P7" s="231"/>
      <c r="Q7" s="231"/>
      <c r="R7" s="231"/>
      <c r="S7" s="231"/>
      <c r="T7" s="231"/>
      <c r="U7" s="231"/>
      <c r="V7" s="231"/>
      <c r="W7" s="231"/>
      <c r="X7" s="231"/>
      <c r="Y7" s="231"/>
      <c r="Z7" s="231"/>
      <c r="AA7" s="231"/>
      <c r="AB7" s="231"/>
      <c r="AC7" s="231"/>
      <c r="AD7" s="231"/>
      <c r="AE7" s="231"/>
      <c r="AF7" s="231"/>
      <c r="AG7" s="231"/>
      <c r="AH7" s="231"/>
      <c r="AI7" s="231"/>
      <c r="AJ7" s="231"/>
      <c r="AK7" s="231"/>
    </row>
    <row r="8" spans="1:37">
      <c r="A8" s="43" t="s">
        <v>348</v>
      </c>
      <c r="B8" s="131">
        <v>13760</v>
      </c>
      <c r="C8" s="132">
        <v>5.3107549376785776</v>
      </c>
      <c r="D8" s="133">
        <v>1.980026958620976E-2</v>
      </c>
      <c r="P8" s="231"/>
      <c r="Q8" s="231"/>
      <c r="R8" s="231"/>
      <c r="S8" s="231"/>
      <c r="T8" s="231"/>
      <c r="U8" s="231"/>
      <c r="V8" s="231"/>
      <c r="W8" s="231"/>
      <c r="X8" s="231"/>
      <c r="Y8" s="231"/>
      <c r="Z8" s="231"/>
      <c r="AA8" s="231"/>
      <c r="AB8" s="231"/>
      <c r="AC8" s="231"/>
      <c r="AD8" s="231"/>
      <c r="AE8" s="231"/>
      <c r="AF8" s="231"/>
      <c r="AG8" s="231"/>
      <c r="AH8" s="231"/>
      <c r="AI8" s="231"/>
      <c r="AJ8" s="231"/>
      <c r="AK8" s="231"/>
    </row>
    <row r="9" spans="1:37">
      <c r="A9" s="47" t="s">
        <v>349</v>
      </c>
      <c r="B9" s="47">
        <v>10041</v>
      </c>
      <c r="C9" s="135">
        <v>5.425601896978967</v>
      </c>
      <c r="D9" s="136">
        <v>2.2820295307440942E-2</v>
      </c>
      <c r="P9" s="231"/>
      <c r="Q9" s="231"/>
      <c r="R9" s="231"/>
      <c r="S9" s="231"/>
      <c r="T9" s="231"/>
      <c r="U9" s="231"/>
      <c r="V9" s="231"/>
      <c r="W9" s="231"/>
      <c r="X9" s="231"/>
      <c r="Y9" s="231"/>
      <c r="Z9" s="231"/>
      <c r="AA9" s="231"/>
      <c r="AB9" s="231"/>
      <c r="AC9" s="231"/>
      <c r="AD9" s="231"/>
      <c r="AE9" s="231"/>
      <c r="AF9" s="231"/>
      <c r="AG9" s="231"/>
      <c r="AH9" s="231"/>
      <c r="AI9" s="231"/>
      <c r="AJ9" s="231"/>
      <c r="AK9" s="231"/>
    </row>
    <row r="10" spans="1:37">
      <c r="A10" s="43" t="s">
        <v>350</v>
      </c>
      <c r="B10" s="51">
        <v>3719</v>
      </c>
      <c r="C10" s="132">
        <v>5.2193696323113699</v>
      </c>
      <c r="D10" s="133">
        <v>3.8927555702293927E-2</v>
      </c>
      <c r="P10" s="231"/>
      <c r="Q10" s="231"/>
      <c r="R10" s="231"/>
      <c r="S10" s="231"/>
      <c r="T10" s="231"/>
      <c r="U10" s="231"/>
      <c r="V10" s="231"/>
      <c r="W10" s="231"/>
      <c r="X10" s="231"/>
      <c r="Y10" s="231"/>
      <c r="Z10" s="231"/>
      <c r="AA10" s="231"/>
      <c r="AB10" s="231"/>
      <c r="AC10" s="231"/>
      <c r="AD10" s="231"/>
      <c r="AE10" s="231"/>
      <c r="AF10" s="231"/>
      <c r="AG10" s="231"/>
      <c r="AH10" s="231"/>
      <c r="AI10" s="231"/>
      <c r="AJ10" s="231"/>
      <c r="AK10" s="231"/>
    </row>
    <row r="11" spans="1:37">
      <c r="A11" s="47" t="s">
        <v>568</v>
      </c>
      <c r="B11" s="47">
        <v>11413</v>
      </c>
      <c r="C11" s="135">
        <v>5.3098669973738257</v>
      </c>
      <c r="D11" s="136">
        <v>2.1798461903517311E-2</v>
      </c>
      <c r="P11" s="231"/>
      <c r="Q11" s="231"/>
      <c r="R11" s="231"/>
      <c r="S11" s="231"/>
      <c r="T11" s="231"/>
      <c r="U11" s="231"/>
      <c r="V11" s="231"/>
      <c r="W11" s="231"/>
      <c r="X11" s="231"/>
      <c r="Y11" s="231"/>
      <c r="Z11" s="231"/>
      <c r="AA11" s="231"/>
      <c r="AB11" s="231"/>
      <c r="AC11" s="231"/>
      <c r="AD11" s="231"/>
      <c r="AE11" s="231"/>
      <c r="AF11" s="231"/>
      <c r="AG11" s="231"/>
      <c r="AH11" s="231"/>
      <c r="AI11" s="231"/>
      <c r="AJ11" s="231"/>
      <c r="AK11" s="231"/>
    </row>
    <row r="12" spans="1:37">
      <c r="A12" s="43" t="s">
        <v>569</v>
      </c>
      <c r="B12" s="51">
        <v>2347</v>
      </c>
      <c r="C12" s="132">
        <v>5.4230450119692692</v>
      </c>
      <c r="D12" s="133">
        <v>4.727368546016144E-2</v>
      </c>
      <c r="P12" s="231"/>
      <c r="Q12" s="231"/>
      <c r="R12" s="231"/>
      <c r="S12" s="231"/>
      <c r="T12" s="231"/>
      <c r="U12" s="231"/>
      <c r="V12" s="231"/>
      <c r="W12" s="231"/>
      <c r="X12" s="231"/>
      <c r="Y12" s="231"/>
      <c r="Z12" s="231"/>
      <c r="AA12" s="231"/>
      <c r="AB12" s="231"/>
      <c r="AC12" s="231"/>
      <c r="AD12" s="231"/>
      <c r="AE12" s="231"/>
      <c r="AF12" s="231"/>
      <c r="AG12" s="231"/>
      <c r="AH12" s="231"/>
      <c r="AI12" s="231"/>
      <c r="AJ12" s="231"/>
      <c r="AK12" s="231"/>
    </row>
    <row r="13" spans="1:37">
      <c r="A13" s="47" t="s">
        <v>570</v>
      </c>
      <c r="B13" s="47">
        <v>604</v>
      </c>
      <c r="C13" s="135">
        <v>5.3772353741256724</v>
      </c>
      <c r="D13" s="136">
        <v>9.505718124956529E-2</v>
      </c>
      <c r="P13" s="231"/>
      <c r="Q13" s="231"/>
      <c r="R13" s="231"/>
      <c r="S13" s="231"/>
      <c r="T13" s="231"/>
      <c r="U13" s="231"/>
      <c r="V13" s="231"/>
      <c r="W13" s="231"/>
      <c r="X13" s="231"/>
      <c r="Y13" s="231"/>
      <c r="Z13" s="231"/>
      <c r="AA13" s="231"/>
      <c r="AB13" s="231"/>
      <c r="AC13" s="231"/>
      <c r="AD13" s="231"/>
      <c r="AE13" s="231"/>
      <c r="AF13" s="231"/>
      <c r="AG13" s="231"/>
      <c r="AH13" s="231"/>
      <c r="AI13" s="231"/>
      <c r="AJ13" s="231"/>
      <c r="AK13" s="231"/>
    </row>
    <row r="14" spans="1:37">
      <c r="A14" s="43" t="s">
        <v>571</v>
      </c>
      <c r="B14" s="51">
        <v>1256</v>
      </c>
      <c r="C14" s="132">
        <v>5.528117711006467</v>
      </c>
      <c r="D14" s="133">
        <v>6.1786086863380794E-2</v>
      </c>
      <c r="P14" s="231"/>
      <c r="Q14" s="231"/>
      <c r="R14" s="231"/>
      <c r="S14" s="231"/>
      <c r="T14" s="231"/>
      <c r="U14" s="231"/>
      <c r="V14" s="231"/>
      <c r="W14" s="231"/>
      <c r="X14" s="231"/>
      <c r="Y14" s="231"/>
      <c r="Z14" s="231"/>
      <c r="AA14" s="231"/>
      <c r="AB14" s="231"/>
      <c r="AC14" s="231"/>
      <c r="AD14" s="231"/>
      <c r="AE14" s="231"/>
      <c r="AF14" s="231"/>
      <c r="AG14" s="231"/>
      <c r="AH14" s="231"/>
      <c r="AI14" s="231"/>
      <c r="AJ14" s="231"/>
      <c r="AK14" s="231"/>
    </row>
    <row r="15" spans="1:37">
      <c r="A15" s="47" t="s">
        <v>582</v>
      </c>
      <c r="B15" s="47">
        <v>851</v>
      </c>
      <c r="C15" s="135">
        <v>5.3365990464203703</v>
      </c>
      <c r="D15" s="136">
        <v>8.3476500127270106E-2</v>
      </c>
      <c r="P15" s="231"/>
      <c r="Q15" s="231"/>
      <c r="R15" s="231"/>
      <c r="S15" s="231"/>
      <c r="T15" s="231"/>
      <c r="U15" s="231"/>
      <c r="V15" s="231"/>
      <c r="W15" s="231"/>
      <c r="X15" s="231"/>
      <c r="Y15" s="231"/>
      <c r="Z15" s="231"/>
      <c r="AA15" s="231"/>
      <c r="AB15" s="231"/>
      <c r="AC15" s="231"/>
      <c r="AD15" s="231"/>
      <c r="AE15" s="231"/>
      <c r="AF15" s="231"/>
      <c r="AG15" s="231"/>
      <c r="AH15" s="231"/>
      <c r="AI15" s="231"/>
      <c r="AJ15" s="231"/>
      <c r="AK15" s="231"/>
    </row>
    <row r="16" spans="1:37">
      <c r="A16" s="43" t="s">
        <v>583</v>
      </c>
      <c r="B16" s="51">
        <v>1496</v>
      </c>
      <c r="C16" s="132">
        <v>5.457522548491065</v>
      </c>
      <c r="D16" s="133">
        <v>5.6755872040721196E-2</v>
      </c>
      <c r="P16" s="231"/>
      <c r="Q16" s="231"/>
      <c r="R16" s="231"/>
      <c r="S16" s="231"/>
      <c r="T16" s="231"/>
      <c r="U16" s="231"/>
      <c r="V16" s="231"/>
      <c r="W16" s="231"/>
      <c r="X16" s="231"/>
      <c r="Y16" s="231"/>
      <c r="Z16" s="231"/>
      <c r="AA16" s="231"/>
      <c r="AB16" s="231"/>
      <c r="AC16" s="231"/>
      <c r="AD16" s="231"/>
      <c r="AE16" s="231"/>
      <c r="AF16" s="231"/>
      <c r="AG16" s="231"/>
      <c r="AH16" s="231"/>
      <c r="AI16" s="231"/>
      <c r="AJ16" s="231"/>
      <c r="AK16" s="231"/>
    </row>
    <row r="17" spans="1:37">
      <c r="A17" s="47" t="s">
        <v>572</v>
      </c>
      <c r="B17" s="47">
        <v>294</v>
      </c>
      <c r="C17" s="135">
        <v>5.1755585208423556</v>
      </c>
      <c r="D17" s="136">
        <v>0.14450045299502731</v>
      </c>
      <c r="P17" s="231"/>
      <c r="Q17" s="231"/>
      <c r="R17" s="231"/>
      <c r="S17" s="231"/>
      <c r="T17" s="231"/>
      <c r="U17" s="231"/>
      <c r="V17" s="231"/>
      <c r="W17" s="231"/>
      <c r="X17" s="231"/>
      <c r="Y17" s="231"/>
      <c r="Z17" s="231"/>
      <c r="AA17" s="231"/>
      <c r="AB17" s="231"/>
      <c r="AC17" s="231"/>
      <c r="AD17" s="231"/>
      <c r="AE17" s="231"/>
      <c r="AF17" s="231"/>
      <c r="AG17" s="231"/>
      <c r="AH17" s="231"/>
      <c r="AI17" s="231"/>
      <c r="AJ17" s="231"/>
      <c r="AK17" s="231"/>
    </row>
    <row r="18" spans="1:37">
      <c r="A18" s="43" t="s">
        <v>573</v>
      </c>
      <c r="B18" s="131">
        <v>445</v>
      </c>
      <c r="C18" s="132">
        <v>5.3708923417839571</v>
      </c>
      <c r="D18" s="133">
        <v>0.10503553339152789</v>
      </c>
      <c r="P18" s="231"/>
      <c r="Q18" s="231"/>
      <c r="R18" s="231"/>
      <c r="S18" s="231"/>
      <c r="T18" s="231"/>
      <c r="U18" s="231"/>
      <c r="V18" s="231"/>
      <c r="W18" s="231"/>
      <c r="X18" s="231"/>
      <c r="Y18" s="231"/>
      <c r="Z18" s="231"/>
      <c r="AA18" s="231"/>
      <c r="AB18" s="231"/>
      <c r="AC18" s="231"/>
      <c r="AD18" s="231"/>
      <c r="AE18" s="231"/>
      <c r="AF18" s="231"/>
      <c r="AG18" s="231"/>
      <c r="AH18" s="231"/>
      <c r="AI18" s="231"/>
      <c r="AJ18" s="231"/>
      <c r="AK18" s="231"/>
    </row>
    <row r="19" spans="1:37">
      <c r="A19" s="47" t="s">
        <v>574</v>
      </c>
      <c r="B19" s="134">
        <v>670</v>
      </c>
      <c r="C19" s="135">
        <v>5.4347291765601389</v>
      </c>
      <c r="D19" s="136">
        <v>8.6756515096386877E-2</v>
      </c>
      <c r="P19" s="231"/>
      <c r="Q19" s="231"/>
      <c r="R19" s="231"/>
      <c r="S19" s="231"/>
      <c r="T19" s="231"/>
      <c r="U19" s="231"/>
      <c r="V19" s="231"/>
      <c r="W19" s="231"/>
      <c r="X19" s="231"/>
      <c r="Y19" s="231"/>
      <c r="Z19" s="231"/>
      <c r="AA19" s="231"/>
      <c r="AB19" s="231"/>
      <c r="AC19" s="231"/>
      <c r="AD19" s="231"/>
      <c r="AE19" s="231"/>
      <c r="AF19" s="231"/>
      <c r="AG19" s="231"/>
      <c r="AH19" s="231"/>
      <c r="AI19" s="231"/>
      <c r="AJ19" s="231"/>
      <c r="AK19" s="231"/>
    </row>
    <row r="20" spans="1:37">
      <c r="A20" s="43" t="s">
        <v>575</v>
      </c>
      <c r="B20" s="81">
        <v>914</v>
      </c>
      <c r="C20" s="82">
        <v>5.6523697118947602</v>
      </c>
      <c r="D20" s="133">
        <v>7.4314186205340971E-2</v>
      </c>
      <c r="P20" s="231"/>
      <c r="Q20" s="231"/>
      <c r="R20" s="231"/>
      <c r="S20" s="231"/>
      <c r="T20" s="231"/>
      <c r="U20" s="231"/>
      <c r="V20" s="231"/>
      <c r="W20" s="231"/>
      <c r="X20" s="231"/>
      <c r="Y20" s="231"/>
      <c r="Z20" s="231"/>
      <c r="AA20" s="231"/>
      <c r="AB20" s="231"/>
      <c r="AC20" s="231"/>
      <c r="AD20" s="231"/>
      <c r="AE20" s="231"/>
      <c r="AF20" s="231"/>
      <c r="AG20" s="231"/>
      <c r="AH20" s="231"/>
      <c r="AI20" s="231"/>
      <c r="AJ20" s="231"/>
      <c r="AK20" s="231"/>
    </row>
    <row r="21" spans="1:37">
      <c r="A21" s="47" t="s">
        <v>576</v>
      </c>
      <c r="B21" s="134">
        <v>746</v>
      </c>
      <c r="C21" s="135">
        <v>5.3395106535187411</v>
      </c>
      <c r="D21" s="136">
        <v>8.795225337007874E-2</v>
      </c>
      <c r="P21" s="231"/>
      <c r="Q21" s="231"/>
      <c r="R21" s="231"/>
      <c r="S21" s="231"/>
      <c r="T21" s="231"/>
      <c r="U21" s="231"/>
      <c r="V21" s="231"/>
      <c r="W21" s="231"/>
      <c r="X21" s="231"/>
      <c r="Y21" s="231"/>
      <c r="Z21" s="231"/>
      <c r="AA21" s="231"/>
      <c r="AB21" s="231"/>
      <c r="AC21" s="231"/>
      <c r="AD21" s="231"/>
      <c r="AE21" s="231"/>
      <c r="AF21" s="231"/>
      <c r="AG21" s="231"/>
      <c r="AH21" s="231"/>
      <c r="AI21" s="231"/>
      <c r="AJ21" s="231"/>
      <c r="AK21" s="231"/>
    </row>
    <row r="22" spans="1:37">
      <c r="A22" s="55" t="s">
        <v>577</v>
      </c>
      <c r="B22" s="131">
        <v>758</v>
      </c>
      <c r="C22" s="132">
        <v>5.5143461676175765</v>
      </c>
      <c r="D22" s="133">
        <v>7.7603651964063727E-2</v>
      </c>
      <c r="P22" s="231"/>
      <c r="Q22" s="231"/>
      <c r="R22" s="231"/>
      <c r="S22" s="231"/>
      <c r="T22" s="231"/>
      <c r="U22" s="231"/>
      <c r="V22" s="231"/>
      <c r="W22" s="231"/>
      <c r="X22" s="231"/>
      <c r="Y22" s="231"/>
      <c r="Z22" s="231"/>
      <c r="AA22" s="231"/>
      <c r="AB22" s="231"/>
      <c r="AC22" s="231"/>
      <c r="AD22" s="231"/>
      <c r="AE22" s="231"/>
      <c r="AF22" s="231"/>
      <c r="AG22" s="231"/>
      <c r="AH22" s="231"/>
      <c r="AI22" s="231"/>
      <c r="AJ22" s="231"/>
      <c r="AK22" s="231"/>
    </row>
    <row r="23" spans="1:37">
      <c r="A23" s="47" t="s">
        <v>578</v>
      </c>
      <c r="B23" s="134">
        <v>257</v>
      </c>
      <c r="C23" s="135">
        <v>5.3558320023516481</v>
      </c>
      <c r="D23" s="136">
        <v>0.14514374884812958</v>
      </c>
      <c r="P23" s="231"/>
      <c r="Q23" s="231"/>
      <c r="R23" s="231"/>
      <c r="S23" s="231"/>
      <c r="T23" s="231"/>
      <c r="U23" s="231"/>
      <c r="V23" s="231"/>
      <c r="W23" s="231"/>
      <c r="X23" s="231"/>
      <c r="Y23" s="231"/>
      <c r="Z23" s="231"/>
      <c r="AA23" s="231"/>
      <c r="AB23" s="231"/>
      <c r="AC23" s="231"/>
      <c r="AD23" s="231"/>
      <c r="AE23" s="231"/>
      <c r="AF23" s="231"/>
      <c r="AG23" s="231"/>
      <c r="AH23" s="231"/>
      <c r="AI23" s="231"/>
      <c r="AJ23" s="231"/>
      <c r="AK23" s="231"/>
    </row>
    <row r="24" spans="1:37">
      <c r="A24" s="55" t="s">
        <v>579</v>
      </c>
      <c r="B24" s="131">
        <v>219</v>
      </c>
      <c r="C24" s="132">
        <v>5.4851791580697933</v>
      </c>
      <c r="D24" s="133">
        <v>0.15472444116550779</v>
      </c>
      <c r="P24" s="231"/>
      <c r="Q24" s="231"/>
      <c r="R24" s="231"/>
      <c r="S24" s="231"/>
      <c r="T24" s="231"/>
      <c r="U24" s="231"/>
      <c r="V24" s="231"/>
      <c r="W24" s="231"/>
      <c r="X24" s="231"/>
      <c r="Y24" s="231"/>
      <c r="Z24" s="231"/>
      <c r="AA24" s="231"/>
      <c r="AB24" s="231"/>
      <c r="AC24" s="231"/>
      <c r="AD24" s="231"/>
      <c r="AE24" s="231"/>
      <c r="AF24" s="231"/>
      <c r="AG24" s="231"/>
      <c r="AH24" s="231"/>
      <c r="AI24" s="231"/>
      <c r="AJ24" s="231"/>
      <c r="AK24" s="231"/>
    </row>
    <row r="25" spans="1:37">
      <c r="A25" s="47" t="s">
        <v>580</v>
      </c>
      <c r="B25" s="134">
        <v>217</v>
      </c>
      <c r="C25" s="135">
        <v>5.4087399731294532</v>
      </c>
      <c r="D25" s="136">
        <v>0.16411493574162411</v>
      </c>
      <c r="P25" s="231"/>
      <c r="Q25" s="231"/>
      <c r="R25" s="231"/>
      <c r="S25" s="231"/>
      <c r="T25" s="231"/>
      <c r="U25" s="231"/>
      <c r="V25" s="231"/>
      <c r="W25" s="231"/>
      <c r="X25" s="231"/>
      <c r="Y25" s="231"/>
      <c r="Z25" s="231"/>
      <c r="AA25" s="231"/>
      <c r="AB25" s="231"/>
      <c r="AC25" s="231"/>
      <c r="AD25" s="231"/>
      <c r="AE25" s="231"/>
      <c r="AF25" s="231"/>
      <c r="AG25" s="231"/>
      <c r="AH25" s="231"/>
      <c r="AI25" s="231"/>
      <c r="AJ25" s="231"/>
      <c r="AK25" s="231"/>
    </row>
    <row r="26" spans="1:37">
      <c r="A26" s="55" t="s">
        <v>581</v>
      </c>
      <c r="B26" s="131">
        <v>122</v>
      </c>
      <c r="C26" s="132">
        <v>5.6937931981738608</v>
      </c>
      <c r="D26" s="133">
        <v>0.19717480132894499</v>
      </c>
      <c r="P26" s="231"/>
      <c r="Q26" s="231"/>
      <c r="R26" s="231"/>
      <c r="S26" s="231"/>
      <c r="T26" s="231"/>
      <c r="U26" s="231"/>
      <c r="V26" s="231"/>
      <c r="W26" s="231"/>
      <c r="X26" s="231"/>
      <c r="Y26" s="231"/>
      <c r="Z26" s="231"/>
      <c r="AA26" s="231"/>
      <c r="AB26" s="231"/>
      <c r="AC26" s="231"/>
      <c r="AD26" s="231"/>
      <c r="AE26" s="231"/>
      <c r="AF26" s="231"/>
      <c r="AG26" s="231"/>
      <c r="AH26" s="231"/>
      <c r="AI26" s="231"/>
      <c r="AJ26" s="231"/>
      <c r="AK26" s="231"/>
    </row>
    <row r="27" spans="1:37">
      <c r="A27" s="47" t="s">
        <v>584</v>
      </c>
      <c r="B27" s="134">
        <v>116</v>
      </c>
      <c r="C27" s="135">
        <v>5.2414480189860591</v>
      </c>
      <c r="D27" s="136">
        <v>0.24389820992808633</v>
      </c>
      <c r="P27" s="231"/>
      <c r="Q27" s="231"/>
      <c r="R27" s="231"/>
      <c r="S27" s="231"/>
      <c r="T27" s="231"/>
      <c r="U27" s="231"/>
      <c r="V27" s="231"/>
      <c r="W27" s="231"/>
      <c r="X27" s="231"/>
      <c r="Y27" s="231"/>
      <c r="Z27" s="231"/>
      <c r="AA27" s="231"/>
      <c r="AB27" s="231"/>
      <c r="AC27" s="231"/>
      <c r="AD27" s="231"/>
      <c r="AE27" s="231"/>
      <c r="AF27" s="231"/>
      <c r="AG27" s="231"/>
      <c r="AH27" s="231"/>
      <c r="AI27" s="231"/>
      <c r="AJ27" s="231"/>
      <c r="AK27" s="231"/>
    </row>
    <row r="28" spans="1:37">
      <c r="A28" s="55" t="s">
        <v>585</v>
      </c>
      <c r="B28" s="131">
        <v>2231</v>
      </c>
      <c r="C28" s="132">
        <v>5.4558341547526066</v>
      </c>
      <c r="D28" s="133">
        <v>4.8060225367158267E-2</v>
      </c>
      <c r="P28" s="231"/>
      <c r="Q28" s="231"/>
      <c r="R28" s="231"/>
      <c r="S28" s="231"/>
      <c r="T28" s="231"/>
      <c r="U28" s="231"/>
      <c r="V28" s="231"/>
      <c r="W28" s="231"/>
      <c r="X28" s="231"/>
      <c r="Y28" s="231"/>
      <c r="Z28" s="231"/>
      <c r="AA28" s="231"/>
      <c r="AB28" s="231"/>
      <c r="AC28" s="231"/>
      <c r="AD28" s="231"/>
      <c r="AE28" s="231"/>
      <c r="AF28" s="231"/>
      <c r="AG28" s="231"/>
      <c r="AH28" s="231"/>
      <c r="AI28" s="231"/>
      <c r="AJ28" s="231"/>
      <c r="AK28" s="231"/>
    </row>
    <row r="29" spans="1:37">
      <c r="A29" s="47" t="s">
        <v>620</v>
      </c>
      <c r="B29" s="134">
        <v>156</v>
      </c>
      <c r="C29" s="135">
        <v>5.5715450472377341</v>
      </c>
      <c r="D29" s="136">
        <v>0.15779093667266009</v>
      </c>
      <c r="P29" s="231"/>
      <c r="Q29" s="231"/>
      <c r="R29" s="231"/>
      <c r="S29" s="231"/>
      <c r="T29" s="231"/>
      <c r="U29" s="231"/>
      <c r="V29" s="231"/>
      <c r="W29" s="231"/>
      <c r="X29" s="231"/>
      <c r="Y29" s="231"/>
      <c r="Z29" s="231"/>
      <c r="AA29" s="231"/>
      <c r="AB29" s="231"/>
      <c r="AC29" s="231"/>
      <c r="AD29" s="231"/>
      <c r="AE29" s="231"/>
      <c r="AF29" s="231"/>
      <c r="AG29" s="231"/>
      <c r="AH29" s="231"/>
      <c r="AI29" s="231"/>
      <c r="AJ29" s="231"/>
      <c r="AK29" s="231"/>
    </row>
    <row r="30" spans="1:37">
      <c r="A30" s="55" t="s">
        <v>621</v>
      </c>
      <c r="B30" s="131">
        <v>161</v>
      </c>
      <c r="C30" s="132">
        <v>5.4194177080594033</v>
      </c>
      <c r="D30" s="133">
        <v>0.15884335748978298</v>
      </c>
      <c r="P30" s="231"/>
      <c r="Q30" s="231"/>
      <c r="R30" s="231"/>
      <c r="S30" s="231"/>
      <c r="T30" s="231"/>
      <c r="U30" s="231"/>
      <c r="V30" s="231"/>
      <c r="W30" s="231"/>
      <c r="X30" s="231"/>
      <c r="Y30" s="231"/>
      <c r="Z30" s="231"/>
      <c r="AA30" s="231"/>
      <c r="AB30" s="231"/>
      <c r="AC30" s="231"/>
      <c r="AD30" s="231"/>
      <c r="AE30" s="231"/>
      <c r="AF30" s="231"/>
      <c r="AG30" s="231"/>
      <c r="AH30" s="231"/>
      <c r="AI30" s="231"/>
      <c r="AJ30" s="231"/>
      <c r="AK30" s="231"/>
    </row>
    <row r="31" spans="1:37">
      <c r="A31" s="47" t="s">
        <v>622</v>
      </c>
      <c r="B31" s="134">
        <v>977</v>
      </c>
      <c r="C31" s="135">
        <v>5.4581570128001857</v>
      </c>
      <c r="D31" s="136">
        <v>7.4026030283833269E-2</v>
      </c>
      <c r="P31" s="231"/>
      <c r="Q31" s="231"/>
      <c r="R31" s="231"/>
      <c r="S31" s="231"/>
      <c r="T31" s="231"/>
      <c r="U31" s="231"/>
      <c r="V31" s="231"/>
      <c r="W31" s="231"/>
      <c r="X31" s="231"/>
      <c r="Y31" s="231"/>
      <c r="Z31" s="231"/>
      <c r="AA31" s="231"/>
      <c r="AB31" s="231"/>
      <c r="AC31" s="231"/>
      <c r="AD31" s="231"/>
      <c r="AE31" s="231"/>
      <c r="AF31" s="231"/>
      <c r="AG31" s="231"/>
      <c r="AH31" s="231"/>
      <c r="AI31" s="231"/>
      <c r="AJ31" s="231"/>
      <c r="AK31" s="231"/>
    </row>
    <row r="32" spans="1:37">
      <c r="A32" s="55" t="s">
        <v>623</v>
      </c>
      <c r="B32" s="131">
        <v>299</v>
      </c>
      <c r="C32" s="132">
        <v>5.5755104594029303</v>
      </c>
      <c r="D32" s="133">
        <v>0.1252274608376224</v>
      </c>
      <c r="P32" s="231"/>
      <c r="Q32" s="231"/>
      <c r="R32" s="231"/>
      <c r="S32" s="231"/>
      <c r="T32" s="231"/>
      <c r="U32" s="231"/>
      <c r="V32" s="231"/>
      <c r="W32" s="231"/>
      <c r="X32" s="231"/>
      <c r="Y32" s="231"/>
      <c r="Z32" s="231"/>
      <c r="AA32" s="231"/>
      <c r="AB32" s="231"/>
      <c r="AC32" s="231"/>
      <c r="AD32" s="231"/>
      <c r="AE32" s="231"/>
      <c r="AF32" s="231"/>
      <c r="AG32" s="231"/>
      <c r="AH32" s="231"/>
      <c r="AI32" s="231"/>
      <c r="AJ32" s="231"/>
      <c r="AK32" s="231"/>
    </row>
    <row r="33" spans="1:56">
      <c r="A33" s="47" t="s">
        <v>624</v>
      </c>
      <c r="B33" s="134">
        <v>317</v>
      </c>
      <c r="C33" s="135">
        <v>5.366956730660096</v>
      </c>
      <c r="D33" s="136">
        <v>0.13397686814293669</v>
      </c>
      <c r="P33" s="231"/>
      <c r="Q33" s="231"/>
      <c r="R33" s="231"/>
      <c r="S33" s="231"/>
      <c r="T33" s="231"/>
      <c r="U33" s="231"/>
      <c r="V33" s="231"/>
      <c r="W33" s="231"/>
      <c r="X33" s="231"/>
      <c r="Y33" s="231"/>
      <c r="Z33" s="231"/>
      <c r="AA33" s="231"/>
      <c r="AB33" s="231"/>
      <c r="AC33" s="231"/>
      <c r="AD33" s="231"/>
      <c r="AE33" s="231"/>
      <c r="AF33" s="231"/>
      <c r="AG33" s="231"/>
      <c r="AH33" s="231"/>
      <c r="AI33" s="231"/>
      <c r="AJ33" s="231"/>
      <c r="AK33" s="231"/>
    </row>
    <row r="34" spans="1:56">
      <c r="A34" s="55" t="s">
        <v>625</v>
      </c>
      <c r="B34" s="131">
        <v>1180</v>
      </c>
      <c r="C34" s="132">
        <v>5.4192308035140826</v>
      </c>
      <c r="D34" s="133">
        <v>6.5263714696619263E-2</v>
      </c>
      <c r="P34" s="231"/>
      <c r="Q34" s="231"/>
      <c r="R34" s="231"/>
      <c r="S34" s="231"/>
      <c r="T34" s="231"/>
      <c r="U34" s="231"/>
      <c r="V34" s="231"/>
      <c r="W34" s="231"/>
      <c r="X34" s="231"/>
      <c r="Y34" s="231"/>
      <c r="Z34" s="231"/>
      <c r="AA34" s="231"/>
      <c r="AB34" s="231"/>
      <c r="AC34" s="231"/>
      <c r="AD34" s="231"/>
      <c r="AE34" s="231"/>
      <c r="AF34" s="231"/>
      <c r="AG34" s="231"/>
      <c r="AH34" s="231"/>
      <c r="AI34" s="231"/>
      <c r="AJ34" s="231"/>
      <c r="AK34" s="231"/>
    </row>
    <row r="35" spans="1:56">
      <c r="A35" s="47" t="s">
        <v>626</v>
      </c>
      <c r="B35" s="134">
        <v>1166</v>
      </c>
      <c r="C35" s="135">
        <v>5.4288245003472726</v>
      </c>
      <c r="D35" s="136">
        <v>6.8428665663315583E-2</v>
      </c>
      <c r="P35" s="231"/>
      <c r="Q35" s="231"/>
      <c r="R35" s="231"/>
      <c r="S35" s="231"/>
      <c r="T35" s="231"/>
      <c r="U35" s="231"/>
      <c r="V35" s="231"/>
      <c r="W35" s="231"/>
      <c r="X35" s="231"/>
      <c r="Y35" s="231"/>
      <c r="Z35" s="231"/>
      <c r="AA35" s="231"/>
      <c r="AB35" s="231"/>
      <c r="AC35" s="231"/>
      <c r="AD35" s="231"/>
      <c r="AE35" s="231"/>
      <c r="AF35" s="231"/>
      <c r="AG35" s="231"/>
      <c r="AH35" s="231"/>
      <c r="AI35" s="231"/>
      <c r="AJ35" s="231"/>
      <c r="AK35" s="231"/>
    </row>
    <row r="36" spans="1:56">
      <c r="A36" s="55" t="s">
        <v>627</v>
      </c>
      <c r="B36" s="131">
        <v>343</v>
      </c>
      <c r="C36" s="132">
        <v>5.4553437663880828</v>
      </c>
      <c r="D36" s="133">
        <v>0.13085620988256846</v>
      </c>
      <c r="P36" s="231"/>
      <c r="Q36" s="231"/>
      <c r="R36" s="231"/>
      <c r="S36" s="231"/>
      <c r="T36" s="231"/>
      <c r="U36" s="231"/>
      <c r="V36" s="231"/>
      <c r="W36" s="231"/>
      <c r="X36" s="231"/>
      <c r="Y36" s="231"/>
      <c r="Z36" s="231"/>
      <c r="AA36" s="231"/>
      <c r="AB36" s="231"/>
      <c r="AC36" s="231"/>
      <c r="AD36" s="231"/>
      <c r="AE36" s="231"/>
      <c r="AF36" s="231"/>
      <c r="AG36" s="231"/>
      <c r="AH36" s="231"/>
      <c r="AI36" s="231"/>
      <c r="AJ36" s="231"/>
      <c r="AK36" s="231"/>
    </row>
    <row r="37" spans="1:56">
      <c r="A37" s="47" t="s">
        <v>628</v>
      </c>
      <c r="B37" s="134">
        <v>823</v>
      </c>
      <c r="C37" s="135">
        <v>5.4127908229493187</v>
      </c>
      <c r="D37" s="136">
        <v>8.0200591640668686E-2</v>
      </c>
      <c r="P37" s="231"/>
      <c r="Q37" s="231"/>
      <c r="R37" s="231"/>
      <c r="S37" s="231"/>
      <c r="T37" s="231"/>
      <c r="U37" s="231"/>
      <c r="V37" s="231"/>
      <c r="W37" s="231"/>
      <c r="X37" s="231"/>
      <c r="Y37" s="231"/>
      <c r="Z37" s="231"/>
      <c r="AA37" s="231"/>
      <c r="AB37" s="231"/>
      <c r="AC37" s="231"/>
      <c r="AD37" s="231"/>
      <c r="AE37" s="231"/>
      <c r="AF37" s="231"/>
      <c r="AG37" s="231"/>
      <c r="AH37" s="231"/>
      <c r="AI37" s="231"/>
      <c r="AJ37" s="231"/>
      <c r="AK37" s="231"/>
    </row>
    <row r="38" spans="1:56">
      <c r="A38" s="55" t="s">
        <v>629</v>
      </c>
      <c r="B38" s="131">
        <v>216</v>
      </c>
      <c r="C38" s="132">
        <v>5.3935615445565981</v>
      </c>
      <c r="D38" s="133">
        <v>0.15091216176829422</v>
      </c>
      <c r="P38" s="231"/>
      <c r="Q38" s="231"/>
      <c r="R38" s="231"/>
      <c r="S38" s="231"/>
      <c r="T38" s="231"/>
      <c r="U38" s="231"/>
      <c r="V38" s="231"/>
      <c r="W38" s="231"/>
      <c r="X38" s="231"/>
      <c r="Y38" s="231"/>
      <c r="Z38" s="231"/>
      <c r="AA38" s="231"/>
      <c r="AB38" s="231"/>
      <c r="AC38" s="231"/>
      <c r="AD38" s="231"/>
      <c r="AE38" s="231"/>
      <c r="AF38" s="231"/>
      <c r="AG38" s="231"/>
      <c r="AH38" s="231"/>
      <c r="AI38" s="231"/>
      <c r="AJ38" s="231"/>
      <c r="AK38" s="231"/>
    </row>
    <row r="39" spans="1:56">
      <c r="A39" s="47" t="s">
        <v>630</v>
      </c>
      <c r="B39" s="134">
        <v>388</v>
      </c>
      <c r="C39" s="135">
        <v>5.3568759918024913</v>
      </c>
      <c r="D39" s="136">
        <v>0.12157423890251715</v>
      </c>
      <c r="P39" s="231"/>
      <c r="Q39" s="231"/>
      <c r="R39" s="231"/>
      <c r="S39" s="231"/>
      <c r="T39" s="231"/>
      <c r="U39" s="231"/>
      <c r="V39" s="231"/>
      <c r="W39" s="231"/>
      <c r="X39" s="231"/>
      <c r="Y39" s="231"/>
      <c r="Z39" s="231"/>
      <c r="AA39" s="231"/>
      <c r="AB39" s="231"/>
      <c r="AC39" s="231"/>
      <c r="AD39" s="231"/>
      <c r="AE39" s="231"/>
      <c r="AF39" s="231"/>
      <c r="AG39" s="231"/>
      <c r="AH39" s="231"/>
      <c r="AI39" s="231"/>
      <c r="AJ39" s="231"/>
      <c r="AK39" s="231"/>
    </row>
    <row r="40" spans="1:56">
      <c r="A40" s="55" t="s">
        <v>631</v>
      </c>
      <c r="B40" s="131">
        <v>55</v>
      </c>
      <c r="C40" s="132">
        <v>5.4493685298156294</v>
      </c>
      <c r="D40" s="133">
        <v>0.37863764322686055</v>
      </c>
      <c r="P40" s="231"/>
      <c r="Q40" s="231"/>
      <c r="R40" s="231"/>
      <c r="S40" s="231"/>
      <c r="T40" s="231"/>
      <c r="U40" s="231"/>
      <c r="V40" s="231"/>
      <c r="W40" s="231"/>
      <c r="X40" s="231"/>
      <c r="Y40" s="231"/>
      <c r="Z40" s="231"/>
      <c r="AA40" s="231"/>
      <c r="AB40" s="231"/>
      <c r="AC40" s="231"/>
      <c r="AD40" s="231"/>
      <c r="AE40" s="231"/>
      <c r="AF40" s="231"/>
      <c r="AG40" s="231"/>
      <c r="AH40" s="231"/>
      <c r="AI40" s="231"/>
      <c r="AJ40" s="231"/>
      <c r="AK40" s="231"/>
    </row>
    <row r="41" spans="1:56">
      <c r="A41" s="47" t="s">
        <v>632</v>
      </c>
      <c r="B41" s="134">
        <v>333</v>
      </c>
      <c r="C41" s="135">
        <v>5.3306716509804231</v>
      </c>
      <c r="D41" s="136">
        <v>0.1273571963490317</v>
      </c>
      <c r="P41" s="231"/>
      <c r="Q41" s="231"/>
      <c r="R41" s="231"/>
      <c r="S41" s="231"/>
      <c r="T41" s="231"/>
      <c r="U41" s="231"/>
      <c r="V41" s="231"/>
      <c r="W41" s="231"/>
      <c r="X41" s="231"/>
      <c r="Y41" s="231"/>
      <c r="Z41" s="231"/>
      <c r="AA41" s="231"/>
      <c r="AB41" s="231"/>
      <c r="AC41" s="231"/>
      <c r="AD41" s="231"/>
      <c r="AE41" s="231"/>
      <c r="AF41" s="231"/>
      <c r="AG41" s="231"/>
      <c r="AH41" s="231"/>
      <c r="AI41" s="231"/>
      <c r="AJ41" s="231"/>
      <c r="AK41" s="231"/>
    </row>
    <row r="42" spans="1:56">
      <c r="A42" s="55" t="s">
        <v>633</v>
      </c>
      <c r="B42" s="131">
        <v>653</v>
      </c>
      <c r="C42" s="132">
        <v>5.5788514033685264</v>
      </c>
      <c r="D42" s="133">
        <v>8.144921586828173E-2</v>
      </c>
      <c r="P42" s="231"/>
      <c r="Q42" s="231"/>
      <c r="R42" s="231"/>
      <c r="S42" s="231"/>
      <c r="T42" s="231"/>
      <c r="U42" s="231"/>
      <c r="V42" s="231"/>
      <c r="W42" s="231"/>
      <c r="X42" s="231"/>
      <c r="Y42" s="231"/>
      <c r="Z42" s="231"/>
      <c r="AA42" s="231"/>
      <c r="AB42" s="231"/>
      <c r="AC42" s="231"/>
      <c r="AD42" s="231"/>
      <c r="AE42" s="231"/>
      <c r="AF42" s="231"/>
      <c r="AG42" s="231"/>
      <c r="AH42" s="231"/>
      <c r="AI42" s="231"/>
      <c r="AJ42" s="231"/>
      <c r="AK42" s="231"/>
    </row>
    <row r="43" spans="1:56">
      <c r="A43" s="47" t="s">
        <v>634</v>
      </c>
      <c r="B43" s="134">
        <v>603</v>
      </c>
      <c r="C43" s="135">
        <v>5.4420502552651575</v>
      </c>
      <c r="D43" s="136">
        <v>9.3363164327387158E-2</v>
      </c>
      <c r="P43" s="231"/>
      <c r="Q43" s="231"/>
      <c r="R43" s="231"/>
      <c r="S43" s="231"/>
      <c r="T43" s="231"/>
      <c r="U43" s="231"/>
      <c r="V43" s="231"/>
      <c r="W43" s="231"/>
      <c r="X43" s="231"/>
      <c r="Y43" s="231"/>
      <c r="Z43" s="231"/>
      <c r="AA43" s="231"/>
      <c r="AB43" s="231"/>
      <c r="AC43" s="231"/>
      <c r="AD43" s="231"/>
      <c r="AE43" s="231"/>
      <c r="AF43" s="231"/>
      <c r="AG43" s="231"/>
      <c r="AH43" s="231"/>
      <c r="AI43" s="231"/>
      <c r="AJ43" s="231"/>
      <c r="AK43" s="231"/>
    </row>
    <row r="44" spans="1:56">
      <c r="A44" s="55" t="s">
        <v>635</v>
      </c>
      <c r="B44" s="131">
        <v>226</v>
      </c>
      <c r="C44" s="132">
        <v>5.429506482515051</v>
      </c>
      <c r="D44" s="133">
        <v>0.15959297595817326</v>
      </c>
      <c r="P44" s="231"/>
      <c r="Q44" s="231"/>
      <c r="R44" s="231"/>
      <c r="S44" s="231"/>
      <c r="T44" s="231"/>
      <c r="U44" s="231"/>
      <c r="V44" s="231"/>
      <c r="W44" s="231"/>
      <c r="X44" s="231"/>
      <c r="Y44" s="231"/>
      <c r="Z44" s="231"/>
      <c r="AA44" s="231"/>
      <c r="AB44" s="231"/>
      <c r="AC44" s="231"/>
      <c r="AD44" s="231"/>
      <c r="AE44" s="231"/>
      <c r="AF44" s="231"/>
      <c r="AG44" s="231"/>
      <c r="AH44" s="231"/>
      <c r="AI44" s="231"/>
      <c r="AJ44" s="231"/>
      <c r="AK44" s="231"/>
    </row>
    <row r="45" spans="1:56">
      <c r="A45" s="47" t="s">
        <v>636</v>
      </c>
      <c r="B45" s="134">
        <v>377</v>
      </c>
      <c r="C45" s="135">
        <v>5.4528539587112324</v>
      </c>
      <c r="D45" s="136">
        <v>0.1147751477633846</v>
      </c>
      <c r="P45" s="231"/>
      <c r="Q45" s="231"/>
      <c r="R45" s="231"/>
      <c r="S45" s="231"/>
      <c r="T45" s="231"/>
      <c r="U45" s="231"/>
      <c r="V45" s="231"/>
      <c r="W45" s="231"/>
      <c r="X45" s="231"/>
      <c r="Y45" s="231"/>
      <c r="Z45" s="231"/>
      <c r="AA45" s="231"/>
      <c r="AB45" s="231"/>
      <c r="AC45" s="231"/>
      <c r="AD45" s="231"/>
      <c r="AE45" s="231"/>
      <c r="AF45" s="231"/>
      <c r="AG45" s="231"/>
      <c r="AH45" s="231"/>
      <c r="AI45" s="231"/>
      <c r="AJ45" s="231"/>
      <c r="AK45" s="231"/>
    </row>
    <row r="46" spans="1:56">
      <c r="P46" s="231"/>
      <c r="Q46" s="231"/>
      <c r="R46" s="231"/>
      <c r="S46" s="231"/>
      <c r="T46" s="231"/>
      <c r="U46" s="231"/>
      <c r="V46" s="231"/>
      <c r="W46" s="231"/>
      <c r="X46" s="231"/>
      <c r="Y46" s="231"/>
      <c r="Z46" s="231"/>
      <c r="AA46" s="231"/>
      <c r="AB46" s="231"/>
      <c r="AC46" s="231"/>
      <c r="AD46" s="231"/>
      <c r="AE46" s="231"/>
      <c r="AF46" s="231"/>
      <c r="AG46" s="231"/>
      <c r="AH46" s="231"/>
      <c r="AI46" s="231"/>
      <c r="AJ46" s="231"/>
      <c r="AK46" s="231"/>
    </row>
    <row r="47" spans="1:56" ht="18.75">
      <c r="A47" s="367" t="s">
        <v>496</v>
      </c>
      <c r="B47" s="367"/>
      <c r="C47" s="367"/>
      <c r="D47" s="367"/>
      <c r="E47" s="367"/>
      <c r="F47" s="367"/>
      <c r="G47" s="367"/>
      <c r="H47" s="367"/>
      <c r="I47" s="367"/>
      <c r="J47" s="367"/>
      <c r="K47" s="367"/>
      <c r="L47" s="367"/>
      <c r="M47" s="367"/>
      <c r="N47" s="367"/>
      <c r="O47" s="367"/>
      <c r="P47" s="367"/>
      <c r="Q47" s="367"/>
      <c r="R47" s="367"/>
      <c r="S47" s="367"/>
      <c r="T47" s="367"/>
      <c r="U47" s="367"/>
      <c r="V47" s="367"/>
      <c r="W47" s="367"/>
      <c r="X47" s="367"/>
      <c r="Y47" s="367"/>
      <c r="Z47" s="367"/>
      <c r="AA47" s="367"/>
      <c r="AB47" s="367"/>
      <c r="AC47" s="367"/>
      <c r="AD47" s="367"/>
      <c r="AE47" s="367"/>
      <c r="AF47" s="367"/>
      <c r="AG47" s="367"/>
      <c r="AH47" s="367"/>
      <c r="AI47" s="367"/>
      <c r="AJ47" s="367"/>
      <c r="AK47" s="367"/>
      <c r="AL47" s="367"/>
      <c r="AM47" s="367"/>
      <c r="AN47" s="367"/>
      <c r="AO47" s="367"/>
      <c r="AP47" s="367"/>
      <c r="AQ47" s="367"/>
      <c r="AR47" s="367"/>
      <c r="AS47" s="367"/>
      <c r="AT47" s="367"/>
      <c r="AU47" s="367"/>
      <c r="AV47" s="367"/>
      <c r="AW47" s="367"/>
      <c r="AX47" s="367"/>
      <c r="AY47" s="367"/>
      <c r="AZ47" s="367"/>
      <c r="BA47" s="367"/>
      <c r="BB47" s="367"/>
      <c r="BC47" s="367"/>
      <c r="BD47" s="367"/>
    </row>
    <row r="48" spans="1:56" ht="69" customHeight="1">
      <c r="A48" s="346" t="s">
        <v>545</v>
      </c>
      <c r="B48" s="346"/>
      <c r="C48" s="346"/>
      <c r="D48" s="346"/>
      <c r="E48" s="346"/>
      <c r="F48" s="346"/>
      <c r="G48" s="346"/>
      <c r="H48" s="346"/>
      <c r="I48" s="346"/>
      <c r="J48" s="346"/>
      <c r="K48" s="346"/>
      <c r="L48" s="346"/>
      <c r="M48" s="346"/>
      <c r="N48" s="346"/>
      <c r="O48" s="346"/>
      <c r="P48" s="346"/>
      <c r="Q48" s="346"/>
      <c r="R48" s="346"/>
      <c r="S48" s="346"/>
      <c r="T48" s="346"/>
      <c r="U48" s="346"/>
      <c r="V48" s="346"/>
      <c r="W48" s="346"/>
      <c r="X48" s="346"/>
      <c r="Y48" s="346"/>
      <c r="Z48" s="346"/>
      <c r="AA48" s="346"/>
      <c r="AB48" s="346"/>
      <c r="AC48" s="346"/>
      <c r="AD48" s="346"/>
      <c r="AE48" s="346"/>
      <c r="AF48" s="346"/>
      <c r="AG48" s="346"/>
      <c r="AH48" s="346"/>
      <c r="AI48" s="346"/>
      <c r="AJ48" s="346"/>
      <c r="AK48" s="346"/>
      <c r="AL48" s="346"/>
      <c r="AM48" s="346"/>
      <c r="AN48" s="346"/>
      <c r="AO48" s="346"/>
      <c r="AP48" s="346"/>
      <c r="AQ48" s="346"/>
      <c r="AR48" s="346"/>
      <c r="AS48" s="346"/>
      <c r="AT48" s="346"/>
      <c r="AU48" s="346"/>
      <c r="AV48" s="346"/>
      <c r="AW48" s="346"/>
      <c r="AX48" s="346"/>
      <c r="AY48" s="346"/>
      <c r="AZ48" s="346"/>
      <c r="BA48" s="346"/>
      <c r="BB48" s="346"/>
      <c r="BC48" s="346"/>
      <c r="BD48" s="346"/>
    </row>
    <row r="49" spans="1:56" ht="39.75" customHeight="1">
      <c r="A49" s="62"/>
      <c r="B49" s="364" t="s">
        <v>362</v>
      </c>
      <c r="C49" s="365"/>
      <c r="D49" s="365"/>
      <c r="E49" s="365"/>
      <c r="F49" s="365"/>
      <c r="G49" s="365"/>
      <c r="H49" s="365"/>
      <c r="I49" s="365"/>
      <c r="J49" s="365"/>
      <c r="K49" s="365"/>
      <c r="L49" s="366"/>
      <c r="M49" s="362" t="s">
        <v>83</v>
      </c>
      <c r="N49" s="363"/>
      <c r="O49" s="363"/>
      <c r="P49" s="363"/>
      <c r="Q49" s="363"/>
      <c r="R49" s="363"/>
      <c r="S49" s="363"/>
      <c r="T49" s="363"/>
      <c r="U49" s="363"/>
      <c r="V49" s="363"/>
      <c r="W49" s="363"/>
      <c r="X49" s="364" t="s">
        <v>363</v>
      </c>
      <c r="Y49" s="365"/>
      <c r="Z49" s="365"/>
      <c r="AA49" s="365"/>
      <c r="AB49" s="365"/>
      <c r="AC49" s="365"/>
      <c r="AD49" s="365"/>
      <c r="AE49" s="365"/>
      <c r="AF49" s="365"/>
      <c r="AG49" s="365"/>
      <c r="AH49" s="366"/>
      <c r="AI49" s="362" t="s">
        <v>364</v>
      </c>
      <c r="AJ49" s="363"/>
      <c r="AK49" s="363"/>
      <c r="AL49" s="363"/>
      <c r="AM49" s="363"/>
      <c r="AN49" s="363"/>
      <c r="AO49" s="363"/>
      <c r="AP49" s="363"/>
      <c r="AQ49" s="363"/>
      <c r="AR49" s="363"/>
      <c r="AS49" s="363"/>
      <c r="AT49" s="364" t="s">
        <v>365</v>
      </c>
      <c r="AU49" s="365"/>
      <c r="AV49" s="365"/>
      <c r="AW49" s="365"/>
      <c r="AX49" s="365"/>
      <c r="AY49" s="365"/>
      <c r="AZ49" s="365"/>
      <c r="BA49" s="365"/>
      <c r="BB49" s="365"/>
      <c r="BC49" s="365"/>
      <c r="BD49" s="366"/>
    </row>
    <row r="50" spans="1:56" ht="72">
      <c r="A50" s="35" t="s">
        <v>70</v>
      </c>
      <c r="B50" s="36" t="s">
        <v>71</v>
      </c>
      <c r="C50" s="37" t="s">
        <v>551</v>
      </c>
      <c r="D50" s="38" t="s">
        <v>72</v>
      </c>
      <c r="E50" s="36" t="s">
        <v>155</v>
      </c>
      <c r="F50" s="87" t="s">
        <v>84</v>
      </c>
      <c r="G50" s="36" t="s">
        <v>156</v>
      </c>
      <c r="H50" s="87" t="s">
        <v>85</v>
      </c>
      <c r="I50" s="36" t="s">
        <v>157</v>
      </c>
      <c r="J50" s="87" t="s">
        <v>86</v>
      </c>
      <c r="K50" s="36" t="s">
        <v>300</v>
      </c>
      <c r="L50" s="87" t="s">
        <v>299</v>
      </c>
      <c r="M50" s="63" t="s">
        <v>71</v>
      </c>
      <c r="N50" s="63" t="s">
        <v>551</v>
      </c>
      <c r="O50" s="63" t="s">
        <v>72</v>
      </c>
      <c r="P50" s="63" t="s">
        <v>155</v>
      </c>
      <c r="Q50" s="86" t="s">
        <v>84</v>
      </c>
      <c r="R50" s="63" t="s">
        <v>156</v>
      </c>
      <c r="S50" s="86" t="s">
        <v>85</v>
      </c>
      <c r="T50" s="63" t="s">
        <v>157</v>
      </c>
      <c r="U50" s="86" t="s">
        <v>86</v>
      </c>
      <c r="V50" s="63" t="s">
        <v>300</v>
      </c>
      <c r="W50" s="86" t="s">
        <v>299</v>
      </c>
      <c r="X50" s="36" t="s">
        <v>71</v>
      </c>
      <c r="Y50" s="37" t="s">
        <v>551</v>
      </c>
      <c r="Z50" s="38" t="s">
        <v>72</v>
      </c>
      <c r="AA50" s="36" t="s">
        <v>155</v>
      </c>
      <c r="AB50" s="87" t="s">
        <v>84</v>
      </c>
      <c r="AC50" s="36" t="s">
        <v>156</v>
      </c>
      <c r="AD50" s="87" t="s">
        <v>85</v>
      </c>
      <c r="AE50" s="36" t="s">
        <v>157</v>
      </c>
      <c r="AF50" s="87" t="s">
        <v>86</v>
      </c>
      <c r="AG50" s="36" t="s">
        <v>300</v>
      </c>
      <c r="AH50" s="87" t="s">
        <v>299</v>
      </c>
      <c r="AI50" s="63" t="s">
        <v>71</v>
      </c>
      <c r="AJ50" s="63" t="s">
        <v>551</v>
      </c>
      <c r="AK50" s="63" t="s">
        <v>72</v>
      </c>
      <c r="AL50" s="63" t="s">
        <v>155</v>
      </c>
      <c r="AM50" s="86" t="s">
        <v>84</v>
      </c>
      <c r="AN50" s="63" t="s">
        <v>156</v>
      </c>
      <c r="AO50" s="86" t="s">
        <v>85</v>
      </c>
      <c r="AP50" s="63" t="s">
        <v>157</v>
      </c>
      <c r="AQ50" s="86" t="s">
        <v>86</v>
      </c>
      <c r="AR50" s="63" t="s">
        <v>300</v>
      </c>
      <c r="AS50" s="86" t="s">
        <v>299</v>
      </c>
      <c r="AT50" s="36" t="s">
        <v>71</v>
      </c>
      <c r="AU50" s="37" t="s">
        <v>551</v>
      </c>
      <c r="AV50" s="38" t="s">
        <v>72</v>
      </c>
      <c r="AW50" s="36" t="s">
        <v>155</v>
      </c>
      <c r="AX50" s="87" t="s">
        <v>84</v>
      </c>
      <c r="AY50" s="36" t="s">
        <v>156</v>
      </c>
      <c r="AZ50" s="87" t="s">
        <v>85</v>
      </c>
      <c r="BA50" s="36" t="s">
        <v>157</v>
      </c>
      <c r="BB50" s="87" t="s">
        <v>86</v>
      </c>
      <c r="BC50" s="36" t="s">
        <v>300</v>
      </c>
      <c r="BD50" s="87" t="s">
        <v>299</v>
      </c>
    </row>
    <row r="51" spans="1:56" ht="92.25" customHeight="1">
      <c r="A51" s="39"/>
      <c r="B51" s="40" t="s">
        <v>73</v>
      </c>
      <c r="C51" s="41" t="s">
        <v>301</v>
      </c>
      <c r="D51" s="42" t="s">
        <v>75</v>
      </c>
      <c r="E51" s="40" t="s">
        <v>158</v>
      </c>
      <c r="F51" s="89" t="s">
        <v>87</v>
      </c>
      <c r="G51" s="40" t="s">
        <v>159</v>
      </c>
      <c r="H51" s="89" t="s">
        <v>87</v>
      </c>
      <c r="I51" s="40" t="s">
        <v>160</v>
      </c>
      <c r="J51" s="89" t="s">
        <v>87</v>
      </c>
      <c r="K51" s="40" t="s">
        <v>300</v>
      </c>
      <c r="L51" s="89" t="s">
        <v>87</v>
      </c>
      <c r="M51" s="66" t="s">
        <v>73</v>
      </c>
      <c r="N51" s="66" t="s">
        <v>301</v>
      </c>
      <c r="O51" s="66" t="s">
        <v>75</v>
      </c>
      <c r="P51" s="66" t="s">
        <v>158</v>
      </c>
      <c r="Q51" s="88" t="s">
        <v>87</v>
      </c>
      <c r="R51" s="66" t="s">
        <v>159</v>
      </c>
      <c r="S51" s="88" t="s">
        <v>87</v>
      </c>
      <c r="T51" s="66" t="s">
        <v>160</v>
      </c>
      <c r="U51" s="88" t="s">
        <v>87</v>
      </c>
      <c r="V51" s="66" t="s">
        <v>300</v>
      </c>
      <c r="W51" s="88" t="s">
        <v>87</v>
      </c>
      <c r="X51" s="40" t="s">
        <v>73</v>
      </c>
      <c r="Y51" s="41" t="s">
        <v>301</v>
      </c>
      <c r="Z51" s="42" t="s">
        <v>75</v>
      </c>
      <c r="AA51" s="40" t="s">
        <v>158</v>
      </c>
      <c r="AB51" s="89" t="s">
        <v>87</v>
      </c>
      <c r="AC51" s="40" t="s">
        <v>159</v>
      </c>
      <c r="AD51" s="89" t="s">
        <v>87</v>
      </c>
      <c r="AE51" s="40" t="s">
        <v>160</v>
      </c>
      <c r="AF51" s="89" t="s">
        <v>87</v>
      </c>
      <c r="AG51" s="40" t="s">
        <v>300</v>
      </c>
      <c r="AH51" s="89" t="s">
        <v>87</v>
      </c>
      <c r="AI51" s="66" t="s">
        <v>73</v>
      </c>
      <c r="AJ51" s="66" t="s">
        <v>301</v>
      </c>
      <c r="AK51" s="66" t="s">
        <v>75</v>
      </c>
      <c r="AL51" s="66" t="s">
        <v>158</v>
      </c>
      <c r="AM51" s="88" t="s">
        <v>87</v>
      </c>
      <c r="AN51" s="66" t="s">
        <v>159</v>
      </c>
      <c r="AO51" s="88" t="s">
        <v>87</v>
      </c>
      <c r="AP51" s="66" t="s">
        <v>160</v>
      </c>
      <c r="AQ51" s="88" t="s">
        <v>87</v>
      </c>
      <c r="AR51" s="66" t="s">
        <v>300</v>
      </c>
      <c r="AS51" s="88" t="s">
        <v>87</v>
      </c>
      <c r="AT51" s="40" t="s">
        <v>73</v>
      </c>
      <c r="AU51" s="41" t="s">
        <v>301</v>
      </c>
      <c r="AV51" s="42" t="s">
        <v>75</v>
      </c>
      <c r="AW51" s="40" t="s">
        <v>158</v>
      </c>
      <c r="AX51" s="89" t="s">
        <v>87</v>
      </c>
      <c r="AY51" s="40" t="s">
        <v>159</v>
      </c>
      <c r="AZ51" s="89" t="s">
        <v>87</v>
      </c>
      <c r="BA51" s="40" t="s">
        <v>160</v>
      </c>
      <c r="BB51" s="89" t="s">
        <v>87</v>
      </c>
      <c r="BC51" s="40" t="s">
        <v>300</v>
      </c>
      <c r="BD51" s="89" t="s">
        <v>87</v>
      </c>
    </row>
    <row r="52" spans="1:56">
      <c r="A52" s="43" t="s">
        <v>348</v>
      </c>
      <c r="B52" s="98">
        <v>14077</v>
      </c>
      <c r="C52" s="99">
        <v>5.6717195030164307</v>
      </c>
      <c r="D52" s="100">
        <v>2.2006655167935329E-2</v>
      </c>
      <c r="E52" s="91">
        <v>6.7939177629308845E-2</v>
      </c>
      <c r="F52" s="92">
        <v>4.2448158483552227E-3</v>
      </c>
      <c r="G52" s="91">
        <v>9.8358568809517877E-2</v>
      </c>
      <c r="H52" s="92">
        <v>5.0218130243042756E-3</v>
      </c>
      <c r="I52" s="91">
        <v>0.8257634858875279</v>
      </c>
      <c r="J52" s="92">
        <v>6.3944270113314647E-3</v>
      </c>
      <c r="K52" s="91">
        <v>7.9387676736491011E-3</v>
      </c>
      <c r="L52" s="92">
        <v>1.5087543635825945E-3</v>
      </c>
      <c r="M52" s="90">
        <v>13888</v>
      </c>
      <c r="N52" s="99">
        <v>4.7609655299294502</v>
      </c>
      <c r="O52" s="100">
        <v>2.4780577644294373E-2</v>
      </c>
      <c r="P52" s="91">
        <v>0.16101703319469568</v>
      </c>
      <c r="Q52" s="92">
        <v>6.2383023087637032E-3</v>
      </c>
      <c r="R52" s="91">
        <v>0.20081184660958318</v>
      </c>
      <c r="S52" s="92">
        <v>6.7988665767560385E-3</v>
      </c>
      <c r="T52" s="91">
        <v>0.55179722526924591</v>
      </c>
      <c r="U52" s="92">
        <v>8.4387086173694625E-3</v>
      </c>
      <c r="V52" s="91">
        <v>8.6373894926489211E-2</v>
      </c>
      <c r="W52" s="92">
        <v>4.7697323725509047E-3</v>
      </c>
      <c r="X52" s="98">
        <v>13988</v>
      </c>
      <c r="Y52" s="99">
        <v>5.4647883414652423</v>
      </c>
      <c r="Z52" s="100">
        <v>2.3873255796919322E-2</v>
      </c>
      <c r="AA52" s="91">
        <v>9.493294388461665E-2</v>
      </c>
      <c r="AB52" s="92">
        <v>4.9587918774402833E-3</v>
      </c>
      <c r="AC52" s="91">
        <v>0.13882229336557911</v>
      </c>
      <c r="AD52" s="92">
        <v>5.8479211209676108E-3</v>
      </c>
      <c r="AE52" s="91">
        <v>0.75480760630495358</v>
      </c>
      <c r="AF52" s="92">
        <v>7.2745355965066223E-3</v>
      </c>
      <c r="AG52" s="91">
        <v>1.1437156444856489E-2</v>
      </c>
      <c r="AH52" s="92">
        <v>1.8086573734438583E-3</v>
      </c>
      <c r="AI52" s="90">
        <v>13944</v>
      </c>
      <c r="AJ52" s="99">
        <v>5.3636066188661893</v>
      </c>
      <c r="AK52" s="100">
        <v>2.4887361890588471E-2</v>
      </c>
      <c r="AL52" s="91">
        <v>9.8959852403268211E-2</v>
      </c>
      <c r="AM52" s="92">
        <v>5.0594128305096559E-3</v>
      </c>
      <c r="AN52" s="91">
        <v>0.13544595495136738</v>
      </c>
      <c r="AO52" s="92">
        <v>5.796881252894309E-3</v>
      </c>
      <c r="AP52" s="91">
        <v>0.73981757192299402</v>
      </c>
      <c r="AQ52" s="92">
        <v>7.4304058022558496E-3</v>
      </c>
      <c r="AR52" s="91">
        <v>2.5776620722375066E-2</v>
      </c>
      <c r="AS52" s="92">
        <v>2.6904729721280692E-3</v>
      </c>
      <c r="AT52" s="98">
        <v>13946</v>
      </c>
      <c r="AU52" s="99">
        <v>5.2427828296385561</v>
      </c>
      <c r="AV52" s="100">
        <v>2.4062594200143159E-2</v>
      </c>
      <c r="AW52" s="91">
        <v>0.11644986583040216</v>
      </c>
      <c r="AX52" s="92">
        <v>5.4338286480597135E-3</v>
      </c>
      <c r="AY52" s="91">
        <v>0.16078765872578515</v>
      </c>
      <c r="AZ52" s="92">
        <v>6.2217324091287576E-3</v>
      </c>
      <c r="BA52" s="91">
        <v>0.70942705138245044</v>
      </c>
      <c r="BB52" s="92">
        <v>7.6886633308146631E-3</v>
      </c>
      <c r="BC52" s="91">
        <v>1.3335424061372461E-2</v>
      </c>
      <c r="BD52" s="92">
        <v>1.95236422490348E-3</v>
      </c>
    </row>
    <row r="53" spans="1:56">
      <c r="A53" s="47" t="s">
        <v>349</v>
      </c>
      <c r="B53" s="102">
        <v>10234</v>
      </c>
      <c r="C53" s="103">
        <v>5.8006953589647354</v>
      </c>
      <c r="D53" s="104">
        <v>2.5271619982050172E-2</v>
      </c>
      <c r="E53" s="94">
        <v>5.9659676196670029E-2</v>
      </c>
      <c r="F53" s="95">
        <v>4.6880363081661094E-3</v>
      </c>
      <c r="G53" s="94">
        <v>8.7849764391385393E-2</v>
      </c>
      <c r="H53" s="95">
        <v>5.5999641570346195E-3</v>
      </c>
      <c r="I53" s="94">
        <v>0.84853044784628484</v>
      </c>
      <c r="J53" s="95">
        <v>7.0889040262602544E-3</v>
      </c>
      <c r="K53" s="94">
        <v>3.9601115656494072E-3</v>
      </c>
      <c r="L53" s="95">
        <v>1.2712979478293133E-3</v>
      </c>
      <c r="M53" s="93">
        <v>10171</v>
      </c>
      <c r="N53" s="103">
        <v>4.9518092136617637</v>
      </c>
      <c r="O53" s="104">
        <v>2.8316101659227592E-2</v>
      </c>
      <c r="P53" s="94">
        <v>0.13800811947648678</v>
      </c>
      <c r="Q53" s="95">
        <v>6.8415520660949705E-3</v>
      </c>
      <c r="R53" s="94">
        <v>0.17956461148555583</v>
      </c>
      <c r="S53" s="95">
        <v>7.6122719028059805E-3</v>
      </c>
      <c r="T53" s="94">
        <v>0.61278144913559662</v>
      </c>
      <c r="U53" s="95">
        <v>9.6583473281565656E-3</v>
      </c>
      <c r="V53" s="94">
        <v>6.9645819902353454E-2</v>
      </c>
      <c r="W53" s="95">
        <v>5.0526803767661395E-3</v>
      </c>
      <c r="X53" s="102">
        <v>10172</v>
      </c>
      <c r="Y53" s="103">
        <v>5.5869534231471416</v>
      </c>
      <c r="Z53" s="104">
        <v>2.764728689001332E-2</v>
      </c>
      <c r="AA53" s="94">
        <v>9.1978480837174081E-2</v>
      </c>
      <c r="AB53" s="95">
        <v>5.7341967651713087E-3</v>
      </c>
      <c r="AC53" s="94">
        <v>0.1198177965089597</v>
      </c>
      <c r="AD53" s="95">
        <v>6.4420219270535962E-3</v>
      </c>
      <c r="AE53" s="94">
        <v>0.78034738616704957</v>
      </c>
      <c r="AF53" s="95">
        <v>8.2097866696426124E-3</v>
      </c>
      <c r="AG53" s="94">
        <v>7.8563364868076968E-3</v>
      </c>
      <c r="AH53" s="95">
        <v>1.7716528897605086E-3</v>
      </c>
      <c r="AI53" s="93">
        <v>10132</v>
      </c>
      <c r="AJ53" s="103">
        <v>5.3689438075203624</v>
      </c>
      <c r="AK53" s="104">
        <v>2.9776632696467912E-2</v>
      </c>
      <c r="AL53" s="94">
        <v>0.10558743794912794</v>
      </c>
      <c r="AM53" s="95">
        <v>6.1087709107046752E-3</v>
      </c>
      <c r="AN53" s="94">
        <v>0.13562741111890766</v>
      </c>
      <c r="AO53" s="95">
        <v>6.8047926543176093E-3</v>
      </c>
      <c r="AP53" s="94">
        <v>0.73746734649363577</v>
      </c>
      <c r="AQ53" s="95">
        <v>8.7419769929064986E-3</v>
      </c>
      <c r="AR53" s="94">
        <v>2.1317804438321323E-2</v>
      </c>
      <c r="AS53" s="95">
        <v>2.8817917428090381E-3</v>
      </c>
      <c r="AT53" s="102">
        <v>10137</v>
      </c>
      <c r="AU53" s="103">
        <v>5.3929460011779753</v>
      </c>
      <c r="AV53" s="104">
        <v>2.7648857802395448E-2</v>
      </c>
      <c r="AW53" s="94">
        <v>0.10402958928087169</v>
      </c>
      <c r="AX53" s="95">
        <v>6.0674023478873556E-3</v>
      </c>
      <c r="AY53" s="94">
        <v>0.13741601575282386</v>
      </c>
      <c r="AZ53" s="95">
        <v>6.8406733060973873E-3</v>
      </c>
      <c r="BA53" s="94">
        <v>0.74984691661001823</v>
      </c>
      <c r="BB53" s="95">
        <v>8.6027208045495827E-3</v>
      </c>
      <c r="BC53" s="94">
        <v>8.70747835627869E-3</v>
      </c>
      <c r="BD53" s="95">
        <v>1.86540820302059E-3</v>
      </c>
    </row>
    <row r="54" spans="1:56">
      <c r="A54" s="43" t="s">
        <v>350</v>
      </c>
      <c r="B54" s="98">
        <v>3843</v>
      </c>
      <c r="C54" s="99">
        <v>5.5695685726458244</v>
      </c>
      <c r="D54" s="100">
        <v>4.3671051724268904E-2</v>
      </c>
      <c r="E54" s="91">
        <v>7.4449882927680469E-2</v>
      </c>
      <c r="F54" s="92">
        <v>8.4875781931290414E-3</v>
      </c>
      <c r="G54" s="91">
        <v>0.10662231864534301</v>
      </c>
      <c r="H54" s="92">
        <v>9.9687910920710637E-3</v>
      </c>
      <c r="I54" s="91">
        <v>0.80786035717153071</v>
      </c>
      <c r="J54" s="92">
        <v>1.2712206754343047E-2</v>
      </c>
      <c r="K54" s="91">
        <v>1.1067441255447584E-2</v>
      </c>
      <c r="L54" s="92">
        <v>3.4491847089210535E-3</v>
      </c>
      <c r="M54" s="90">
        <v>3717</v>
      </c>
      <c r="N54" s="99">
        <v>4.601883811526486</v>
      </c>
      <c r="O54" s="100">
        <v>4.8929803325579023E-2</v>
      </c>
      <c r="P54" s="91">
        <v>0.17957361283544582</v>
      </c>
      <c r="Q54" s="92">
        <v>1.2594071914070342E-2</v>
      </c>
      <c r="R54" s="91">
        <v>0.21794764083061524</v>
      </c>
      <c r="S54" s="92">
        <v>1.3542905101077555E-2</v>
      </c>
      <c r="T54" s="91">
        <v>0.50261373834476852</v>
      </c>
      <c r="U54" s="92">
        <v>1.6393219114925386E-2</v>
      </c>
      <c r="V54" s="91">
        <v>9.9865007989171237E-2</v>
      </c>
      <c r="W54" s="92">
        <v>9.8489548838999168E-3</v>
      </c>
      <c r="X54" s="98">
        <v>3816</v>
      </c>
      <c r="Y54" s="99">
        <v>5.3680021337149011</v>
      </c>
      <c r="Z54" s="100">
        <v>4.6310427609142078E-2</v>
      </c>
      <c r="AA54" s="91">
        <v>9.7258541741567991E-2</v>
      </c>
      <c r="AB54" s="92">
        <v>9.6068707549487944E-3</v>
      </c>
      <c r="AC54" s="91">
        <v>0.15378163333786277</v>
      </c>
      <c r="AD54" s="92">
        <v>1.1684497352447126E-2</v>
      </c>
      <c r="AE54" s="91">
        <v>0.73470403541554274</v>
      </c>
      <c r="AF54" s="92">
        <v>1.4290527697099509E-2</v>
      </c>
      <c r="AG54" s="91">
        <v>1.4255789505028236E-2</v>
      </c>
      <c r="AH54" s="92">
        <v>3.902802593986324E-3</v>
      </c>
      <c r="AI54" s="90">
        <v>3812</v>
      </c>
      <c r="AJ54" s="99">
        <v>5.3593951931661827</v>
      </c>
      <c r="AK54" s="100">
        <v>4.4941211060316094E-2</v>
      </c>
      <c r="AL54" s="91">
        <v>9.3772684357470021E-2</v>
      </c>
      <c r="AM54" s="92">
        <v>9.4572380803216761E-3</v>
      </c>
      <c r="AN54" s="91">
        <v>0.13530393586651437</v>
      </c>
      <c r="AO54" s="92">
        <v>1.108739190888117E-2</v>
      </c>
      <c r="AP54" s="91">
        <v>0.74165700713861027</v>
      </c>
      <c r="AQ54" s="92">
        <v>1.4176347215489897E-2</v>
      </c>
      <c r="AR54" s="91">
        <v>2.9266372637407598E-2</v>
      </c>
      <c r="AS54" s="92">
        <v>5.5014919047469413E-3</v>
      </c>
      <c r="AT54" s="98">
        <v>3809</v>
      </c>
      <c r="AU54" s="99">
        <v>5.1237387333291071</v>
      </c>
      <c r="AV54" s="100">
        <v>4.7389960806706481E-2</v>
      </c>
      <c r="AW54" s="91">
        <v>0.12621411834361967</v>
      </c>
      <c r="AX54" s="92">
        <v>1.0770334328048033E-2</v>
      </c>
      <c r="AY54" s="91">
        <v>0.17916137389442194</v>
      </c>
      <c r="AZ54" s="92">
        <v>1.2429858142465144E-2</v>
      </c>
      <c r="BA54" s="91">
        <v>0.67765080477001594</v>
      </c>
      <c r="BB54" s="92">
        <v>1.5140096599956869E-2</v>
      </c>
      <c r="BC54" s="91">
        <v>1.6973702991942313E-2</v>
      </c>
      <c r="BD54" s="92">
        <v>4.2446619666232479E-3</v>
      </c>
    </row>
    <row r="55" spans="1:56">
      <c r="A55" s="47" t="s">
        <v>568</v>
      </c>
      <c r="B55" s="102">
        <v>11704</v>
      </c>
      <c r="C55" s="103">
        <v>5.6712578227907242</v>
      </c>
      <c r="D55" s="104">
        <v>2.4042331105618119E-2</v>
      </c>
      <c r="E55" s="94">
        <v>6.7865457256148037E-2</v>
      </c>
      <c r="F55" s="95">
        <v>4.6536081557301658E-3</v>
      </c>
      <c r="G55" s="94">
        <v>9.8371517364018765E-2</v>
      </c>
      <c r="H55" s="95">
        <v>5.5081627801319361E-3</v>
      </c>
      <c r="I55" s="94">
        <v>0.82577944721156427</v>
      </c>
      <c r="J55" s="95">
        <v>7.0126114822908446E-3</v>
      </c>
      <c r="K55" s="94">
        <v>7.9835781682733517E-3</v>
      </c>
      <c r="L55" s="95">
        <v>1.6620139779495468E-3</v>
      </c>
      <c r="M55" s="93">
        <v>11531</v>
      </c>
      <c r="N55" s="103">
        <v>4.7579481236632066</v>
      </c>
      <c r="O55" s="104">
        <v>2.7442993541331805E-2</v>
      </c>
      <c r="P55" s="94">
        <v>0.16124539464985488</v>
      </c>
      <c r="Q55" s="95">
        <v>6.8503070573710757E-3</v>
      </c>
      <c r="R55" s="94">
        <v>0.20126365603340557</v>
      </c>
      <c r="S55" s="95">
        <v>7.4677397223332585E-3</v>
      </c>
      <c r="T55" s="94">
        <v>0.5506451803490594</v>
      </c>
      <c r="U55" s="95">
        <v>9.2630366065170958E-3</v>
      </c>
      <c r="V55" s="94">
        <v>8.6845768967697926E-2</v>
      </c>
      <c r="W55" s="95">
        <v>5.2479713796535991E-3</v>
      </c>
      <c r="X55" s="102">
        <v>11628</v>
      </c>
      <c r="Y55" s="103">
        <v>5.4630735532072654</v>
      </c>
      <c r="Z55" s="104">
        <v>2.6242072595696733E-2</v>
      </c>
      <c r="AA55" s="94">
        <v>9.4943887943252092E-2</v>
      </c>
      <c r="AB55" s="95">
        <v>5.439499918733417E-3</v>
      </c>
      <c r="AC55" s="94">
        <v>0.13919185431604622</v>
      </c>
      <c r="AD55" s="95">
        <v>6.4213311735650137E-3</v>
      </c>
      <c r="AE55" s="94">
        <v>0.75436358911212775</v>
      </c>
      <c r="AF55" s="95">
        <v>7.9834693248113028E-3</v>
      </c>
      <c r="AG55" s="94">
        <v>1.1500668628580298E-2</v>
      </c>
      <c r="AH55" s="95">
        <v>1.9914272769406935E-3</v>
      </c>
      <c r="AI55" s="93">
        <v>11582</v>
      </c>
      <c r="AJ55" s="103">
        <v>5.36509808338913</v>
      </c>
      <c r="AK55" s="104">
        <v>2.6759855256762333E-2</v>
      </c>
      <c r="AL55" s="94">
        <v>9.8604341524032565E-2</v>
      </c>
      <c r="AM55" s="95">
        <v>5.5429449238636073E-3</v>
      </c>
      <c r="AN55" s="94">
        <v>0.13535350658379436</v>
      </c>
      <c r="AO55" s="95">
        <v>6.3589811444466461E-3</v>
      </c>
      <c r="AP55" s="94">
        <v>0.7401802678521654</v>
      </c>
      <c r="AQ55" s="95">
        <v>8.1491631679109118E-3</v>
      </c>
      <c r="AR55" s="94">
        <v>2.5861884040013453E-2</v>
      </c>
      <c r="AS55" s="95">
        <v>2.9582658303824254E-3</v>
      </c>
      <c r="AT55" s="102">
        <v>11593</v>
      </c>
      <c r="AU55" s="103">
        <v>5.2415890770375091</v>
      </c>
      <c r="AV55" s="104">
        <v>2.6415986457781471E-2</v>
      </c>
      <c r="AW55" s="94">
        <v>0.11650602445636965</v>
      </c>
      <c r="AX55" s="95">
        <v>5.9613831703637602E-3</v>
      </c>
      <c r="AY55" s="94">
        <v>0.16106808604567363</v>
      </c>
      <c r="AZ55" s="95">
        <v>6.8289284325749903E-3</v>
      </c>
      <c r="BA55" s="94">
        <v>0.70904147102717774</v>
      </c>
      <c r="BB55" s="95">
        <v>8.4360715291256685E-3</v>
      </c>
      <c r="BC55" s="94">
        <v>1.3384418470791172E-2</v>
      </c>
      <c r="BD55" s="95">
        <v>2.1473363519118908E-3</v>
      </c>
    </row>
    <row r="56" spans="1:56">
      <c r="A56" s="43" t="s">
        <v>569</v>
      </c>
      <c r="B56" s="98">
        <v>2373</v>
      </c>
      <c r="C56" s="99">
        <v>5.7308281523058575</v>
      </c>
      <c r="D56" s="100">
        <v>5.4578400548408942E-2</v>
      </c>
      <c r="E56" s="91">
        <v>7.7432884544879982E-2</v>
      </c>
      <c r="F56" s="92">
        <v>1.1010187385755151E-2</v>
      </c>
      <c r="G56" s="91">
        <v>9.6691054442196389E-2</v>
      </c>
      <c r="H56" s="92">
        <v>1.216136587854539E-2</v>
      </c>
      <c r="I56" s="91">
        <v>0.8237079871714339</v>
      </c>
      <c r="J56" s="92">
        <v>1.565109221662711E-2</v>
      </c>
      <c r="K56" s="91">
        <v>2.1680738414885173E-3</v>
      </c>
      <c r="L56" s="92">
        <v>2.2456566493824978E-3</v>
      </c>
      <c r="M56" s="90">
        <v>2357</v>
      </c>
      <c r="N56" s="99">
        <v>5.1233234462702324</v>
      </c>
      <c r="O56" s="100">
        <v>5.6529048487255248E-2</v>
      </c>
      <c r="P56" s="91">
        <v>0.13176376694844294</v>
      </c>
      <c r="Q56" s="92">
        <v>1.3949819109974332E-2</v>
      </c>
      <c r="R56" s="91">
        <v>0.14293473526244341</v>
      </c>
      <c r="S56" s="92">
        <v>1.4431836670983798E-2</v>
      </c>
      <c r="T56" s="91">
        <v>0.6993750060925632</v>
      </c>
      <c r="U56" s="92">
        <v>1.8879415514076792E-2</v>
      </c>
      <c r="V56" s="91">
        <v>2.5926491696547503E-2</v>
      </c>
      <c r="W56" s="92">
        <v>6.6388905596552316E-3</v>
      </c>
      <c r="X56" s="98">
        <v>2360</v>
      </c>
      <c r="Y56" s="99">
        <v>5.6840510267555713</v>
      </c>
      <c r="Z56" s="100">
        <v>5.7064855059625851E-2</v>
      </c>
      <c r="AA56" s="91">
        <v>9.3521891189784642E-2</v>
      </c>
      <c r="AB56" s="92">
        <v>1.2016219243530885E-2</v>
      </c>
      <c r="AC56" s="91">
        <v>9.1173610875911984E-2</v>
      </c>
      <c r="AD56" s="92">
        <v>1.1881117218708768E-2</v>
      </c>
      <c r="AE56" s="91">
        <v>0.81205617170177491</v>
      </c>
      <c r="AF56" s="92">
        <v>1.608723084822072E-2</v>
      </c>
      <c r="AG56" s="91">
        <v>3.248326232526902E-3</v>
      </c>
      <c r="AH56" s="92">
        <v>2.6249276440116183E-3</v>
      </c>
      <c r="AI56" s="90">
        <v>2362</v>
      </c>
      <c r="AJ56" s="99">
        <v>5.1746761001036834</v>
      </c>
      <c r="AK56" s="100">
        <v>6.5285173312748385E-2</v>
      </c>
      <c r="AL56" s="91">
        <v>0.14450291150301112</v>
      </c>
      <c r="AM56" s="92">
        <v>1.4481677179227104E-2</v>
      </c>
      <c r="AN56" s="91">
        <v>0.14728914095207318</v>
      </c>
      <c r="AO56" s="92">
        <v>1.4596015887975768E-2</v>
      </c>
      <c r="AP56" s="91">
        <v>0.69335406517189579</v>
      </c>
      <c r="AQ56" s="92">
        <v>1.8964776209812528E-2</v>
      </c>
      <c r="AR56" s="91">
        <v>1.4853882373017173E-2</v>
      </c>
      <c r="AS56" s="92">
        <v>5.1072027338661076E-3</v>
      </c>
      <c r="AT56" s="98">
        <v>2353</v>
      </c>
      <c r="AU56" s="99">
        <v>5.3955833504234239</v>
      </c>
      <c r="AV56" s="100">
        <v>5.8247826889035188E-2</v>
      </c>
      <c r="AW56" s="91">
        <v>0.10921520976513401</v>
      </c>
      <c r="AX56" s="92">
        <v>1.2883416219090076E-2</v>
      </c>
      <c r="AY56" s="91">
        <v>0.12466150400325246</v>
      </c>
      <c r="AZ56" s="92">
        <v>1.3638074147395462E-2</v>
      </c>
      <c r="BA56" s="91">
        <v>0.75909958535007793</v>
      </c>
      <c r="BB56" s="92">
        <v>1.762741093050994E-2</v>
      </c>
      <c r="BC56" s="91">
        <v>7.0237008815335934E-3</v>
      </c>
      <c r="BD56" s="92">
        <v>3.6379494232127991E-3</v>
      </c>
    </row>
    <row r="57" spans="1:56">
      <c r="A57" s="47" t="s">
        <v>570</v>
      </c>
      <c r="B57" s="102">
        <v>610</v>
      </c>
      <c r="C57" s="103">
        <v>5.7504709481893475</v>
      </c>
      <c r="D57" s="104">
        <v>0.10866083370118088</v>
      </c>
      <c r="E57" s="94">
        <v>8.5564531856562431E-2</v>
      </c>
      <c r="F57" s="95">
        <v>2.2896712751364554E-2</v>
      </c>
      <c r="G57" s="94">
        <v>7.584783563166031E-2</v>
      </c>
      <c r="H57" s="95">
        <v>2.1722464093098012E-2</v>
      </c>
      <c r="I57" s="94">
        <v>0.83784065515624861</v>
      </c>
      <c r="J57" s="95">
        <v>2.9912572467488619E-2</v>
      </c>
      <c r="K57" s="94">
        <v>7.46977355528952E-4</v>
      </c>
      <c r="L57" s="95">
        <v>5.0941906768529905E-3</v>
      </c>
      <c r="M57" s="93">
        <v>604</v>
      </c>
      <c r="N57" s="103">
        <v>5.019666471622716</v>
      </c>
      <c r="O57" s="104">
        <v>0.11262557824735006</v>
      </c>
      <c r="P57" s="94">
        <v>0.14145713831585122</v>
      </c>
      <c r="Q57" s="95">
        <v>2.8461994380059363E-2</v>
      </c>
      <c r="R57" s="94">
        <v>0.13333214527809206</v>
      </c>
      <c r="S57" s="95">
        <v>2.778179573520019E-2</v>
      </c>
      <c r="T57" s="94">
        <v>0.68877735179541433</v>
      </c>
      <c r="U57" s="95">
        <v>3.7594659074588962E-2</v>
      </c>
      <c r="V57" s="94">
        <v>3.6433364610642602E-2</v>
      </c>
      <c r="W57" s="95">
        <v>1.5795616138812058E-2</v>
      </c>
      <c r="X57" s="102">
        <v>607</v>
      </c>
      <c r="Y57" s="103">
        <v>5.7775297447498906</v>
      </c>
      <c r="Z57" s="104">
        <v>0.11214691121200998</v>
      </c>
      <c r="AA57" s="94">
        <v>7.1469194663028299E-2</v>
      </c>
      <c r="AB57" s="95">
        <v>2.1216352962708216E-2</v>
      </c>
      <c r="AC57" s="94">
        <v>9.642397281681292E-2</v>
      </c>
      <c r="AD57" s="95">
        <v>2.4172316625866896E-2</v>
      </c>
      <c r="AE57" s="94">
        <v>0.83074241788797409</v>
      </c>
      <c r="AF57" s="95">
        <v>3.0493705911636079E-2</v>
      </c>
      <c r="AG57" s="94">
        <v>1.364414632185022E-3</v>
      </c>
      <c r="AH57" s="95">
        <v>5.4920736715056333E-3</v>
      </c>
      <c r="AI57" s="93">
        <v>608</v>
      </c>
      <c r="AJ57" s="103">
        <v>5.075988057461216</v>
      </c>
      <c r="AK57" s="104">
        <v>0.13586459729027905</v>
      </c>
      <c r="AL57" s="94">
        <v>0.17107638262843167</v>
      </c>
      <c r="AM57" s="95">
        <v>3.0595280328828522E-2</v>
      </c>
      <c r="AN57" s="94">
        <v>0.1460626770107222</v>
      </c>
      <c r="AO57" s="95">
        <v>2.873823232812682E-2</v>
      </c>
      <c r="AP57" s="94">
        <v>0.66572932930084594</v>
      </c>
      <c r="AQ57" s="95">
        <v>3.8168156621627335E-2</v>
      </c>
      <c r="AR57" s="94">
        <v>1.7131611060001002E-2</v>
      </c>
      <c r="AS57" s="95">
        <v>1.1397748412099682E-2</v>
      </c>
      <c r="AT57" s="102">
        <v>606</v>
      </c>
      <c r="AU57" s="103">
        <v>5.2602571328705707</v>
      </c>
      <c r="AV57" s="104">
        <v>0.1188871735417735</v>
      </c>
      <c r="AW57" s="94">
        <v>0.13989059472605925</v>
      </c>
      <c r="AX57" s="95">
        <v>2.8286165941649215E-2</v>
      </c>
      <c r="AY57" s="94">
        <v>0.12454068246062419</v>
      </c>
      <c r="AZ57" s="95">
        <v>2.6963609019131588E-2</v>
      </c>
      <c r="BA57" s="94">
        <v>0.73277711642053678</v>
      </c>
      <c r="BB57" s="95">
        <v>3.5898135440950364E-2</v>
      </c>
      <c r="BC57" s="94">
        <v>2.7916063927804326E-3</v>
      </c>
      <c r="BD57" s="95">
        <v>6.280525574317508E-3</v>
      </c>
    </row>
    <row r="58" spans="1:56">
      <c r="A58" s="43" t="s">
        <v>571</v>
      </c>
      <c r="B58" s="98">
        <v>1267</v>
      </c>
      <c r="C58" s="99">
        <v>5.8520873433358682</v>
      </c>
      <c r="D58" s="100">
        <v>7.0968292351091769E-2</v>
      </c>
      <c r="E58" s="91">
        <v>5.7390017290602488E-2</v>
      </c>
      <c r="F58" s="92">
        <v>1.3195561132984287E-2</v>
      </c>
      <c r="G58" s="91">
        <v>7.9407862020179507E-2</v>
      </c>
      <c r="H58" s="92">
        <v>1.5282695787298774E-2</v>
      </c>
      <c r="I58" s="91">
        <v>0.85922880552811831</v>
      </c>
      <c r="J58" s="92">
        <v>1.9575802883240182E-2</v>
      </c>
      <c r="K58" s="91">
        <v>3.9733151611004462E-3</v>
      </c>
      <c r="L58" s="92">
        <v>4.1618496794069643E-3</v>
      </c>
      <c r="M58" s="90">
        <v>1271</v>
      </c>
      <c r="N58" s="99">
        <v>5.2474743124834875</v>
      </c>
      <c r="O58" s="100">
        <v>7.2453342097324819E-2</v>
      </c>
      <c r="P58" s="91">
        <v>9.8213253944975015E-2</v>
      </c>
      <c r="Q58" s="92">
        <v>1.6763988685347311E-2</v>
      </c>
      <c r="R58" s="91">
        <v>0.14381320748528204</v>
      </c>
      <c r="S58" s="92">
        <v>1.9717674852079821E-2</v>
      </c>
      <c r="T58" s="91">
        <v>0.73636790865886526</v>
      </c>
      <c r="U58" s="92">
        <v>2.4700890983328661E-2</v>
      </c>
      <c r="V58" s="91">
        <v>2.1605629910878728E-2</v>
      </c>
      <c r="W58" s="92">
        <v>8.4152179251332487E-3</v>
      </c>
      <c r="X58" s="98">
        <v>1262</v>
      </c>
      <c r="Y58" s="99">
        <v>5.817432922492384</v>
      </c>
      <c r="Z58" s="100">
        <v>7.5287583292562826E-2</v>
      </c>
      <c r="AA58" s="91">
        <v>6.4177954119994482E-2</v>
      </c>
      <c r="AB58" s="92">
        <v>1.3912103491280249E-2</v>
      </c>
      <c r="AC58" s="91">
        <v>8.7998935782092585E-2</v>
      </c>
      <c r="AD58" s="92">
        <v>1.602979709679523E-2</v>
      </c>
      <c r="AE58" s="91">
        <v>0.84376300565173967</v>
      </c>
      <c r="AF58" s="92">
        <v>2.0466330002844618E-2</v>
      </c>
      <c r="AG58" s="91">
        <v>4.0601044461745731E-3</v>
      </c>
      <c r="AH58" s="92">
        <v>4.204635745060397E-3</v>
      </c>
      <c r="AI58" s="90">
        <v>1262</v>
      </c>
      <c r="AJ58" s="99">
        <v>5.1726542409452696</v>
      </c>
      <c r="AK58" s="100">
        <v>8.6474371723371413E-2</v>
      </c>
      <c r="AL58" s="91">
        <v>0.14209324189303249</v>
      </c>
      <c r="AM58" s="92">
        <v>1.969041073509735E-2</v>
      </c>
      <c r="AN58" s="91">
        <v>0.16173970991411704</v>
      </c>
      <c r="AO58" s="92">
        <v>2.0752195281146281E-2</v>
      </c>
      <c r="AP58" s="91">
        <v>0.67692847750513574</v>
      </c>
      <c r="AQ58" s="92">
        <v>2.6298433867075581E-2</v>
      </c>
      <c r="AR58" s="91">
        <v>1.9238570687715898E-2</v>
      </c>
      <c r="AS58" s="92">
        <v>8.0139467048611131E-3</v>
      </c>
      <c r="AT58" s="98">
        <v>1259</v>
      </c>
      <c r="AU58" s="99">
        <v>5.544665591332703</v>
      </c>
      <c r="AV58" s="100">
        <v>7.5924996796588443E-2</v>
      </c>
      <c r="AW58" s="91">
        <v>8.1559376052030175E-2</v>
      </c>
      <c r="AX58" s="92">
        <v>1.5515909762327288E-2</v>
      </c>
      <c r="AY58" s="91">
        <v>0.10684036236272709</v>
      </c>
      <c r="AZ58" s="92">
        <v>1.7473250057056328E-2</v>
      </c>
      <c r="BA58" s="91">
        <v>0.79945636667655406</v>
      </c>
      <c r="BB58" s="92">
        <v>2.2573395173225472E-2</v>
      </c>
      <c r="BC58" s="91">
        <v>1.2143894908689536E-2</v>
      </c>
      <c r="BD58" s="92">
        <v>6.5391392254593953E-3</v>
      </c>
    </row>
    <row r="59" spans="1:56">
      <c r="A59" s="47" t="s">
        <v>582</v>
      </c>
      <c r="B59" s="102">
        <v>867</v>
      </c>
      <c r="C59" s="103">
        <v>5.5936913792623635</v>
      </c>
      <c r="D59" s="104">
        <v>9.6050562753330793E-2</v>
      </c>
      <c r="E59" s="94">
        <v>0.10639283529399789</v>
      </c>
      <c r="F59" s="95">
        <v>2.105082246073172E-2</v>
      </c>
      <c r="G59" s="94">
        <v>0.10562136885868939</v>
      </c>
      <c r="H59" s="95">
        <v>2.0985017381365611E-2</v>
      </c>
      <c r="I59" s="94">
        <v>0.78429828915772659</v>
      </c>
      <c r="J59" s="95">
        <v>2.7934246888320989E-2</v>
      </c>
      <c r="K59" s="94">
        <v>3.6875066895873045E-3</v>
      </c>
      <c r="L59" s="95">
        <v>5.2190505265214812E-3</v>
      </c>
      <c r="M59" s="93">
        <v>864</v>
      </c>
      <c r="N59" s="103">
        <v>5.1602960848310726</v>
      </c>
      <c r="O59" s="104">
        <v>9.8701020890620716E-2</v>
      </c>
      <c r="P59" s="94">
        <v>0.13135566742384719</v>
      </c>
      <c r="Q59" s="95">
        <v>2.3055832066844254E-2</v>
      </c>
      <c r="R59" s="94">
        <v>0.13839415956940856</v>
      </c>
      <c r="S59" s="95">
        <v>2.3559278055762502E-2</v>
      </c>
      <c r="T59" s="94">
        <v>0.69523473581891038</v>
      </c>
      <c r="U59" s="95">
        <v>3.127357312250767E-2</v>
      </c>
      <c r="V59" s="94">
        <v>3.5015437187835369E-2</v>
      </c>
      <c r="W59" s="95">
        <v>1.2840296887192982E-2</v>
      </c>
      <c r="X59" s="102">
        <v>862</v>
      </c>
      <c r="Y59" s="103">
        <v>5.5379630555172241</v>
      </c>
      <c r="Z59" s="104">
        <v>9.9383350763879413E-2</v>
      </c>
      <c r="AA59" s="94">
        <v>0.10379689147859163</v>
      </c>
      <c r="AB59" s="95">
        <v>2.0889004015437057E-2</v>
      </c>
      <c r="AC59" s="94">
        <v>0.12254828741322363</v>
      </c>
      <c r="AD59" s="95">
        <v>2.2421871882624858E-2</v>
      </c>
      <c r="AE59" s="94">
        <v>0.76489112600478293</v>
      </c>
      <c r="AF59" s="95">
        <v>2.8872531134871132E-2</v>
      </c>
      <c r="AG59" s="94">
        <v>8.763695103403208E-3</v>
      </c>
      <c r="AH59" s="95">
        <v>7.0990891088051674E-3</v>
      </c>
      <c r="AI59" s="93">
        <v>860</v>
      </c>
      <c r="AJ59" s="103">
        <v>4.9995043102568912</v>
      </c>
      <c r="AK59" s="104">
        <v>0.11091276702829543</v>
      </c>
      <c r="AL59" s="94">
        <v>0.17771645411893505</v>
      </c>
      <c r="AM59" s="95">
        <v>2.6095694478303646E-2</v>
      </c>
      <c r="AN59" s="94">
        <v>0.15351392325634966</v>
      </c>
      <c r="AO59" s="95">
        <v>2.4632147734944307E-2</v>
      </c>
      <c r="AP59" s="94">
        <v>0.64359583813593135</v>
      </c>
      <c r="AQ59" s="95">
        <v>3.2601033631109895E-2</v>
      </c>
      <c r="AR59" s="94">
        <v>2.5173784488785413E-2</v>
      </c>
      <c r="AS59" s="95">
        <v>1.1101973603445586E-2</v>
      </c>
      <c r="AT59" s="102">
        <v>860</v>
      </c>
      <c r="AU59" s="103">
        <v>5.3888988510778137</v>
      </c>
      <c r="AV59" s="104">
        <v>9.9826463434864288E-2</v>
      </c>
      <c r="AW59" s="94">
        <v>0.11597666422884888</v>
      </c>
      <c r="AX59" s="95">
        <v>2.1930911719034683E-2</v>
      </c>
      <c r="AY59" s="94">
        <v>0.12552919886981065</v>
      </c>
      <c r="AZ59" s="95">
        <v>2.2675960559332867E-2</v>
      </c>
      <c r="BA59" s="94">
        <v>0.74988480977754823</v>
      </c>
      <c r="BB59" s="95">
        <v>2.9512584731176034E-2</v>
      </c>
      <c r="BC59" s="94">
        <v>8.6093271237939889E-3</v>
      </c>
      <c r="BD59" s="95">
        <v>7.0598684234279173E-3</v>
      </c>
    </row>
    <row r="60" spans="1:56">
      <c r="A60" s="43" t="s">
        <v>583</v>
      </c>
      <c r="B60" s="98">
        <v>1506</v>
      </c>
      <c r="C60" s="99">
        <v>5.7860107031241261</v>
      </c>
      <c r="D60" s="100">
        <v>6.5698384278039396E-2</v>
      </c>
      <c r="E60" s="91">
        <v>6.5754733753632791E-2</v>
      </c>
      <c r="F60" s="92">
        <v>1.2859790643464502E-2</v>
      </c>
      <c r="G60" s="91">
        <v>9.30898895344065E-2</v>
      </c>
      <c r="H60" s="92">
        <v>1.5031994408299653E-2</v>
      </c>
      <c r="I60" s="91">
        <v>0.83960001682399321</v>
      </c>
      <c r="J60" s="92">
        <v>1.8930477858942175E-2</v>
      </c>
      <c r="K60" s="91">
        <v>1.5553598879672903E-3</v>
      </c>
      <c r="L60" s="92">
        <v>2.7560760774140497E-3</v>
      </c>
      <c r="M60" s="90">
        <v>1493</v>
      </c>
      <c r="N60" s="99">
        <v>5.1086580612316013</v>
      </c>
      <c r="O60" s="100">
        <v>6.8634033519632084E-2</v>
      </c>
      <c r="P60" s="91">
        <v>0.13192777910522988</v>
      </c>
      <c r="Q60" s="92">
        <v>1.7548167571880685E-2</v>
      </c>
      <c r="R60" s="91">
        <v>0.14475955878607913</v>
      </c>
      <c r="S60" s="92">
        <v>1.8237483392338067E-2</v>
      </c>
      <c r="T60" s="91">
        <v>0.70103894985219983</v>
      </c>
      <c r="U60" s="92">
        <v>2.3676682117250585E-2</v>
      </c>
      <c r="V60" s="91">
        <v>2.2273712256490552E-2</v>
      </c>
      <c r="W60" s="92">
        <v>7.8386518118998168E-3</v>
      </c>
      <c r="X60" s="98">
        <v>1498</v>
      </c>
      <c r="Y60" s="99">
        <v>5.7422113029493973</v>
      </c>
      <c r="Z60" s="100">
        <v>6.9032943840482697E-2</v>
      </c>
      <c r="AA60" s="91">
        <v>8.9399333640692191E-2</v>
      </c>
      <c r="AB60" s="92">
        <v>1.4804888347555233E-2</v>
      </c>
      <c r="AC60" s="91">
        <v>7.8585396182610706E-2</v>
      </c>
      <c r="AD60" s="92">
        <v>1.3976807792271577E-2</v>
      </c>
      <c r="AE60" s="91">
        <v>0.83097983201575831</v>
      </c>
      <c r="AF60" s="92">
        <v>1.9380213530926983E-2</v>
      </c>
      <c r="AG60" s="91">
        <v>1.0354381609390931E-3</v>
      </c>
      <c r="AH60" s="92">
        <v>2.506263242409856E-3</v>
      </c>
      <c r="AI60" s="90">
        <v>1502</v>
      </c>
      <c r="AJ60" s="99">
        <v>5.2438510008324393</v>
      </c>
      <c r="AK60" s="100">
        <v>8.0433053139243621E-2</v>
      </c>
      <c r="AL60" s="91">
        <v>0.13119247123831795</v>
      </c>
      <c r="AM60" s="92">
        <v>1.7454367872867502E-2</v>
      </c>
      <c r="AN60" s="91">
        <v>0.14479453825401442</v>
      </c>
      <c r="AO60" s="92">
        <v>1.8184419035559157E-2</v>
      </c>
      <c r="AP60" s="91">
        <v>0.71329484403725629</v>
      </c>
      <c r="AQ60" s="92">
        <v>2.3319859146444216E-2</v>
      </c>
      <c r="AR60" s="91">
        <v>1.0718146470411078E-2</v>
      </c>
      <c r="AS60" s="92">
        <v>5.6156853835601763E-3</v>
      </c>
      <c r="AT60" s="98">
        <v>1493</v>
      </c>
      <c r="AU60" s="99">
        <v>5.3982773429064377</v>
      </c>
      <c r="AV60" s="100">
        <v>7.1527239145180374E-2</v>
      </c>
      <c r="AW60" s="91">
        <v>0.10648408394515485</v>
      </c>
      <c r="AX60" s="92">
        <v>1.6013660287390388E-2</v>
      </c>
      <c r="AY60" s="91">
        <v>0.12431101967083023</v>
      </c>
      <c r="AZ60" s="92">
        <v>1.7113792547768458E-2</v>
      </c>
      <c r="BA60" s="91">
        <v>0.7628216708313198</v>
      </c>
      <c r="BB60" s="92">
        <v>2.2009496685842799E-2</v>
      </c>
      <c r="BC60" s="91">
        <v>6.3832255526950973E-3</v>
      </c>
      <c r="BD60" s="92">
        <v>4.5190464149785408E-3</v>
      </c>
    </row>
    <row r="61" spans="1:56">
      <c r="A61" s="47" t="s">
        <v>572</v>
      </c>
      <c r="B61" s="102">
        <v>295</v>
      </c>
      <c r="C61" s="103">
        <v>5.3408749952065167</v>
      </c>
      <c r="D61" s="104">
        <v>0.18936326678232299</v>
      </c>
      <c r="E61" s="94">
        <v>0.13366060418622619</v>
      </c>
      <c r="F61" s="95">
        <v>3.9960211967330551E-2</v>
      </c>
      <c r="G61" s="94">
        <v>0.15454764313120481</v>
      </c>
      <c r="H61" s="95">
        <v>4.2313416284334375E-2</v>
      </c>
      <c r="I61" s="94">
        <v>0.71179175268256845</v>
      </c>
      <c r="J61" s="95">
        <v>5.253906073130786E-2</v>
      </c>
      <c r="K61" s="94">
        <v>0</v>
      </c>
      <c r="L61" s="95">
        <v>9.4279318741167257E-3</v>
      </c>
      <c r="M61" s="93">
        <v>291</v>
      </c>
      <c r="N61" s="103">
        <v>4.8148448832321797</v>
      </c>
      <c r="O61" s="104">
        <v>0.18234691443044782</v>
      </c>
      <c r="P61" s="94">
        <v>0.19123781542721677</v>
      </c>
      <c r="Q61" s="95">
        <v>4.6173397120512112E-2</v>
      </c>
      <c r="R61" s="94">
        <v>0.17757052638488471</v>
      </c>
      <c r="S61" s="95">
        <v>4.4923950172830275E-2</v>
      </c>
      <c r="T61" s="94">
        <v>0.6020181602733583</v>
      </c>
      <c r="U61" s="95">
        <v>5.7030782566605147E-2</v>
      </c>
      <c r="V61" s="94">
        <v>2.9173497914539763E-2</v>
      </c>
      <c r="W61" s="95">
        <v>2.1563699613615987E-2</v>
      </c>
      <c r="X61" s="102">
        <v>294</v>
      </c>
      <c r="Y61" s="103">
        <v>5.2845334718122734</v>
      </c>
      <c r="Z61" s="104">
        <v>0.17091329552268958</v>
      </c>
      <c r="AA61" s="94">
        <v>0.16513812529320171</v>
      </c>
      <c r="AB61" s="95">
        <v>4.3482248096878701E-2</v>
      </c>
      <c r="AC61" s="94">
        <v>0.11168720648934082</v>
      </c>
      <c r="AD61" s="95">
        <v>3.7224869960225331E-2</v>
      </c>
      <c r="AE61" s="94">
        <v>0.71987205094472972</v>
      </c>
      <c r="AF61" s="95">
        <v>5.2192903549584758E-2</v>
      </c>
      <c r="AG61" s="94">
        <v>3.3026172727273007E-3</v>
      </c>
      <c r="AH61" s="95">
        <v>1.1510311334328444E-2</v>
      </c>
      <c r="AI61" s="93">
        <v>293</v>
      </c>
      <c r="AJ61" s="103">
        <v>5.2757341136591247</v>
      </c>
      <c r="AK61" s="104">
        <v>0.17861686113466679</v>
      </c>
      <c r="AL61" s="94">
        <v>0.11954624804374775</v>
      </c>
      <c r="AM61" s="95">
        <v>3.8337073942936471E-2</v>
      </c>
      <c r="AN61" s="94">
        <v>0.11054699499241667</v>
      </c>
      <c r="AO61" s="95">
        <v>3.7133725138218811E-2</v>
      </c>
      <c r="AP61" s="94">
        <v>0.76648375459001061</v>
      </c>
      <c r="AQ61" s="95">
        <v>4.9357672344725843E-2</v>
      </c>
      <c r="AR61" s="94">
        <v>3.4230023738246146E-3</v>
      </c>
      <c r="AS61" s="95">
        <v>1.1610211228293589E-2</v>
      </c>
      <c r="AT61" s="102">
        <v>292</v>
      </c>
      <c r="AU61" s="103">
        <v>5.1592666092290935</v>
      </c>
      <c r="AV61" s="104">
        <v>0.17386992667807963</v>
      </c>
      <c r="AW61" s="94">
        <v>0.12932758342235273</v>
      </c>
      <c r="AX61" s="95">
        <v>3.9642034950370997E-2</v>
      </c>
      <c r="AY61" s="94">
        <v>0.18213976153687544</v>
      </c>
      <c r="AZ61" s="95">
        <v>4.5273507779130036E-2</v>
      </c>
      <c r="BA61" s="94">
        <v>0.68853265504077132</v>
      </c>
      <c r="BB61" s="95">
        <v>5.3953134173631956E-2</v>
      </c>
      <c r="BC61" s="94">
        <v>0</v>
      </c>
      <c r="BD61" s="95">
        <v>9.5231602429016963E-3</v>
      </c>
    </row>
    <row r="62" spans="1:56">
      <c r="A62" s="43" t="s">
        <v>573</v>
      </c>
      <c r="B62" s="98">
        <v>447</v>
      </c>
      <c r="C62" s="99">
        <v>5.7435137170784047</v>
      </c>
      <c r="D62" s="100">
        <v>0.12139391326730713</v>
      </c>
      <c r="E62" s="91">
        <v>7.6096682429412851E-2</v>
      </c>
      <c r="F62" s="92">
        <v>2.5528440610295522E-2</v>
      </c>
      <c r="G62" s="91">
        <v>7.6240757947824409E-2</v>
      </c>
      <c r="H62" s="92">
        <v>2.5549272427703017E-2</v>
      </c>
      <c r="I62" s="91">
        <v>0.8457746255305405</v>
      </c>
      <c r="J62" s="92">
        <v>3.4287334621148316E-2</v>
      </c>
      <c r="K62" s="91">
        <v>1.8879340922224796E-3</v>
      </c>
      <c r="L62" s="92">
        <v>7.4548257329804949E-3</v>
      </c>
      <c r="M62" s="90">
        <v>447</v>
      </c>
      <c r="N62" s="99">
        <v>5.1556958920003861</v>
      </c>
      <c r="O62" s="100">
        <v>0.12522082070897689</v>
      </c>
      <c r="P62" s="91">
        <v>0.12842273776149599</v>
      </c>
      <c r="Q62" s="92">
        <v>3.1848951509935323E-2</v>
      </c>
      <c r="R62" s="91">
        <v>0.13013877843279109</v>
      </c>
      <c r="S62" s="92">
        <v>3.2022508164954791E-2</v>
      </c>
      <c r="T62" s="91">
        <v>0.72155645212070452</v>
      </c>
      <c r="U62" s="92">
        <v>4.2303895254573988E-2</v>
      </c>
      <c r="V62" s="91">
        <v>1.9882031685009474E-2</v>
      </c>
      <c r="W62" s="92">
        <v>1.445461767433236E-2</v>
      </c>
      <c r="X62" s="98">
        <v>444</v>
      </c>
      <c r="Y62" s="99">
        <v>5.6488075953616343</v>
      </c>
      <c r="Z62" s="100">
        <v>0.1320871997399819</v>
      </c>
      <c r="AA62" s="91">
        <v>8.5424673255468708E-2</v>
      </c>
      <c r="AB62" s="92">
        <v>2.692296421751729E-2</v>
      </c>
      <c r="AC62" s="91">
        <v>9.8666337303635304E-2</v>
      </c>
      <c r="AD62" s="92">
        <v>2.8628575545710341E-2</v>
      </c>
      <c r="AE62" s="91">
        <v>0.81590898944089618</v>
      </c>
      <c r="AF62" s="92">
        <v>3.6836471445942466E-2</v>
      </c>
      <c r="AG62" s="91">
        <v>0</v>
      </c>
      <c r="AH62" s="92">
        <v>6.2993451100568911E-3</v>
      </c>
      <c r="AI62" s="90">
        <v>445</v>
      </c>
      <c r="AJ62" s="99">
        <v>5.044896532505506</v>
      </c>
      <c r="AK62" s="100">
        <v>0.14762976542121001</v>
      </c>
      <c r="AL62" s="91">
        <v>0.15105251688173862</v>
      </c>
      <c r="AM62" s="92">
        <v>3.4083025953547133E-2</v>
      </c>
      <c r="AN62" s="91">
        <v>0.18672961559606446</v>
      </c>
      <c r="AO62" s="92">
        <v>3.6991836182488108E-2</v>
      </c>
      <c r="AP62" s="91">
        <v>0.65432013877244688</v>
      </c>
      <c r="AQ62" s="92">
        <v>4.4930802543728367E-2</v>
      </c>
      <c r="AR62" s="91">
        <v>7.8977287497513406E-3</v>
      </c>
      <c r="AS62" s="92">
        <v>1.0395678760502985E-2</v>
      </c>
      <c r="AT62" s="98">
        <v>446</v>
      </c>
      <c r="AU62" s="99">
        <v>5.2857056490153296</v>
      </c>
      <c r="AV62" s="100">
        <v>0.13389377740596087</v>
      </c>
      <c r="AW62" s="91">
        <v>0.12195261411316467</v>
      </c>
      <c r="AX62" s="92">
        <v>3.1213911214880315E-2</v>
      </c>
      <c r="AY62" s="91">
        <v>0.11461434950235951</v>
      </c>
      <c r="AZ62" s="92">
        <v>3.0420250301107964E-2</v>
      </c>
      <c r="BA62" s="91">
        <v>0.76343303638447646</v>
      </c>
      <c r="BB62" s="92">
        <v>4.0202960193990125E-2</v>
      </c>
      <c r="BC62" s="91">
        <v>0</v>
      </c>
      <c r="BD62" s="92">
        <v>6.271410515116066E-3</v>
      </c>
    </row>
    <row r="63" spans="1:56">
      <c r="A63" s="47" t="s">
        <v>574</v>
      </c>
      <c r="B63" s="102">
        <v>676</v>
      </c>
      <c r="C63" s="103">
        <v>5.8068110790554588</v>
      </c>
      <c r="D63" s="104">
        <v>9.936853705350808E-2</v>
      </c>
      <c r="E63" s="94">
        <v>5.5468080930544145E-2</v>
      </c>
      <c r="F63" s="95">
        <v>1.793933283515543E-2</v>
      </c>
      <c r="G63" s="94">
        <v>8.8953659513408667E-2</v>
      </c>
      <c r="H63" s="95">
        <v>2.2099083516334703E-2</v>
      </c>
      <c r="I63" s="94">
        <v>0.85557825955604638</v>
      </c>
      <c r="J63" s="95">
        <v>2.7121427121407922E-2</v>
      </c>
      <c r="K63" s="94">
        <v>0</v>
      </c>
      <c r="L63" s="95">
        <v>4.1533303090674351E-3</v>
      </c>
      <c r="M63" s="93">
        <v>674</v>
      </c>
      <c r="N63" s="103">
        <v>5.1681176297720537</v>
      </c>
      <c r="O63" s="104">
        <v>0.10316172460924426</v>
      </c>
      <c r="P63" s="94">
        <v>9.8018022852980627E-2</v>
      </c>
      <c r="Q63" s="95">
        <v>2.3082707080517208E-2</v>
      </c>
      <c r="R63" s="94">
        <v>0.16829936463326309</v>
      </c>
      <c r="S63" s="95">
        <v>2.8869464394309305E-2</v>
      </c>
      <c r="T63" s="94">
        <v>0.70241800133479482</v>
      </c>
      <c r="U63" s="95">
        <v>3.5157377687312932E-2</v>
      </c>
      <c r="V63" s="94">
        <v>3.1264611178960448E-2</v>
      </c>
      <c r="W63" s="95">
        <v>1.3926052071275593E-2</v>
      </c>
      <c r="X63" s="102">
        <v>671</v>
      </c>
      <c r="Y63" s="103">
        <v>5.768094300737185</v>
      </c>
      <c r="Z63" s="104">
        <v>0.10562271550448804</v>
      </c>
      <c r="AA63" s="94">
        <v>6.398766155154266E-2</v>
      </c>
      <c r="AB63" s="95">
        <v>1.9189454197177259E-2</v>
      </c>
      <c r="AC63" s="94">
        <v>0.10050437725330731</v>
      </c>
      <c r="AD63" s="95">
        <v>2.3385865940808118E-2</v>
      </c>
      <c r="AE63" s="94">
        <v>0.83490558079025889</v>
      </c>
      <c r="AF63" s="95">
        <v>2.8717127436843119E-2</v>
      </c>
      <c r="AG63" s="94">
        <v>6.0238040489054667E-4</v>
      </c>
      <c r="AH63" s="95">
        <v>4.5860254553481035E-3</v>
      </c>
      <c r="AI63" s="93">
        <v>674</v>
      </c>
      <c r="AJ63" s="103">
        <v>5.0261106879925608</v>
      </c>
      <c r="AK63" s="104">
        <v>0.12396737944969533</v>
      </c>
      <c r="AL63" s="94">
        <v>0.18420832508137344</v>
      </c>
      <c r="AM63" s="95">
        <v>2.9891528171651447E-2</v>
      </c>
      <c r="AN63" s="94">
        <v>0.15782089087024681</v>
      </c>
      <c r="AO63" s="95">
        <v>2.8147413680705138E-2</v>
      </c>
      <c r="AP63" s="94">
        <v>0.6392915261542339</v>
      </c>
      <c r="AQ63" s="95">
        <v>3.6902656698184912E-2</v>
      </c>
      <c r="AR63" s="94">
        <v>1.8679257894145505E-2</v>
      </c>
      <c r="AS63" s="95">
        <v>1.1145549497671357E-2</v>
      </c>
      <c r="AT63" s="102">
        <v>671</v>
      </c>
      <c r="AU63" s="103">
        <v>5.3967390770225894</v>
      </c>
      <c r="AV63" s="104">
        <v>0.10732557979938048</v>
      </c>
      <c r="AW63" s="94">
        <v>9.8757126040841831E-2</v>
      </c>
      <c r="AX63" s="95">
        <v>2.3210036317185379E-2</v>
      </c>
      <c r="AY63" s="94">
        <v>0.13250759488855543</v>
      </c>
      <c r="AZ63" s="95">
        <v>2.6279995509646846E-2</v>
      </c>
      <c r="BA63" s="94">
        <v>0.75450990081937663</v>
      </c>
      <c r="BB63" s="95">
        <v>3.319885253111008E-2</v>
      </c>
      <c r="BC63" s="94">
        <v>1.4225378251225568E-2</v>
      </c>
      <c r="BD63" s="95">
        <v>9.9811657897082851E-3</v>
      </c>
    </row>
    <row r="64" spans="1:56">
      <c r="A64" s="43" t="s">
        <v>575</v>
      </c>
      <c r="B64" s="81">
        <v>929</v>
      </c>
      <c r="C64" s="82">
        <v>5.9960276748448988</v>
      </c>
      <c r="D64" s="83">
        <v>8.0819598408214677E-2</v>
      </c>
      <c r="E64" s="96">
        <v>4.0974634177770843E-2</v>
      </c>
      <c r="F64" s="92">
        <v>1.3274014242622275E-2</v>
      </c>
      <c r="G64" s="96">
        <v>7.6299405420326399E-2</v>
      </c>
      <c r="H64" s="92">
        <v>1.7571024802405938E-2</v>
      </c>
      <c r="I64" s="96">
        <v>0.87931881502523312</v>
      </c>
      <c r="J64" s="92">
        <v>2.145293843603252E-2</v>
      </c>
      <c r="K64" s="96">
        <v>3.4071453766678006E-3</v>
      </c>
      <c r="L64" s="92">
        <v>4.8583413000645986E-3</v>
      </c>
      <c r="M64" s="81">
        <v>921</v>
      </c>
      <c r="N64" s="82">
        <v>5.2834503882270569</v>
      </c>
      <c r="O64" s="83">
        <v>8.8387309549921744E-2</v>
      </c>
      <c r="P64" s="96">
        <v>0.11675001735463121</v>
      </c>
      <c r="Q64" s="92">
        <v>2.1246254734532379E-2</v>
      </c>
      <c r="R64" s="96">
        <v>0.11067870161658189</v>
      </c>
      <c r="S64" s="92">
        <v>2.0767643985424643E-2</v>
      </c>
      <c r="T64" s="96">
        <v>0.74811000572864061</v>
      </c>
      <c r="U64" s="92">
        <v>2.8586345060910835E-2</v>
      </c>
      <c r="V64" s="96">
        <v>2.4461275300144004E-2</v>
      </c>
      <c r="W64" s="92">
        <v>1.0565517137194835E-2</v>
      </c>
      <c r="X64" s="81">
        <v>926</v>
      </c>
      <c r="Y64" s="82">
        <v>5.9445930764315529</v>
      </c>
      <c r="Z64" s="83">
        <v>8.8373558656214879E-2</v>
      </c>
      <c r="AA64" s="96">
        <v>6.6510004512550069E-2</v>
      </c>
      <c r="AB64" s="92">
        <v>1.6552218890696552E-2</v>
      </c>
      <c r="AC64" s="96">
        <v>6.1287240800197589E-2</v>
      </c>
      <c r="AD64" s="92">
        <v>1.5954667056958589E-2</v>
      </c>
      <c r="AE64" s="96">
        <v>0.86689516043686021</v>
      </c>
      <c r="AF64" s="92">
        <v>2.2388880133515442E-2</v>
      </c>
      <c r="AG64" s="96">
        <v>5.3075942503897364E-3</v>
      </c>
      <c r="AH64" s="92">
        <v>5.6340057309319218E-3</v>
      </c>
      <c r="AI64" s="81">
        <v>925</v>
      </c>
      <c r="AJ64" s="82">
        <v>5.3334365080521051</v>
      </c>
      <c r="AK64" s="83">
        <v>0.10413886101548321</v>
      </c>
      <c r="AL64" s="96">
        <v>0.11974233029327326</v>
      </c>
      <c r="AM64" s="92">
        <v>2.1428691017998602E-2</v>
      </c>
      <c r="AN64" s="96">
        <v>0.13753104318435963</v>
      </c>
      <c r="AO64" s="92">
        <v>2.2706554007760942E-2</v>
      </c>
      <c r="AP64" s="96">
        <v>0.72074585486296039</v>
      </c>
      <c r="AQ64" s="92">
        <v>2.9468925983063547E-2</v>
      </c>
      <c r="AR64" s="96">
        <v>2.1980771659404253E-2</v>
      </c>
      <c r="AS64" s="92">
        <v>1.0050702215438018E-2</v>
      </c>
      <c r="AT64" s="81">
        <v>919</v>
      </c>
      <c r="AU64" s="82">
        <v>5.6584549792005783</v>
      </c>
      <c r="AV64" s="83">
        <v>9.0603903501964692E-2</v>
      </c>
      <c r="AW64" s="96">
        <v>8.5911451263471522E-2</v>
      </c>
      <c r="AX64" s="92">
        <v>1.8621350390119938E-2</v>
      </c>
      <c r="AY64" s="96">
        <v>8.9171985059574507E-2</v>
      </c>
      <c r="AZ64" s="92">
        <v>1.8929080306255109E-2</v>
      </c>
      <c r="BA64" s="96">
        <v>0.81579546973183981</v>
      </c>
      <c r="BB64" s="92">
        <v>2.5592499503628123E-2</v>
      </c>
      <c r="BC64" s="96">
        <v>9.1210939451122422E-3</v>
      </c>
      <c r="BD64" s="92">
        <v>6.9425396952219722E-3</v>
      </c>
    </row>
    <row r="65" spans="1:56">
      <c r="A65" s="47" t="s">
        <v>576</v>
      </c>
      <c r="B65" s="102">
        <v>754</v>
      </c>
      <c r="C65" s="103">
        <v>5.6663188634016759</v>
      </c>
      <c r="D65" s="104">
        <v>9.9696510810211122E-2</v>
      </c>
      <c r="E65" s="94">
        <v>8.8189964742211219E-2</v>
      </c>
      <c r="F65" s="95">
        <v>2.0826917592193878E-2</v>
      </c>
      <c r="G65" s="94">
        <v>9.5348174058908997E-2</v>
      </c>
      <c r="H65" s="95">
        <v>2.154708893089808E-2</v>
      </c>
      <c r="I65" s="94">
        <v>0.81524868928164873</v>
      </c>
      <c r="J65" s="95">
        <v>2.8290276368357375E-2</v>
      </c>
      <c r="K65" s="94">
        <v>1.213171917231221E-3</v>
      </c>
      <c r="L65" s="95">
        <v>4.4959707018269205E-3</v>
      </c>
      <c r="M65" s="93">
        <v>745</v>
      </c>
      <c r="N65" s="103">
        <v>5.0472487610155063</v>
      </c>
      <c r="O65" s="104">
        <v>0.10371800030979111</v>
      </c>
      <c r="P65" s="94">
        <v>0.15586897903279151</v>
      </c>
      <c r="Q65" s="95">
        <v>2.6634585237940132E-2</v>
      </c>
      <c r="R65" s="94">
        <v>0.13498434859155689</v>
      </c>
      <c r="S65" s="95">
        <v>2.5122701318048432E-2</v>
      </c>
      <c r="T65" s="94">
        <v>0.67661838538385111</v>
      </c>
      <c r="U65" s="95">
        <v>3.4209613581294179E-2</v>
      </c>
      <c r="V65" s="94">
        <v>3.2528286991800381E-2</v>
      </c>
      <c r="W65" s="95">
        <v>1.3434916877182077E-2</v>
      </c>
      <c r="X65" s="102">
        <v>752</v>
      </c>
      <c r="Y65" s="103">
        <v>5.5427861400858252</v>
      </c>
      <c r="Z65" s="104">
        <v>0.10698497672899755</v>
      </c>
      <c r="AA65" s="94">
        <v>0.12044367734030782</v>
      </c>
      <c r="AB65" s="95">
        <v>2.384445196699423E-2</v>
      </c>
      <c r="AC65" s="94">
        <v>0.10921904537083776</v>
      </c>
      <c r="AD65" s="95">
        <v>2.2875548585992805E-2</v>
      </c>
      <c r="AE65" s="94">
        <v>0.76751329516326661</v>
      </c>
      <c r="AF65" s="95">
        <v>3.0791319963153811E-2</v>
      </c>
      <c r="AG65" s="94">
        <v>2.8239821255878084E-3</v>
      </c>
      <c r="AH65" s="95">
        <v>5.3574805668926574E-3</v>
      </c>
      <c r="AI65" s="93">
        <v>750</v>
      </c>
      <c r="AJ65" s="103">
        <v>5.1112972417783009</v>
      </c>
      <c r="AK65" s="104">
        <v>0.12002120609586241</v>
      </c>
      <c r="AL65" s="94">
        <v>0.15285017061957384</v>
      </c>
      <c r="AM65" s="95">
        <v>2.633816575714934E-2</v>
      </c>
      <c r="AN65" s="94">
        <v>0.15614371328072801</v>
      </c>
      <c r="AO65" s="95">
        <v>2.6563974328912311E-2</v>
      </c>
      <c r="AP65" s="94">
        <v>0.67571945215887386</v>
      </c>
      <c r="AQ65" s="95">
        <v>3.4120197587526005E-2</v>
      </c>
      <c r="AR65" s="94">
        <v>1.5286663940824256E-2</v>
      </c>
      <c r="AS65" s="95">
        <v>9.6460368811356282E-3</v>
      </c>
      <c r="AT65" s="102">
        <v>747</v>
      </c>
      <c r="AU65" s="103">
        <v>5.3550450873892581</v>
      </c>
      <c r="AV65" s="104">
        <v>0.10693297606239228</v>
      </c>
      <c r="AW65" s="94">
        <v>0.12603537289456035</v>
      </c>
      <c r="AX65" s="95">
        <v>2.4384430260517058E-2</v>
      </c>
      <c r="AY65" s="94">
        <v>0.11987481560436716</v>
      </c>
      <c r="AZ65" s="95">
        <v>2.3877179562342966E-2</v>
      </c>
      <c r="BA65" s="94">
        <v>0.74340420226574022</v>
      </c>
      <c r="BB65" s="95">
        <v>3.1927333041746178E-2</v>
      </c>
      <c r="BC65" s="94">
        <v>1.068560923533223E-2</v>
      </c>
      <c r="BD65" s="95">
        <v>8.3578865725210724E-3</v>
      </c>
    </row>
    <row r="66" spans="1:56">
      <c r="A66" s="55" t="s">
        <v>577</v>
      </c>
      <c r="B66" s="98">
        <v>767</v>
      </c>
      <c r="C66" s="99">
        <v>5.8463910595184023</v>
      </c>
      <c r="D66" s="100">
        <v>8.8854236988139865E-2</v>
      </c>
      <c r="E66" s="91">
        <v>4.7008576595625191E-2</v>
      </c>
      <c r="F66" s="92">
        <v>1.5602461270381536E-2</v>
      </c>
      <c r="G66" s="91">
        <v>9.8140358423167887E-2</v>
      </c>
      <c r="H66" s="92">
        <v>2.163008616451095E-2</v>
      </c>
      <c r="I66" s="91">
        <v>0.85243622295495047</v>
      </c>
      <c r="J66" s="92">
        <v>2.5676244132766847E-2</v>
      </c>
      <c r="K66" s="91">
        <v>2.4148420262554461E-3</v>
      </c>
      <c r="L66" s="92">
        <v>5.078570168681581E-3</v>
      </c>
      <c r="M66" s="90">
        <v>766</v>
      </c>
      <c r="N66" s="99">
        <v>5.0852967309752621</v>
      </c>
      <c r="O66" s="100">
        <v>9.596282712609791E-2</v>
      </c>
      <c r="P66" s="91">
        <v>0.12353112748952805</v>
      </c>
      <c r="Q66" s="92">
        <v>2.3876290524629019E-2</v>
      </c>
      <c r="R66" s="91">
        <v>0.15631821372051993</v>
      </c>
      <c r="S66" s="92">
        <v>2.6295704419196052E-2</v>
      </c>
      <c r="T66" s="91">
        <v>0.68906243033634595</v>
      </c>
      <c r="U66" s="92">
        <v>3.339070601896188E-2</v>
      </c>
      <c r="V66" s="91">
        <v>3.1088228453604573E-2</v>
      </c>
      <c r="W66" s="92">
        <v>1.2973552761357615E-2</v>
      </c>
      <c r="X66" s="98">
        <v>759</v>
      </c>
      <c r="Y66" s="99">
        <v>5.8661728256613985</v>
      </c>
      <c r="Z66" s="100">
        <v>9.1413303439448174E-2</v>
      </c>
      <c r="AA66" s="91">
        <v>4.9006948827125058E-2</v>
      </c>
      <c r="AB66" s="92">
        <v>1.5983651036964745E-2</v>
      </c>
      <c r="AC66" s="91">
        <v>6.8193863662043733E-2</v>
      </c>
      <c r="AD66" s="92">
        <v>1.8529607851599978E-2</v>
      </c>
      <c r="AE66" s="91">
        <v>0.88084933703677681</v>
      </c>
      <c r="AF66" s="92">
        <v>2.3625584821823999E-2</v>
      </c>
      <c r="AG66" s="91">
        <v>1.9498504740536309E-3</v>
      </c>
      <c r="AH66" s="92">
        <v>4.8786366531044616E-3</v>
      </c>
      <c r="AI66" s="90">
        <v>764</v>
      </c>
      <c r="AJ66" s="99">
        <v>5.2278919517437661</v>
      </c>
      <c r="AK66" s="100">
        <v>0.11325702522190602</v>
      </c>
      <c r="AL66" s="91">
        <v>0.14578536647233328</v>
      </c>
      <c r="AM66" s="92">
        <v>2.5600653908019379E-2</v>
      </c>
      <c r="AN66" s="91">
        <v>0.13353224408945061</v>
      </c>
      <c r="AO66" s="92">
        <v>2.4695719592917421E-2</v>
      </c>
      <c r="AP66" s="91">
        <v>0.70739183630435587</v>
      </c>
      <c r="AQ66" s="92">
        <v>3.2869335270785477E-2</v>
      </c>
      <c r="AR66" s="91">
        <v>1.3290553133858813E-2</v>
      </c>
      <c r="AS66" s="92">
        <v>9.0066676046205597E-3</v>
      </c>
      <c r="AT66" s="98">
        <v>760</v>
      </c>
      <c r="AU66" s="99">
        <v>5.5135570078618974</v>
      </c>
      <c r="AV66" s="100">
        <v>9.7723176030893852E-2</v>
      </c>
      <c r="AW66" s="91">
        <v>7.9346153762787974E-2</v>
      </c>
      <c r="AX66" s="92">
        <v>1.9802475807558274E-2</v>
      </c>
      <c r="AY66" s="91">
        <v>0.11204762836684573</v>
      </c>
      <c r="AZ66" s="92">
        <v>2.3002938770988919E-2</v>
      </c>
      <c r="BA66" s="91">
        <v>0.80229297656819953</v>
      </c>
      <c r="BB66" s="92">
        <v>2.8904366686784103E-2</v>
      </c>
      <c r="BC66" s="91">
        <v>6.3132413021659414E-3</v>
      </c>
      <c r="BD66" s="92">
        <v>6.7949837235629857E-3</v>
      </c>
    </row>
    <row r="67" spans="1:56">
      <c r="A67" s="47" t="s">
        <v>578</v>
      </c>
      <c r="B67" s="102">
        <v>259</v>
      </c>
      <c r="C67" s="103">
        <v>5.5898126970836923</v>
      </c>
      <c r="D67" s="104">
        <v>0.18081484575708609</v>
      </c>
      <c r="E67" s="94">
        <v>0.10523530879598264</v>
      </c>
      <c r="F67" s="95">
        <v>3.8776957011069882E-2</v>
      </c>
      <c r="G67" s="94">
        <v>0.1182481785764347</v>
      </c>
      <c r="H67" s="95">
        <v>4.0653375369827174E-2</v>
      </c>
      <c r="I67" s="94">
        <v>0.77289733973194186</v>
      </c>
      <c r="J67" s="95">
        <v>5.1998121082667714E-2</v>
      </c>
      <c r="K67" s="94">
        <v>3.6191728956412612E-3</v>
      </c>
      <c r="L67" s="95">
        <v>1.2960279485764052E-2</v>
      </c>
      <c r="M67" s="93">
        <v>254</v>
      </c>
      <c r="N67" s="103">
        <v>5.2215461855258472</v>
      </c>
      <c r="O67" s="104">
        <v>0.17776426565511547</v>
      </c>
      <c r="P67" s="94">
        <v>0.12558271922748968</v>
      </c>
      <c r="Q67" s="95">
        <v>4.2063983527636441E-2</v>
      </c>
      <c r="R67" s="94">
        <v>0.14093459874801417</v>
      </c>
      <c r="S67" s="95">
        <v>4.4029379455498716E-2</v>
      </c>
      <c r="T67" s="94">
        <v>0.72368608727087536</v>
      </c>
      <c r="U67" s="95">
        <v>5.5893585858062575E-2</v>
      </c>
      <c r="V67" s="94">
        <v>9.7965947536210133E-3</v>
      </c>
      <c r="W67" s="95">
        <v>1.6279536878078531E-2</v>
      </c>
      <c r="X67" s="102">
        <v>259</v>
      </c>
      <c r="Y67" s="103">
        <v>5.6300250832859522</v>
      </c>
      <c r="Z67" s="104">
        <v>0.17303361693541641</v>
      </c>
      <c r="AA67" s="94">
        <v>0.10598800194568067</v>
      </c>
      <c r="AB67" s="95">
        <v>3.8889710407910977E-2</v>
      </c>
      <c r="AC67" s="94">
        <v>0.10284125094108988</v>
      </c>
      <c r="AD67" s="95">
        <v>3.841468076589373E-2</v>
      </c>
      <c r="AE67" s="94">
        <v>0.78754866116465183</v>
      </c>
      <c r="AF67" s="95">
        <v>5.0820155710385249E-2</v>
      </c>
      <c r="AG67" s="94">
        <v>3.6220859485779477E-3</v>
      </c>
      <c r="AH67" s="95">
        <v>1.296192504089725E-2</v>
      </c>
      <c r="AI67" s="93">
        <v>259</v>
      </c>
      <c r="AJ67" s="103">
        <v>5.1300984094985518</v>
      </c>
      <c r="AK67" s="104">
        <v>0.19264888066958094</v>
      </c>
      <c r="AL67" s="94">
        <v>0.13940641353153047</v>
      </c>
      <c r="AM67" s="95">
        <v>4.3409344190285588E-2</v>
      </c>
      <c r="AN67" s="94">
        <v>0.15968482707615098</v>
      </c>
      <c r="AO67" s="95">
        <v>4.5760438386038778E-2</v>
      </c>
      <c r="AP67" s="94">
        <v>0.68594614191609304</v>
      </c>
      <c r="AQ67" s="95">
        <v>5.7378441486434464E-2</v>
      </c>
      <c r="AR67" s="94">
        <v>1.4962617476225444E-2</v>
      </c>
      <c r="AS67" s="95">
        <v>1.8225688480201695E-2</v>
      </c>
      <c r="AT67" s="102">
        <v>257</v>
      </c>
      <c r="AU67" s="103">
        <v>5.1952422932471176</v>
      </c>
      <c r="AV67" s="104">
        <v>0.17913777242572457</v>
      </c>
      <c r="AW67" s="94">
        <v>0.13567734288609901</v>
      </c>
      <c r="AX67" s="95">
        <v>4.3117270234582207E-2</v>
      </c>
      <c r="AY67" s="94">
        <v>0.17004380457336951</v>
      </c>
      <c r="AZ67" s="95">
        <v>4.7049396526415266E-2</v>
      </c>
      <c r="BA67" s="94">
        <v>0.69061892615704978</v>
      </c>
      <c r="BB67" s="95">
        <v>5.7371495549661526E-2</v>
      </c>
      <c r="BC67" s="94">
        <v>3.6599263834820599E-3</v>
      </c>
      <c r="BD67" s="95">
        <v>1.3066134715688906E-2</v>
      </c>
    </row>
    <row r="68" spans="1:56">
      <c r="A68" s="55" t="s">
        <v>579</v>
      </c>
      <c r="B68" s="98">
        <v>221</v>
      </c>
      <c r="C68" s="99">
        <v>5.8701141733015563</v>
      </c>
      <c r="D68" s="100">
        <v>0.17451848544589954</v>
      </c>
      <c r="E68" s="91">
        <v>6.0145431061317041E-2</v>
      </c>
      <c r="F68" s="92">
        <v>3.3558126658248234E-2</v>
      </c>
      <c r="G68" s="91">
        <v>8.5895999058896222E-2</v>
      </c>
      <c r="H68" s="92">
        <v>3.8772457981302619E-2</v>
      </c>
      <c r="I68" s="91">
        <v>0.84880413965573287</v>
      </c>
      <c r="J68" s="92">
        <v>4.8556599366739554E-2</v>
      </c>
      <c r="K68" s="91">
        <v>5.1544302240543391E-3</v>
      </c>
      <c r="L68" s="92">
        <v>1.5638718497740237E-2</v>
      </c>
      <c r="M68" s="90">
        <v>219</v>
      </c>
      <c r="N68" s="99">
        <v>5.1149830843087267</v>
      </c>
      <c r="O68" s="100">
        <v>0.18060543171234789</v>
      </c>
      <c r="P68" s="91">
        <v>0.11751743014066655</v>
      </c>
      <c r="Q68" s="92">
        <v>4.4198531167898056E-2</v>
      </c>
      <c r="R68" s="91">
        <v>0.16998725106154089</v>
      </c>
      <c r="S68" s="92">
        <v>5.0992582463638449E-2</v>
      </c>
      <c r="T68" s="91">
        <v>0.70225876107576057</v>
      </c>
      <c r="U68" s="92">
        <v>6.1454099652772612E-2</v>
      </c>
      <c r="V68" s="91">
        <v>1.0236557722032089E-2</v>
      </c>
      <c r="W68" s="92">
        <v>1.8294909853075317E-2</v>
      </c>
      <c r="X68" s="98">
        <v>221</v>
      </c>
      <c r="Y68" s="99">
        <v>5.7181364345190735</v>
      </c>
      <c r="Z68" s="100">
        <v>0.18515630083180559</v>
      </c>
      <c r="AA68" s="91">
        <v>0.10937548569435439</v>
      </c>
      <c r="AB68" s="92">
        <v>4.274775572858517E-2</v>
      </c>
      <c r="AC68" s="91">
        <v>8.7702033135696911E-2</v>
      </c>
      <c r="AD68" s="92">
        <v>3.910117623763585E-2</v>
      </c>
      <c r="AE68" s="91">
        <v>0.79282851317091529</v>
      </c>
      <c r="AF68" s="92">
        <v>5.4532061600935128E-2</v>
      </c>
      <c r="AG68" s="91">
        <v>1.0093967999033808E-2</v>
      </c>
      <c r="AH68" s="92">
        <v>1.8110691940480046E-2</v>
      </c>
      <c r="AI68" s="90">
        <v>220</v>
      </c>
      <c r="AJ68" s="99">
        <v>5.2523433893675913</v>
      </c>
      <c r="AK68" s="100">
        <v>0.21777777777777768</v>
      </c>
      <c r="AL68" s="91">
        <v>0.14375443580273373</v>
      </c>
      <c r="AM68" s="92">
        <v>4.7730860256605105E-2</v>
      </c>
      <c r="AN68" s="91">
        <v>0.138393738027283</v>
      </c>
      <c r="AO68" s="92">
        <v>4.7031369208228022E-2</v>
      </c>
      <c r="AP68" s="91">
        <v>0.70547180584249447</v>
      </c>
      <c r="AQ68" s="92">
        <v>6.1131544904159819E-2</v>
      </c>
      <c r="AR68" s="91">
        <v>1.2380020327488916E-2</v>
      </c>
      <c r="AS68" s="92">
        <v>1.9199533321265231E-2</v>
      </c>
      <c r="AT68" s="98">
        <v>220</v>
      </c>
      <c r="AU68" s="99">
        <v>5.4439439064566244</v>
      </c>
      <c r="AV68" s="100">
        <v>0.18565183992487916</v>
      </c>
      <c r="AW68" s="91">
        <v>0.10119335742930702</v>
      </c>
      <c r="AX68" s="92">
        <v>4.1529418586546213E-2</v>
      </c>
      <c r="AY68" s="91">
        <v>0.12819984401986934</v>
      </c>
      <c r="AZ68" s="92">
        <v>4.5641761277541201E-2</v>
      </c>
      <c r="BA68" s="91">
        <v>0.76236217329795763</v>
      </c>
      <c r="BB68" s="92">
        <v>5.7259199878632108E-2</v>
      </c>
      <c r="BC68" s="91">
        <v>8.2446252528661154E-3</v>
      </c>
      <c r="BD68" s="92">
        <v>1.7287530360551747E-2</v>
      </c>
    </row>
    <row r="69" spans="1:56">
      <c r="A69" s="47" t="s">
        <v>580</v>
      </c>
      <c r="B69" s="102">
        <v>221</v>
      </c>
      <c r="C69" s="103">
        <v>5.5981312621456132</v>
      </c>
      <c r="D69" s="104">
        <v>0.18930975187036916</v>
      </c>
      <c r="E69" s="94">
        <v>0.10596582700005046</v>
      </c>
      <c r="F69" s="95">
        <v>4.2207626371542253E-2</v>
      </c>
      <c r="G69" s="94">
        <v>6.5862722605388932E-2</v>
      </c>
      <c r="H69" s="95">
        <v>3.481164466508542E-2</v>
      </c>
      <c r="I69" s="94">
        <v>0.82817145039456075</v>
      </c>
      <c r="J69" s="95">
        <v>5.0963807751090794E-2</v>
      </c>
      <c r="K69" s="94">
        <v>0</v>
      </c>
      <c r="L69" s="95">
        <v>1.2514792344855039E-2</v>
      </c>
      <c r="M69" s="93">
        <v>223</v>
      </c>
      <c r="N69" s="103">
        <v>5.2946505027473618</v>
      </c>
      <c r="O69" s="104">
        <v>0.1843616026311318</v>
      </c>
      <c r="P69" s="94">
        <v>0.11474612592588648</v>
      </c>
      <c r="Q69" s="95">
        <v>4.3374010633562568E-2</v>
      </c>
      <c r="R69" s="94">
        <v>9.018856759273966E-2</v>
      </c>
      <c r="S69" s="95">
        <v>3.9360800955310811E-2</v>
      </c>
      <c r="T69" s="94">
        <v>0.7604058456800411</v>
      </c>
      <c r="U69" s="95">
        <v>5.7027323541106109E-2</v>
      </c>
      <c r="V69" s="94">
        <v>3.4659460801332781E-2</v>
      </c>
      <c r="W69" s="95">
        <v>2.688607880485781E-2</v>
      </c>
      <c r="X69" s="102">
        <v>219</v>
      </c>
      <c r="Y69" s="103">
        <v>5.51749240365438</v>
      </c>
      <c r="Z69" s="104">
        <v>0.19956317192985309</v>
      </c>
      <c r="AA69" s="94">
        <v>0.13936828405922244</v>
      </c>
      <c r="AB69" s="95">
        <v>4.7269588365920719E-2</v>
      </c>
      <c r="AC69" s="94">
        <v>8.1844638880719855E-2</v>
      </c>
      <c r="AD69" s="95">
        <v>3.8202345774627514E-2</v>
      </c>
      <c r="AE69" s="94">
        <v>0.77268530603843444</v>
      </c>
      <c r="AF69" s="95">
        <v>5.6550517195456368E-2</v>
      </c>
      <c r="AG69" s="94">
        <v>6.1017710216232021E-3</v>
      </c>
      <c r="AH69" s="95">
        <v>1.6258617634023514E-2</v>
      </c>
      <c r="AI69" s="93">
        <v>219</v>
      </c>
      <c r="AJ69" s="103">
        <v>5.1417661267344199</v>
      </c>
      <c r="AK69" s="104">
        <v>0.21229545846000292</v>
      </c>
      <c r="AL69" s="94">
        <v>0.13607816122748273</v>
      </c>
      <c r="AM69" s="95">
        <v>4.683133795020121E-2</v>
      </c>
      <c r="AN69" s="94">
        <v>0.15561525801589524</v>
      </c>
      <c r="AO69" s="95">
        <v>4.9321082081439323E-2</v>
      </c>
      <c r="AP69" s="94">
        <v>0.68170125445685525</v>
      </c>
      <c r="AQ69" s="95">
        <v>6.2555222408696029E-2</v>
      </c>
      <c r="AR69" s="94">
        <v>2.6605326299767064E-2</v>
      </c>
      <c r="AS69" s="95">
        <v>2.4646353021676351E-2</v>
      </c>
      <c r="AT69" s="102">
        <v>220</v>
      </c>
      <c r="AU69" s="103">
        <v>5.4679490712302012</v>
      </c>
      <c r="AV69" s="104">
        <v>0.20076377264238399</v>
      </c>
      <c r="AW69" s="94">
        <v>0.12021991580601205</v>
      </c>
      <c r="AX69" s="95">
        <v>4.4495639925411716E-2</v>
      </c>
      <c r="AY69" s="94">
        <v>0.10018619145704333</v>
      </c>
      <c r="AZ69" s="95">
        <v>4.1362274213316605E-2</v>
      </c>
      <c r="BA69" s="94">
        <v>0.7742121921119437</v>
      </c>
      <c r="BB69" s="95">
        <v>5.6294686500306598E-2</v>
      </c>
      <c r="BC69" s="94">
        <v>5.3817006250011226E-3</v>
      </c>
      <c r="BD69" s="95">
        <v>1.5818235194033831E-2</v>
      </c>
    </row>
    <row r="70" spans="1:56">
      <c r="A70" s="55" t="s">
        <v>581</v>
      </c>
      <c r="B70" s="98">
        <v>122</v>
      </c>
      <c r="C70" s="99">
        <v>6.153981631575995</v>
      </c>
      <c r="D70" s="100">
        <v>0.21482857213750167</v>
      </c>
      <c r="E70" s="91">
        <v>4.70640011545745E-2</v>
      </c>
      <c r="F70" s="92">
        <v>4.2786917270377159E-2</v>
      </c>
      <c r="G70" s="91">
        <v>5.1923375484484675E-2</v>
      </c>
      <c r="H70" s="92">
        <v>4.4283526740286461E-2</v>
      </c>
      <c r="I70" s="91">
        <v>0.90101262336094123</v>
      </c>
      <c r="J70" s="92">
        <v>5.6128265482680739E-2</v>
      </c>
      <c r="K70" s="91">
        <v>0</v>
      </c>
      <c r="L70" s="92">
        <v>2.226896426705402E-2</v>
      </c>
      <c r="M70" s="90">
        <v>122</v>
      </c>
      <c r="N70" s="99">
        <v>5.1204347224962525</v>
      </c>
      <c r="O70" s="100">
        <v>0.24001661624101081</v>
      </c>
      <c r="P70" s="97">
        <v>9.5535876518293567E-2</v>
      </c>
      <c r="Q70" s="92">
        <v>5.5386276575889286E-2</v>
      </c>
      <c r="R70" s="91">
        <v>0.17355827606765697</v>
      </c>
      <c r="S70" s="92">
        <v>6.9028263190295924E-2</v>
      </c>
      <c r="T70" s="91">
        <v>0.71187468613915172</v>
      </c>
      <c r="U70" s="92">
        <v>8.1243137075545827E-2</v>
      </c>
      <c r="V70" s="91">
        <v>1.9031161274898546E-2</v>
      </c>
      <c r="W70" s="92">
        <v>3.2427463564025483E-2</v>
      </c>
      <c r="X70" s="98">
        <v>122</v>
      </c>
      <c r="Y70" s="99">
        <v>5.9505068622049873</v>
      </c>
      <c r="Z70" s="100">
        <v>0.26428311762842732</v>
      </c>
      <c r="AA70" s="91">
        <v>7.9635946722224654E-2</v>
      </c>
      <c r="AB70" s="92">
        <v>5.1742770738668169E-2</v>
      </c>
      <c r="AC70" s="91">
        <v>7.3441870088017419E-2</v>
      </c>
      <c r="AD70" s="92">
        <v>5.0211390123213392E-2</v>
      </c>
      <c r="AE70" s="91">
        <v>0.84692218318975843</v>
      </c>
      <c r="AF70" s="92">
        <v>6.5988284470110445E-2</v>
      </c>
      <c r="AG70" s="91">
        <v>0</v>
      </c>
      <c r="AH70" s="92">
        <v>2.226896426705402E-2</v>
      </c>
      <c r="AI70" s="90">
        <v>122</v>
      </c>
      <c r="AJ70" s="99">
        <v>5.5944760536528646</v>
      </c>
      <c r="AK70" s="100">
        <v>0.24416915104748077</v>
      </c>
      <c r="AL70" s="97">
        <v>7.960829263736717E-2</v>
      </c>
      <c r="AM70" s="92">
        <v>5.1736083519629224E-2</v>
      </c>
      <c r="AN70" s="91">
        <v>0.11313735448410051</v>
      </c>
      <c r="AO70" s="92">
        <v>5.9010049161905991E-2</v>
      </c>
      <c r="AP70" s="91">
        <v>0.79965981785978646</v>
      </c>
      <c r="AQ70" s="92">
        <v>7.2553172606609137E-2</v>
      </c>
      <c r="AR70" s="91">
        <v>7.5945350187466695E-3</v>
      </c>
      <c r="AS70" s="92">
        <v>2.683694820452619E-2</v>
      </c>
      <c r="AT70" s="98">
        <v>121</v>
      </c>
      <c r="AU70" s="99">
        <v>5.6302321679796616</v>
      </c>
      <c r="AV70" s="100">
        <v>0.24492914987675385</v>
      </c>
      <c r="AW70" s="91">
        <v>6.3626549761459802E-2</v>
      </c>
      <c r="AX70" s="92">
        <v>4.7856523719168091E-2</v>
      </c>
      <c r="AY70" s="91">
        <v>9.3699424210099733E-2</v>
      </c>
      <c r="AZ70" s="92">
        <v>5.5227798836716309E-2</v>
      </c>
      <c r="BA70" s="91">
        <v>0.84267402602844088</v>
      </c>
      <c r="BB70" s="92">
        <v>6.6925510693596826E-2</v>
      </c>
      <c r="BC70" s="91">
        <v>0</v>
      </c>
      <c r="BD70" s="92">
        <v>2.2445667733440235E-2</v>
      </c>
    </row>
    <row r="71" spans="1:56">
      <c r="A71" s="47" t="s">
        <v>584</v>
      </c>
      <c r="B71" s="102">
        <v>117</v>
      </c>
      <c r="C71" s="103">
        <v>5.3912250910567376</v>
      </c>
      <c r="D71" s="104">
        <v>0.3390479726391214</v>
      </c>
      <c r="E71" s="94">
        <v>0.11709260732125461</v>
      </c>
      <c r="F71" s="95">
        <v>6.1096173483066799E-2</v>
      </c>
      <c r="G71" s="94">
        <v>0.19528424107310893</v>
      </c>
      <c r="H71" s="95">
        <v>7.3447747410369191E-2</v>
      </c>
      <c r="I71" s="94">
        <v>0.68762315160563647</v>
      </c>
      <c r="J71" s="95">
        <v>8.4713716727336671E-2</v>
      </c>
      <c r="K71" s="94">
        <v>0</v>
      </c>
      <c r="L71" s="95">
        <v>2.3181440451602572E-2</v>
      </c>
      <c r="M71" s="93">
        <v>113</v>
      </c>
      <c r="N71" s="103">
        <v>4.8217971642427813</v>
      </c>
      <c r="O71" s="104">
        <v>0.32952920738759278</v>
      </c>
      <c r="P71" s="94">
        <v>0.22697322293103675</v>
      </c>
      <c r="Q71" s="95">
        <v>7.8547987516403225E-2</v>
      </c>
      <c r="R71" s="94">
        <v>0.15991758781216439</v>
      </c>
      <c r="S71" s="95">
        <v>6.9704351826344657E-2</v>
      </c>
      <c r="T71" s="94">
        <v>0.59048583514712927</v>
      </c>
      <c r="U71" s="95">
        <v>9.1026921066248906E-2</v>
      </c>
      <c r="V71" s="94">
        <v>2.2623354109669754E-2</v>
      </c>
      <c r="W71" s="95">
        <v>3.5771016317700431E-2</v>
      </c>
      <c r="X71" s="102">
        <v>115</v>
      </c>
      <c r="Y71" s="103">
        <v>5.3354140851569456</v>
      </c>
      <c r="Z71" s="104">
        <v>0.29073722344194303</v>
      </c>
      <c r="AA71" s="94">
        <v>0.15790386321364613</v>
      </c>
      <c r="AB71" s="95">
        <v>6.8772075840259184E-2</v>
      </c>
      <c r="AC71" s="94">
        <v>9.4603660758522445E-2</v>
      </c>
      <c r="AD71" s="95">
        <v>5.6958366873774147E-2</v>
      </c>
      <c r="AE71" s="94">
        <v>0.74461461364760639</v>
      </c>
      <c r="AF71" s="95">
        <v>8.0777460234629048E-2</v>
      </c>
      <c r="AG71" s="94">
        <v>2.8778623802245946E-3</v>
      </c>
      <c r="AH71" s="95">
        <v>2.5407050119264266E-2</v>
      </c>
      <c r="AI71" s="93">
        <v>116</v>
      </c>
      <c r="AJ71" s="103">
        <v>5.4376922468362032</v>
      </c>
      <c r="AK71" s="104">
        <v>0.27732106495034153</v>
      </c>
      <c r="AL71" s="94">
        <v>8.8781920705589101E-2</v>
      </c>
      <c r="AM71" s="95">
        <v>5.5373024703787993E-2</v>
      </c>
      <c r="AN71" s="94">
        <v>8.7628782774267666E-2</v>
      </c>
      <c r="AO71" s="95">
        <v>5.5105263750177449E-2</v>
      </c>
      <c r="AP71" s="94">
        <v>0.82358929652014323</v>
      </c>
      <c r="AQ71" s="95">
        <v>7.1216639336490223E-2</v>
      </c>
      <c r="AR71" s="94">
        <v>0</v>
      </c>
      <c r="AS71" s="95">
        <v>2.3372982186625143E-2</v>
      </c>
      <c r="AT71" s="102">
        <v>117</v>
      </c>
      <c r="AU71" s="103">
        <v>5.2268096339619206</v>
      </c>
      <c r="AV71" s="104">
        <v>0.27606431924343666</v>
      </c>
      <c r="AW71" s="94">
        <v>0.11563548205081034</v>
      </c>
      <c r="AX71" s="95">
        <v>6.0812716986849265E-2</v>
      </c>
      <c r="AY71" s="94">
        <v>0.17862735523214654</v>
      </c>
      <c r="AZ71" s="95">
        <v>7.1219648797865326E-2</v>
      </c>
      <c r="BA71" s="94">
        <v>0.70573716271704301</v>
      </c>
      <c r="BB71" s="95">
        <v>8.3403726671198247E-2</v>
      </c>
      <c r="BC71" s="94">
        <v>0</v>
      </c>
      <c r="BD71" s="95">
        <v>2.3181440451602572E-2</v>
      </c>
    </row>
    <row r="72" spans="1:56">
      <c r="A72" s="55" t="s">
        <v>585</v>
      </c>
      <c r="B72" s="98">
        <v>2256</v>
      </c>
      <c r="C72" s="99">
        <v>5.7919313051947894</v>
      </c>
      <c r="D72" s="100">
        <v>5.4512272219458043E-2</v>
      </c>
      <c r="E72" s="91">
        <v>7.0315347899797404E-2</v>
      </c>
      <c r="F72" s="92">
        <v>1.081003098672542E-2</v>
      </c>
      <c r="G72" s="91">
        <v>7.8997017023987037E-2</v>
      </c>
      <c r="H72" s="92">
        <v>1.1396579502020682E-2</v>
      </c>
      <c r="I72" s="91">
        <v>0.84813046761692445</v>
      </c>
      <c r="J72" s="92">
        <v>1.5123901617966352E-2</v>
      </c>
      <c r="K72" s="91">
        <v>2.5571674592893921E-3</v>
      </c>
      <c r="L72" s="92">
        <v>2.462382534473053E-3</v>
      </c>
      <c r="M72" s="90">
        <v>2244</v>
      </c>
      <c r="N72" s="99">
        <v>5.1760196949284101</v>
      </c>
      <c r="O72" s="100">
        <v>5.700898119150509E-2</v>
      </c>
      <c r="P72" s="97">
        <v>0.11519050664693008</v>
      </c>
      <c r="Q72" s="92">
        <v>1.3501558773525619E-2</v>
      </c>
      <c r="R72" s="91">
        <v>0.13997850330980849</v>
      </c>
      <c r="S72" s="92">
        <v>1.4663811253533625E-2</v>
      </c>
      <c r="T72" s="91">
        <v>0.71832951597259653</v>
      </c>
      <c r="U72" s="92">
        <v>1.8982184368577033E-2</v>
      </c>
      <c r="V72" s="91">
        <v>2.6501474070662178E-2</v>
      </c>
      <c r="W72" s="92">
        <v>6.8792720669246816E-3</v>
      </c>
      <c r="X72" s="98">
        <v>2245</v>
      </c>
      <c r="Y72" s="99">
        <v>5.7460062820065332</v>
      </c>
      <c r="Z72" s="100">
        <v>5.7950319624813583E-2</v>
      </c>
      <c r="AA72" s="91">
        <v>8.2085764316116153E-2</v>
      </c>
      <c r="AB72" s="92">
        <v>1.1623897222360902E-2</v>
      </c>
      <c r="AC72" s="91">
        <v>9.056433339640256E-2</v>
      </c>
      <c r="AD72" s="92">
        <v>1.2146886279616397E-2</v>
      </c>
      <c r="AE72" s="91">
        <v>0.82403577080724333</v>
      </c>
      <c r="AF72" s="92">
        <v>1.6079724867727609E-2</v>
      </c>
      <c r="AG72" s="91">
        <v>3.3141314802361045E-3</v>
      </c>
      <c r="AH72" s="92">
        <v>2.7265804627059544E-3</v>
      </c>
      <c r="AI72" s="90">
        <v>2246</v>
      </c>
      <c r="AJ72" s="99">
        <v>5.126650892512461</v>
      </c>
      <c r="AK72" s="100">
        <v>6.7118531014221841E-2</v>
      </c>
      <c r="AL72" s="97">
        <v>0.15449899804390063</v>
      </c>
      <c r="AM72" s="92">
        <v>1.5263790727278371E-2</v>
      </c>
      <c r="AN72" s="91">
        <v>0.15799193167548226</v>
      </c>
      <c r="AO72" s="92">
        <v>1.5402510799181719E-2</v>
      </c>
      <c r="AP72" s="91">
        <v>0.66999047050857075</v>
      </c>
      <c r="AQ72" s="92">
        <v>1.9830656072254507E-2</v>
      </c>
      <c r="AR72" s="91">
        <v>1.7518599772043439E-2</v>
      </c>
      <c r="AS72" s="92">
        <v>5.6629249524301241E-3</v>
      </c>
      <c r="AT72" s="98">
        <v>2236</v>
      </c>
      <c r="AU72" s="99">
        <v>5.4264684592919821</v>
      </c>
      <c r="AV72" s="100">
        <v>5.9550586320435972E-2</v>
      </c>
      <c r="AW72" s="91">
        <v>0.10805006790723987</v>
      </c>
      <c r="AX72" s="92">
        <v>1.3155893619296304E-2</v>
      </c>
      <c r="AY72" s="91">
        <v>0.114867858287641</v>
      </c>
      <c r="AZ72" s="92">
        <v>1.3509421242451631E-2</v>
      </c>
      <c r="BA72" s="91">
        <v>0.76878372170471532</v>
      </c>
      <c r="BB72" s="92">
        <v>1.7829204439080037E-2</v>
      </c>
      <c r="BC72" s="91">
        <v>8.2983521004017652E-3</v>
      </c>
      <c r="BD72" s="92">
        <v>4.0293974669283177E-3</v>
      </c>
    </row>
    <row r="73" spans="1:56">
      <c r="A73" s="47" t="s">
        <v>620</v>
      </c>
      <c r="B73" s="102">
        <v>155</v>
      </c>
      <c r="C73" s="103">
        <v>5.9779494220279163</v>
      </c>
      <c r="D73" s="104">
        <v>0.17816102077081275</v>
      </c>
      <c r="E73" s="94">
        <v>3.6656542531149187E-2</v>
      </c>
      <c r="F73" s="95">
        <v>3.4010297186831004E-2</v>
      </c>
      <c r="G73" s="94">
        <v>6.5891663251538141E-2</v>
      </c>
      <c r="H73" s="95">
        <v>4.2236961941728046E-2</v>
      </c>
      <c r="I73" s="94">
        <v>0.89124471250207038</v>
      </c>
      <c r="J73" s="95">
        <v>5.1281061696205936E-2</v>
      </c>
      <c r="K73" s="94">
        <v>6.2070817152424717E-3</v>
      </c>
      <c r="L73" s="95">
        <v>2.1446135608777606E-2</v>
      </c>
      <c r="M73" s="93">
        <v>156</v>
      </c>
      <c r="N73" s="103">
        <v>5.2368264692185056</v>
      </c>
      <c r="O73" s="104">
        <v>0.21964375924625773</v>
      </c>
      <c r="P73" s="94">
        <v>0.12385817817299154</v>
      </c>
      <c r="Q73" s="95">
        <v>5.3736169548590944E-2</v>
      </c>
      <c r="R73" s="94">
        <v>0.10999919498708657</v>
      </c>
      <c r="S73" s="95">
        <v>5.1334525563301765E-2</v>
      </c>
      <c r="T73" s="94">
        <v>0.75007776793465952</v>
      </c>
      <c r="U73" s="95">
        <v>6.9019737698595707E-2</v>
      </c>
      <c r="V73" s="94">
        <v>1.6064858905262772E-2</v>
      </c>
      <c r="W73" s="95">
        <v>2.6158205925648097E-2</v>
      </c>
      <c r="X73" s="102">
        <v>156</v>
      </c>
      <c r="Y73" s="103">
        <v>5.9406761703264852</v>
      </c>
      <c r="Z73" s="104">
        <v>0.19112308648625936</v>
      </c>
      <c r="AA73" s="94">
        <v>4.5649028476904857E-2</v>
      </c>
      <c r="AB73" s="95">
        <v>3.6659894022245593E-2</v>
      </c>
      <c r="AC73" s="94">
        <v>0.10914146894726687</v>
      </c>
      <c r="AD73" s="95">
        <v>5.117925526362567E-2</v>
      </c>
      <c r="AE73" s="94">
        <v>0.84520950257582839</v>
      </c>
      <c r="AF73" s="95">
        <v>5.8462466242103515E-2</v>
      </c>
      <c r="AG73" s="94">
        <v>0</v>
      </c>
      <c r="AH73" s="95">
        <v>1.7566836653193994E-2</v>
      </c>
      <c r="AI73" s="93">
        <v>156</v>
      </c>
      <c r="AJ73" s="103">
        <v>5.1715938773446632</v>
      </c>
      <c r="AK73" s="104">
        <v>0.26457941846648897</v>
      </c>
      <c r="AL73" s="94">
        <v>0.15783048127534427</v>
      </c>
      <c r="AM73" s="95">
        <v>5.8885661337403576E-2</v>
      </c>
      <c r="AN73" s="94">
        <v>0.14344041119153694</v>
      </c>
      <c r="AO73" s="95">
        <v>5.6820449099459498E-2</v>
      </c>
      <c r="AP73" s="94">
        <v>0.69044792344028838</v>
      </c>
      <c r="AQ73" s="95">
        <v>7.34030721474251E-2</v>
      </c>
      <c r="AR73" s="94">
        <v>8.2811840928306516E-3</v>
      </c>
      <c r="AS73" s="95">
        <v>2.2444853896556399E-2</v>
      </c>
      <c r="AT73" s="102">
        <v>154</v>
      </c>
      <c r="AU73" s="103">
        <v>5.5737499766615004</v>
      </c>
      <c r="AV73" s="104">
        <v>0.2077299205069475</v>
      </c>
      <c r="AW73" s="94">
        <v>7.795391040815558E-2</v>
      </c>
      <c r="AX73" s="95">
        <v>4.5222884402118815E-2</v>
      </c>
      <c r="AY73" s="94">
        <v>7.3220955534514423E-2</v>
      </c>
      <c r="AZ73" s="95">
        <v>4.4141660800735991E-2</v>
      </c>
      <c r="BA73" s="94">
        <v>0.84160016122727344</v>
      </c>
      <c r="BB73" s="95">
        <v>5.9351544077991425E-2</v>
      </c>
      <c r="BC73" s="94">
        <v>7.2249728300567686E-3</v>
      </c>
      <c r="BD73" s="95">
        <v>2.2111448749148502E-2</v>
      </c>
    </row>
    <row r="74" spans="1:56">
      <c r="A74" s="55" t="s">
        <v>621</v>
      </c>
      <c r="B74" s="98">
        <v>163</v>
      </c>
      <c r="C74" s="99">
        <v>5.7253937243349169</v>
      </c>
      <c r="D74" s="100">
        <v>0.18491282589573582</v>
      </c>
      <c r="E74" s="91">
        <v>6.6820426289874627E-2</v>
      </c>
      <c r="F74" s="92">
        <v>4.1307018977150126E-2</v>
      </c>
      <c r="G74" s="91">
        <v>8.2107354385554707E-2</v>
      </c>
      <c r="H74" s="92">
        <v>4.4756496673352651E-2</v>
      </c>
      <c r="I74" s="91">
        <v>0.85107221932457111</v>
      </c>
      <c r="J74" s="92">
        <v>5.6352581282059749E-2</v>
      </c>
      <c r="K74" s="91">
        <v>0</v>
      </c>
      <c r="L74" s="92">
        <v>1.6834966591550982E-2</v>
      </c>
      <c r="M74" s="90">
        <v>163</v>
      </c>
      <c r="N74" s="99">
        <v>4.9980523389332845</v>
      </c>
      <c r="O74" s="100">
        <v>0.20951844003903644</v>
      </c>
      <c r="P74" s="97">
        <v>0.10611210575279106</v>
      </c>
      <c r="Q74" s="92">
        <v>4.9475220184554428E-2</v>
      </c>
      <c r="R74" s="91">
        <v>0.21655426846822526</v>
      </c>
      <c r="S74" s="92">
        <v>6.4457407172213183E-2</v>
      </c>
      <c r="T74" s="91">
        <v>0.65986853705435289</v>
      </c>
      <c r="U74" s="92">
        <v>7.3517560097722562E-2</v>
      </c>
      <c r="V74" s="91">
        <v>1.7465088724631577E-2</v>
      </c>
      <c r="W74" s="92">
        <v>2.5980410668859359E-2</v>
      </c>
      <c r="X74" s="98">
        <v>161</v>
      </c>
      <c r="Y74" s="99">
        <v>5.9331351458865917</v>
      </c>
      <c r="Z74" s="100">
        <v>0.17670530185906697</v>
      </c>
      <c r="AA74" s="91">
        <v>4.8240686929366124E-2</v>
      </c>
      <c r="AB74" s="92">
        <v>3.6742736849694063E-2</v>
      </c>
      <c r="AC74" s="91">
        <v>6.2833249069233044E-2</v>
      </c>
      <c r="AD74" s="92">
        <v>4.06132043722532E-2</v>
      </c>
      <c r="AE74" s="91">
        <v>0.88892606400140106</v>
      </c>
      <c r="AF74" s="92">
        <v>5.0687780368214919E-2</v>
      </c>
      <c r="AG74" s="91">
        <v>0</v>
      </c>
      <c r="AH74" s="92">
        <v>1.703777502754053E-2</v>
      </c>
      <c r="AI74" s="90">
        <v>161</v>
      </c>
      <c r="AJ74" s="99">
        <v>4.9328287995264475</v>
      </c>
      <c r="AK74" s="100">
        <v>0.2504389185851687</v>
      </c>
      <c r="AL74" s="97">
        <v>0.17820898563511325</v>
      </c>
      <c r="AM74" s="92">
        <v>6.0585080129919415E-2</v>
      </c>
      <c r="AN74" s="91">
        <v>0.18521917279596448</v>
      </c>
      <c r="AO74" s="92">
        <v>6.1429242781156877E-2</v>
      </c>
      <c r="AP74" s="91">
        <v>0.60359392094429909</v>
      </c>
      <c r="AQ74" s="92">
        <v>7.6242407263639678E-2</v>
      </c>
      <c r="AR74" s="91">
        <v>3.2977920624624006E-2</v>
      </c>
      <c r="AS74" s="92">
        <v>3.2036799831938599E-2</v>
      </c>
      <c r="AT74" s="98">
        <v>162</v>
      </c>
      <c r="AU74" s="99">
        <v>5.4576946065676601</v>
      </c>
      <c r="AV74" s="100">
        <v>0.18502745926086026</v>
      </c>
      <c r="AW74" s="91">
        <v>7.5266572147727681E-2</v>
      </c>
      <c r="AX74" s="92">
        <v>4.3406365733206782E-2</v>
      </c>
      <c r="AY74" s="91">
        <v>0.12676357714456377</v>
      </c>
      <c r="AZ74" s="92">
        <v>5.317105868893595E-2</v>
      </c>
      <c r="BA74" s="91">
        <v>0.76134102033281981</v>
      </c>
      <c r="BB74" s="92">
        <v>6.6758463829998241E-2</v>
      </c>
      <c r="BC74" s="91">
        <v>3.6628830374889405E-2</v>
      </c>
      <c r="BD74" s="92">
        <v>3.3115386438178178E-2</v>
      </c>
    </row>
    <row r="75" spans="1:56">
      <c r="A75" s="47" t="s">
        <v>622</v>
      </c>
      <c r="B75" s="102">
        <v>989</v>
      </c>
      <c r="C75" s="103">
        <v>5.8153339259007684</v>
      </c>
      <c r="D75" s="104">
        <v>8.3757326294272488E-2</v>
      </c>
      <c r="E75" s="94">
        <v>6.3302705588052302E-2</v>
      </c>
      <c r="F75" s="95">
        <v>1.5653443400161147E-2</v>
      </c>
      <c r="G75" s="94">
        <v>8.5827246840120192E-2</v>
      </c>
      <c r="H75" s="95">
        <v>1.7933538883702058E-2</v>
      </c>
      <c r="I75" s="94">
        <v>0.84720320273014171</v>
      </c>
      <c r="J75" s="95">
        <v>2.2920606333025954E-2</v>
      </c>
      <c r="K75" s="94">
        <v>3.6668448416863979E-3</v>
      </c>
      <c r="L75" s="95">
        <v>4.7639411121979097E-3</v>
      </c>
      <c r="M75" s="93">
        <v>985</v>
      </c>
      <c r="N75" s="103">
        <v>5.2260330483541475</v>
      </c>
      <c r="O75" s="104">
        <v>8.5722151437489541E-2</v>
      </c>
      <c r="P75" s="94">
        <v>0.11183819596432285</v>
      </c>
      <c r="Q75" s="95">
        <v>2.0165815395110046E-2</v>
      </c>
      <c r="R75" s="94">
        <v>0.13587912436710747</v>
      </c>
      <c r="S75" s="95">
        <v>2.1891014948054888E-2</v>
      </c>
      <c r="T75" s="94">
        <v>0.73253246550111228</v>
      </c>
      <c r="U75" s="95">
        <v>2.8181496843023918E-2</v>
      </c>
      <c r="V75" s="94">
        <v>1.9750214167458865E-2</v>
      </c>
      <c r="W75" s="95">
        <v>9.2645668821223614E-3</v>
      </c>
      <c r="X75" s="102">
        <v>982</v>
      </c>
      <c r="Y75" s="103">
        <v>5.7481540102480757</v>
      </c>
      <c r="Z75" s="104">
        <v>8.9052731127085241E-2</v>
      </c>
      <c r="AA75" s="94">
        <v>7.8447568802326006E-2</v>
      </c>
      <c r="AB75" s="95">
        <v>1.7295013347922543E-2</v>
      </c>
      <c r="AC75" s="94">
        <v>8.7415985160495382E-2</v>
      </c>
      <c r="AD75" s="95">
        <v>1.8144425070253486E-2</v>
      </c>
      <c r="AE75" s="94">
        <v>0.82970626198192965</v>
      </c>
      <c r="AF75" s="95">
        <v>2.4016051891101609E-2</v>
      </c>
      <c r="AG75" s="94">
        <v>4.4301840552495022E-3</v>
      </c>
      <c r="AH75" s="95">
        <v>5.0950908338862587E-3</v>
      </c>
      <c r="AI75" s="93">
        <v>983</v>
      </c>
      <c r="AJ75" s="103">
        <v>5.0677645613699633</v>
      </c>
      <c r="AK75" s="104">
        <v>0.10044032876042916</v>
      </c>
      <c r="AL75" s="94">
        <v>0.15898938382967695</v>
      </c>
      <c r="AM75" s="95">
        <v>2.3360303611410012E-2</v>
      </c>
      <c r="AN75" s="94">
        <v>0.17537051953825947</v>
      </c>
      <c r="AO75" s="95">
        <v>2.4280374142437954E-2</v>
      </c>
      <c r="AP75" s="94">
        <v>0.64789995112732512</v>
      </c>
      <c r="AQ75" s="95">
        <v>3.0417729675741238E-2</v>
      </c>
      <c r="AR75" s="94">
        <v>1.7740145504739326E-2</v>
      </c>
      <c r="AS75" s="95">
        <v>8.8455658652156315E-3</v>
      </c>
      <c r="AT75" s="102">
        <v>982</v>
      </c>
      <c r="AU75" s="103">
        <v>5.4182406462704193</v>
      </c>
      <c r="AV75" s="104">
        <v>9.3225416223179799E-2</v>
      </c>
      <c r="AW75" s="94">
        <v>0.11123120352012847</v>
      </c>
      <c r="AX75" s="95">
        <v>2.0149807406772829E-2</v>
      </c>
      <c r="AY75" s="94">
        <v>0.1132309646447776</v>
      </c>
      <c r="AZ75" s="95">
        <v>2.0304074440881503E-2</v>
      </c>
      <c r="BA75" s="94">
        <v>0.76953339016762456</v>
      </c>
      <c r="BB75" s="95">
        <v>2.6867565981843148E-2</v>
      </c>
      <c r="BC75" s="94">
        <v>6.0044416674699683E-3</v>
      </c>
      <c r="BD75" s="95">
        <v>5.6770220047481345E-3</v>
      </c>
    </row>
    <row r="76" spans="1:56">
      <c r="A76" s="55" t="s">
        <v>623</v>
      </c>
      <c r="B76" s="98">
        <v>302</v>
      </c>
      <c r="C76" s="99">
        <v>5.8500574410545854</v>
      </c>
      <c r="D76" s="100">
        <v>0.14076044717074868</v>
      </c>
      <c r="E76" s="91">
        <v>8.563677212471825E-2</v>
      </c>
      <c r="F76" s="92">
        <v>3.2891698739155484E-2</v>
      </c>
      <c r="G76" s="91">
        <v>5.8265963006103094E-2</v>
      </c>
      <c r="H76" s="92">
        <v>2.7991387263544894E-2</v>
      </c>
      <c r="I76" s="91">
        <v>0.85609726486917803</v>
      </c>
      <c r="J76" s="92">
        <v>4.066252637600782E-2</v>
      </c>
      <c r="K76" s="91">
        <v>0</v>
      </c>
      <c r="L76" s="92">
        <v>9.2129697580988993E-3</v>
      </c>
      <c r="M76" s="90">
        <v>301</v>
      </c>
      <c r="N76" s="99">
        <v>5.1233969663406063</v>
      </c>
      <c r="O76" s="100">
        <v>0.14962422516251389</v>
      </c>
      <c r="P76" s="97">
        <v>0.13115400226376508</v>
      </c>
      <c r="Q76" s="92">
        <v>3.9254977481667251E-2</v>
      </c>
      <c r="R76" s="91">
        <v>0.11434519308550099</v>
      </c>
      <c r="S76" s="92">
        <v>3.7134384920966892E-2</v>
      </c>
      <c r="T76" s="91">
        <v>0.69466836973483981</v>
      </c>
      <c r="U76" s="92">
        <v>5.2864403765524204E-2</v>
      </c>
      <c r="V76" s="91">
        <v>5.9832434915893476E-2</v>
      </c>
      <c r="W76" s="92">
        <v>2.8353989966524128E-2</v>
      </c>
      <c r="X76" s="98">
        <v>301</v>
      </c>
      <c r="Y76" s="99">
        <v>5.8361196279874692</v>
      </c>
      <c r="Z76" s="100">
        <v>0.14914381508164828</v>
      </c>
      <c r="AA76" s="91">
        <v>6.7147735652745219E-2</v>
      </c>
      <c r="AB76" s="92">
        <v>2.975772792384402E-2</v>
      </c>
      <c r="AC76" s="91">
        <v>8.3279072120558767E-2</v>
      </c>
      <c r="AD76" s="92">
        <v>3.2566445592904697E-2</v>
      </c>
      <c r="AE76" s="91">
        <v>0.84846269294037957</v>
      </c>
      <c r="AF76" s="92">
        <v>4.156572003151783E-2</v>
      </c>
      <c r="AG76" s="91">
        <v>1.1104992863159224E-3</v>
      </c>
      <c r="AH76" s="92">
        <v>9.9801371386340799E-3</v>
      </c>
      <c r="AI76" s="90">
        <v>302</v>
      </c>
      <c r="AJ76" s="99">
        <v>5.5751311919091204</v>
      </c>
      <c r="AK76" s="100">
        <v>0.1630221468115339</v>
      </c>
      <c r="AL76" s="97">
        <v>7.926489247345872E-2</v>
      </c>
      <c r="AM76" s="92">
        <v>3.1845140774474291E-2</v>
      </c>
      <c r="AN76" s="91">
        <v>0.10152049588173298</v>
      </c>
      <c r="AO76" s="92">
        <v>3.530228345271591E-2</v>
      </c>
      <c r="AP76" s="91">
        <v>0.81226534002386397</v>
      </c>
      <c r="AQ76" s="92">
        <v>4.5016041761556012E-2</v>
      </c>
      <c r="AR76" s="91">
        <v>6.9492716209443584E-3</v>
      </c>
      <c r="AS76" s="92">
        <v>1.3143237923300122E-2</v>
      </c>
      <c r="AT76" s="98">
        <v>301</v>
      </c>
      <c r="AU76" s="99">
        <v>5.4694584495700278</v>
      </c>
      <c r="AV76" s="100">
        <v>0.15322107519150802</v>
      </c>
      <c r="AW76" s="91">
        <v>0.12566006584580089</v>
      </c>
      <c r="AX76" s="92">
        <v>3.858498184680715E-2</v>
      </c>
      <c r="AY76" s="91">
        <v>0.1102491562751698</v>
      </c>
      <c r="AZ76" s="92">
        <v>3.6584071577310188E-2</v>
      </c>
      <c r="BA76" s="91">
        <v>0.7591167718213131</v>
      </c>
      <c r="BB76" s="92">
        <v>4.9204563163242156E-2</v>
      </c>
      <c r="BC76" s="91">
        <v>4.9740060577159141E-3</v>
      </c>
      <c r="BD76" s="92">
        <v>1.2192272553656283E-2</v>
      </c>
    </row>
    <row r="77" spans="1:56">
      <c r="A77" s="47" t="s">
        <v>624</v>
      </c>
      <c r="B77" s="102">
        <v>318</v>
      </c>
      <c r="C77" s="103">
        <v>5.7415229481678756</v>
      </c>
      <c r="D77" s="104">
        <v>0.15366435938245068</v>
      </c>
      <c r="E77" s="94">
        <v>7.1386092282565941E-2</v>
      </c>
      <c r="F77" s="95">
        <v>2.9661860318379897E-2</v>
      </c>
      <c r="G77" s="94">
        <v>0.10076552465479875</v>
      </c>
      <c r="H77" s="95">
        <v>3.4270968491418911E-2</v>
      </c>
      <c r="I77" s="94">
        <v>0.82505677300324298</v>
      </c>
      <c r="J77" s="95">
        <v>4.272502424944457E-2</v>
      </c>
      <c r="K77" s="94">
        <v>2.7916100593927155E-3</v>
      </c>
      <c r="L77" s="95">
        <v>1.0507426990932938E-2</v>
      </c>
      <c r="M77" s="93">
        <v>314</v>
      </c>
      <c r="N77" s="103">
        <v>5.1373612622020124</v>
      </c>
      <c r="O77" s="104">
        <v>0.15292152943679083</v>
      </c>
      <c r="P77" s="94">
        <v>0.12298598812932761</v>
      </c>
      <c r="Q77" s="95">
        <v>3.7435694704583751E-2</v>
      </c>
      <c r="R77" s="94">
        <v>0.14241984488517162</v>
      </c>
      <c r="S77" s="95">
        <v>3.9705344824851482E-2</v>
      </c>
      <c r="T77" s="94">
        <v>0.73107874531410499</v>
      </c>
      <c r="U77" s="95">
        <v>4.9897693487685635E-2</v>
      </c>
      <c r="V77" s="94">
        <v>3.5154216713966738E-3</v>
      </c>
      <c r="W77" s="95">
        <v>1.1026122862551018E-2</v>
      </c>
      <c r="X77" s="102">
        <v>319</v>
      </c>
      <c r="Y77" s="103">
        <v>5.7092586721550571</v>
      </c>
      <c r="Z77" s="104">
        <v>0.16086212496053673</v>
      </c>
      <c r="AA77" s="94">
        <v>8.46606210151441E-2</v>
      </c>
      <c r="AB77" s="95">
        <v>3.1815909855324752E-2</v>
      </c>
      <c r="AC77" s="94">
        <v>0.10528575996125149</v>
      </c>
      <c r="AD77" s="95">
        <v>3.4843405928069893E-2</v>
      </c>
      <c r="AE77" s="94">
        <v>0.80727398602715239</v>
      </c>
      <c r="AF77" s="95">
        <v>4.4221049947253177E-2</v>
      </c>
      <c r="AG77" s="94">
        <v>2.7796329964530175E-3</v>
      </c>
      <c r="AH77" s="95">
        <v>1.0473193213311737E-2</v>
      </c>
      <c r="AI77" s="93">
        <v>318</v>
      </c>
      <c r="AJ77" s="103">
        <v>4.8630453389473924</v>
      </c>
      <c r="AK77" s="104">
        <v>0.18467338752003348</v>
      </c>
      <c r="AL77" s="94">
        <v>0.18542029144749519</v>
      </c>
      <c r="AM77" s="95">
        <v>4.3664869856380455E-2</v>
      </c>
      <c r="AN77" s="94">
        <v>0.19223099686956807</v>
      </c>
      <c r="AO77" s="95">
        <v>4.4249007337718457E-2</v>
      </c>
      <c r="AP77" s="94">
        <v>0.59234228026337277</v>
      </c>
      <c r="AQ77" s="95">
        <v>5.4793054004106424E-2</v>
      </c>
      <c r="AR77" s="94">
        <v>3.0006431419565226E-2</v>
      </c>
      <c r="AS77" s="95">
        <v>2.0719962707128489E-2</v>
      </c>
      <c r="AT77" s="102">
        <v>317</v>
      </c>
      <c r="AU77" s="103">
        <v>5.3761257196295062</v>
      </c>
      <c r="AV77" s="104">
        <v>0.16069378149092264</v>
      </c>
      <c r="AW77" s="94">
        <v>0.10926685979527066</v>
      </c>
      <c r="AX77" s="95">
        <v>3.549539495067059E-2</v>
      </c>
      <c r="AY77" s="94">
        <v>0.12524576566766085</v>
      </c>
      <c r="AZ77" s="95">
        <v>3.7530886494550046E-2</v>
      </c>
      <c r="BA77" s="94">
        <v>0.76269365720922921</v>
      </c>
      <c r="BB77" s="95">
        <v>4.7714252203321386E-2</v>
      </c>
      <c r="BC77" s="94">
        <v>2.7937173278401884E-3</v>
      </c>
      <c r="BD77" s="95">
        <v>1.0536170790472784E-2</v>
      </c>
    </row>
    <row r="78" spans="1:56">
      <c r="A78" s="55" t="s">
        <v>625</v>
      </c>
      <c r="B78" s="98">
        <v>1195</v>
      </c>
      <c r="C78" s="99">
        <v>5.6872821418996269</v>
      </c>
      <c r="D78" s="100">
        <v>7.6626579696612046E-2</v>
      </c>
      <c r="E78" s="91">
        <v>8.2931728856442191E-2</v>
      </c>
      <c r="F78" s="92">
        <v>1.6049623634531471E-2</v>
      </c>
      <c r="G78" s="91">
        <v>0.10059237150973424</v>
      </c>
      <c r="H78" s="92">
        <v>1.7474983192904258E-2</v>
      </c>
      <c r="I78" s="91">
        <v>0.81542665958400873</v>
      </c>
      <c r="J78" s="92">
        <v>2.2456984103924469E-2</v>
      </c>
      <c r="K78" s="91">
        <v>1.0492400498152046E-3</v>
      </c>
      <c r="L78" s="92">
        <v>3.0048233059019611E-3</v>
      </c>
      <c r="M78" s="90">
        <v>1186</v>
      </c>
      <c r="N78" s="99">
        <v>5.0936464877294991</v>
      </c>
      <c r="O78" s="100">
        <v>7.9397673990726253E-2</v>
      </c>
      <c r="P78" s="97">
        <v>0.14092640491607974</v>
      </c>
      <c r="Q78" s="92">
        <v>2.0244844032835278E-2</v>
      </c>
      <c r="R78" s="91">
        <v>0.14517946824693703</v>
      </c>
      <c r="S78" s="92">
        <v>2.0493683245758985E-2</v>
      </c>
      <c r="T78" s="91">
        <v>0.68496946723966845</v>
      </c>
      <c r="U78" s="92">
        <v>2.6946315612492472E-2</v>
      </c>
      <c r="V78" s="91">
        <v>2.8924659597314904E-2</v>
      </c>
      <c r="W78" s="92">
        <v>9.9709429239244647E-3</v>
      </c>
      <c r="X78" s="98">
        <v>1188</v>
      </c>
      <c r="Y78" s="99">
        <v>5.6430569371771631</v>
      </c>
      <c r="Z78" s="100">
        <v>7.9882623373227768E-2</v>
      </c>
      <c r="AA78" s="91">
        <v>9.99282348845736E-2</v>
      </c>
      <c r="AB78" s="92">
        <v>1.7476253423012816E-2</v>
      </c>
      <c r="AC78" s="91">
        <v>9.9210292233673239E-2</v>
      </c>
      <c r="AD78" s="92">
        <v>1.7421335280166001E-2</v>
      </c>
      <c r="AE78" s="91">
        <v>0.79764060151106708</v>
      </c>
      <c r="AF78" s="92">
        <v>2.3316011004889971E-2</v>
      </c>
      <c r="AG78" s="91">
        <v>3.2208713706867198E-3</v>
      </c>
      <c r="AH78" s="92">
        <v>4.0400776245421823E-3</v>
      </c>
      <c r="AI78" s="90">
        <v>1186</v>
      </c>
      <c r="AJ78" s="99">
        <v>5.2687398044383009</v>
      </c>
      <c r="AK78" s="100">
        <v>8.8832243323387808E-2</v>
      </c>
      <c r="AL78" s="97">
        <v>0.12698279533396792</v>
      </c>
      <c r="AM78" s="92">
        <v>1.9384824715667444E-2</v>
      </c>
      <c r="AN78" s="91">
        <v>0.13257571443313784</v>
      </c>
      <c r="AO78" s="92">
        <v>1.9738239655655191E-2</v>
      </c>
      <c r="AP78" s="91">
        <v>0.72657351393562164</v>
      </c>
      <c r="AQ78" s="92">
        <v>2.5863830606000598E-2</v>
      </c>
      <c r="AR78" s="91">
        <v>1.3867976297272289E-2</v>
      </c>
      <c r="AS78" s="92">
        <v>7.1623949040473872E-3</v>
      </c>
      <c r="AT78" s="98">
        <v>1180</v>
      </c>
      <c r="AU78" s="99">
        <v>5.3929602413793054</v>
      </c>
      <c r="AV78" s="100">
        <v>8.1173204206173036E-2</v>
      </c>
      <c r="AW78" s="91">
        <v>0.11121601587673384</v>
      </c>
      <c r="AX78" s="92">
        <v>1.8368101065175498E-2</v>
      </c>
      <c r="AY78" s="91">
        <v>0.12719837381931715</v>
      </c>
      <c r="AZ78" s="92">
        <v>1.9448165899636424E-2</v>
      </c>
      <c r="BA78" s="91">
        <v>0.75336376777323322</v>
      </c>
      <c r="BB78" s="92">
        <v>2.5083630816673599E-2</v>
      </c>
      <c r="BC78" s="91">
        <v>8.221842530715744E-3</v>
      </c>
      <c r="BD78" s="92">
        <v>5.7497286924914626E-3</v>
      </c>
    </row>
    <row r="79" spans="1:56">
      <c r="A79" s="47" t="s">
        <v>626</v>
      </c>
      <c r="B79" s="102">
        <v>1177</v>
      </c>
      <c r="C79" s="103">
        <v>5.8125745808068334</v>
      </c>
      <c r="D79" s="104">
        <v>7.7824414319796253E-2</v>
      </c>
      <c r="E79" s="94">
        <v>6.6734253748059566E-2</v>
      </c>
      <c r="F79" s="95">
        <v>1.4671132053553287E-2</v>
      </c>
      <c r="G79" s="94">
        <v>8.9307316937012882E-2</v>
      </c>
      <c r="H79" s="95">
        <v>1.671316334955528E-2</v>
      </c>
      <c r="I79" s="94">
        <v>0.83952480019612818</v>
      </c>
      <c r="J79" s="95">
        <v>2.1422918989432455E-2</v>
      </c>
      <c r="K79" s="94">
        <v>4.4336291187996365E-3</v>
      </c>
      <c r="L79" s="95">
        <v>4.5359547782985342E-3</v>
      </c>
      <c r="M79" s="93">
        <v>1170</v>
      </c>
      <c r="N79" s="103">
        <v>5.1824745551355065</v>
      </c>
      <c r="O79" s="104">
        <v>8.0548853504347873E-2</v>
      </c>
      <c r="P79" s="94">
        <v>0.11418621167940898</v>
      </c>
      <c r="Q79" s="95">
        <v>1.8656796135767453E-2</v>
      </c>
      <c r="R79" s="94">
        <v>0.1391793938579097</v>
      </c>
      <c r="S79" s="95">
        <v>2.0278650343878834E-2</v>
      </c>
      <c r="T79" s="94">
        <v>0.72654515417158794</v>
      </c>
      <c r="U79" s="95">
        <v>2.6040619964548917E-2</v>
      </c>
      <c r="V79" s="94">
        <v>2.008924029109457E-2</v>
      </c>
      <c r="W79" s="95">
        <v>8.5094240507609265E-3</v>
      </c>
      <c r="X79" s="102">
        <v>1171</v>
      </c>
      <c r="Y79" s="103">
        <v>5.7698666777974816</v>
      </c>
      <c r="Z79" s="104">
        <v>8.1603524833951127E-2</v>
      </c>
      <c r="AA79" s="94">
        <v>8.1111797420171342E-2</v>
      </c>
      <c r="AB79" s="95">
        <v>1.6055786937294241E-2</v>
      </c>
      <c r="AC79" s="94">
        <v>7.547513219730273E-2</v>
      </c>
      <c r="AD79" s="95">
        <v>1.5547164985848788E-2</v>
      </c>
      <c r="AE79" s="94">
        <v>0.84009339476698131</v>
      </c>
      <c r="AF79" s="95">
        <v>2.1447423191251279E-2</v>
      </c>
      <c r="AG79" s="94">
        <v>3.3196756155448428E-3</v>
      </c>
      <c r="AH79" s="95">
        <v>4.1196558909932842E-3</v>
      </c>
      <c r="AI79" s="93">
        <v>1175</v>
      </c>
      <c r="AJ79" s="103">
        <v>4.9809723651707385</v>
      </c>
      <c r="AK79" s="104">
        <v>9.5158783783563031E-2</v>
      </c>
      <c r="AL79" s="94">
        <v>0.18041414364846911</v>
      </c>
      <c r="AM79" s="95">
        <v>2.24501508747698E-2</v>
      </c>
      <c r="AN79" s="94">
        <v>0.17757600131509746</v>
      </c>
      <c r="AO79" s="95">
        <v>2.2312983861184837E-2</v>
      </c>
      <c r="AP79" s="94">
        <v>0.62510183001196296</v>
      </c>
      <c r="AQ79" s="95">
        <v>2.8203522229415509E-2</v>
      </c>
      <c r="AR79" s="94">
        <v>1.6908025024470988E-2</v>
      </c>
      <c r="AS79" s="95">
        <v>7.8585938196115736E-3</v>
      </c>
      <c r="AT79" s="102">
        <v>1172</v>
      </c>
      <c r="AU79" s="103">
        <v>5.3977870950202718</v>
      </c>
      <c r="AV79" s="104">
        <v>8.3554097398689284E-2</v>
      </c>
      <c r="AW79" s="94">
        <v>0.10576167989070032</v>
      </c>
      <c r="AX79" s="95">
        <v>1.803545770134999E-2</v>
      </c>
      <c r="AY79" s="94">
        <v>0.12021406596581842</v>
      </c>
      <c r="AZ79" s="95">
        <v>1.9054360303438704E-2</v>
      </c>
      <c r="BA79" s="94">
        <v>0.76935861407321482</v>
      </c>
      <c r="BB79" s="95">
        <v>2.460149480293794E-2</v>
      </c>
      <c r="BC79" s="94">
        <v>4.6656400702674251E-3</v>
      </c>
      <c r="BD79" s="95">
        <v>4.6328179347017683E-3</v>
      </c>
    </row>
    <row r="80" spans="1:56">
      <c r="A80" s="55" t="s">
        <v>627</v>
      </c>
      <c r="B80" s="98">
        <v>344</v>
      </c>
      <c r="C80" s="99">
        <v>5.8534912988450465</v>
      </c>
      <c r="D80" s="100">
        <v>0.1461364631264695</v>
      </c>
      <c r="E80" s="91">
        <v>7.1893066737109393E-2</v>
      </c>
      <c r="F80" s="92">
        <v>2.8549910052975809E-2</v>
      </c>
      <c r="G80" s="91">
        <v>6.4593536390950307E-2</v>
      </c>
      <c r="H80" s="92">
        <v>2.7281903769452286E-2</v>
      </c>
      <c r="I80" s="91">
        <v>0.86177138797795427</v>
      </c>
      <c r="J80" s="92">
        <v>3.7464599912319589E-2</v>
      </c>
      <c r="K80" s="91">
        <v>1.7420088939850212E-3</v>
      </c>
      <c r="L80" s="92">
        <v>9.230960275807094E-3</v>
      </c>
      <c r="M80" s="90">
        <v>343</v>
      </c>
      <c r="N80" s="99">
        <v>5.1515522941009859</v>
      </c>
      <c r="O80" s="100">
        <v>0.14719046705515029</v>
      </c>
      <c r="P80" s="97">
        <v>0.11639169885094817</v>
      </c>
      <c r="Q80" s="92">
        <v>3.4991600026594474E-2</v>
      </c>
      <c r="R80" s="91">
        <v>0.13839735114358206</v>
      </c>
      <c r="S80" s="92">
        <v>3.7538177742638165E-2</v>
      </c>
      <c r="T80" s="91">
        <v>0.72891489901547868</v>
      </c>
      <c r="U80" s="92">
        <v>4.787099881835543E-2</v>
      </c>
      <c r="V80" s="91">
        <v>1.6296050989988875E-2</v>
      </c>
      <c r="W80" s="92">
        <v>1.5703854953469723E-2</v>
      </c>
      <c r="X80" s="98">
        <v>344</v>
      </c>
      <c r="Y80" s="99">
        <v>5.8041737471673009</v>
      </c>
      <c r="Z80" s="100">
        <v>0.15468064186155445</v>
      </c>
      <c r="AA80" s="91">
        <v>8.8185274565927174E-2</v>
      </c>
      <c r="AB80" s="92">
        <v>3.1125418892763195E-2</v>
      </c>
      <c r="AC80" s="91">
        <v>5.2270369920299861E-2</v>
      </c>
      <c r="AD80" s="92">
        <v>2.494131307162388E-2</v>
      </c>
      <c r="AE80" s="91">
        <v>0.85780699486958756</v>
      </c>
      <c r="AF80" s="92">
        <v>3.7889792215537808E-2</v>
      </c>
      <c r="AG80" s="91">
        <v>1.7373606441844257E-3</v>
      </c>
      <c r="AH80" s="92">
        <v>9.2281418648072818E-3</v>
      </c>
      <c r="AI80" s="90">
        <v>344</v>
      </c>
      <c r="AJ80" s="99">
        <v>5.0743670330793478</v>
      </c>
      <c r="AK80" s="100">
        <v>0.17291177561239626</v>
      </c>
      <c r="AL80" s="97">
        <v>0.16865020465749858</v>
      </c>
      <c r="AM80" s="92">
        <v>4.0502132392568502E-2</v>
      </c>
      <c r="AN80" s="91">
        <v>0.16850642815376091</v>
      </c>
      <c r="AO80" s="92">
        <v>4.0488916364410821E-2</v>
      </c>
      <c r="AP80" s="91">
        <v>0.6533358499823092</v>
      </c>
      <c r="AQ80" s="92">
        <v>5.1083154411838444E-2</v>
      </c>
      <c r="AR80" s="91">
        <v>9.5075172064287335E-3</v>
      </c>
      <c r="AS80" s="92">
        <v>1.3093817024282639E-2</v>
      </c>
      <c r="AT80" s="98">
        <v>344</v>
      </c>
      <c r="AU80" s="99">
        <v>5.4046873626222949</v>
      </c>
      <c r="AV80" s="100">
        <v>0.15222046686788387</v>
      </c>
      <c r="AW80" s="91">
        <v>0.10001641666765751</v>
      </c>
      <c r="AX80" s="92">
        <v>3.2812573801362974E-2</v>
      </c>
      <c r="AY80" s="91">
        <v>0.13817000990454736</v>
      </c>
      <c r="AZ80" s="92">
        <v>3.7458243126338525E-2</v>
      </c>
      <c r="BA80" s="91">
        <v>0.76007621278360904</v>
      </c>
      <c r="BB80" s="92">
        <v>4.5976800910675464E-2</v>
      </c>
      <c r="BC80" s="91">
        <v>1.7373606441844257E-3</v>
      </c>
      <c r="BD80" s="92">
        <v>9.2281418648072818E-3</v>
      </c>
    </row>
    <row r="81" spans="1:56">
      <c r="A81" s="47" t="s">
        <v>628</v>
      </c>
      <c r="B81" s="102">
        <v>833</v>
      </c>
      <c r="C81" s="103">
        <v>5.7880083396196929</v>
      </c>
      <c r="D81" s="104">
        <v>9.1958216145037477E-2</v>
      </c>
      <c r="E81" s="94">
        <v>6.3650266067231134E-2</v>
      </c>
      <c r="F81" s="95">
        <v>1.7131776056252469E-2</v>
      </c>
      <c r="G81" s="94">
        <v>0.10408145100865465</v>
      </c>
      <c r="H81" s="95">
        <v>2.1278507594578302E-2</v>
      </c>
      <c r="I81" s="94">
        <v>0.82622557752508863</v>
      </c>
      <c r="J81" s="95">
        <v>2.6286867804401925E-2</v>
      </c>
      <c r="K81" s="94">
        <v>6.0427053990245857E-3</v>
      </c>
      <c r="L81" s="95">
        <v>6.3104464999158899E-3</v>
      </c>
      <c r="M81" s="93">
        <v>827</v>
      </c>
      <c r="N81" s="103">
        <v>5.2011455753797478</v>
      </c>
      <c r="O81" s="104">
        <v>9.6286851552045652E-2</v>
      </c>
      <c r="P81" s="94">
        <v>0.11286274361063997</v>
      </c>
      <c r="Q81" s="95">
        <v>2.2110554142219151E-2</v>
      </c>
      <c r="R81" s="94">
        <v>0.13964868181123899</v>
      </c>
      <c r="S81" s="95">
        <v>2.4172864079831893E-2</v>
      </c>
      <c r="T81" s="94">
        <v>0.72512311840892407</v>
      </c>
      <c r="U81" s="95">
        <v>3.1012307284540214E-2</v>
      </c>
      <c r="V81" s="94">
        <v>2.2365456169196843E-2</v>
      </c>
      <c r="W81" s="95">
        <v>1.0760761251467422E-2</v>
      </c>
      <c r="X81" s="102">
        <v>827</v>
      </c>
      <c r="Y81" s="103">
        <v>5.7490365319969774</v>
      </c>
      <c r="Z81" s="104">
        <v>9.6030103255296415E-2</v>
      </c>
      <c r="AA81" s="94">
        <v>7.682794061070243E-2</v>
      </c>
      <c r="AB81" s="95">
        <v>1.8699627362810615E-2</v>
      </c>
      <c r="AC81" s="94">
        <v>8.9528458000735181E-2</v>
      </c>
      <c r="AD81" s="95">
        <v>2.0003757191936491E-2</v>
      </c>
      <c r="AE81" s="94">
        <v>0.82936564024736781</v>
      </c>
      <c r="AF81" s="95">
        <v>2.6195608737738092E-2</v>
      </c>
      <c r="AG81" s="94">
        <v>4.277961141193806E-3</v>
      </c>
      <c r="AH81" s="95">
        <v>5.644800085041847E-3</v>
      </c>
      <c r="AI81" s="93">
        <v>831</v>
      </c>
      <c r="AJ81" s="103">
        <v>4.9240934543350807</v>
      </c>
      <c r="AK81" s="104">
        <v>0.11394614192176179</v>
      </c>
      <c r="AL81" s="94">
        <v>0.18749283920810442</v>
      </c>
      <c r="AM81" s="95">
        <v>2.7096872563749291E-2</v>
      </c>
      <c r="AN81" s="94">
        <v>0.18303342057868058</v>
      </c>
      <c r="AO81" s="95">
        <v>2.6849988936175493E-2</v>
      </c>
      <c r="AP81" s="94">
        <v>0.60811261985470377</v>
      </c>
      <c r="AQ81" s="95">
        <v>3.3795678941802548E-2</v>
      </c>
      <c r="AR81" s="94">
        <v>2.1361120358510847E-2</v>
      </c>
      <c r="AS81" s="95">
        <v>1.0518188283557661E-2</v>
      </c>
      <c r="AT81" s="102">
        <v>828</v>
      </c>
      <c r="AU81" s="103">
        <v>5.3936025926930578</v>
      </c>
      <c r="AV81" s="104">
        <v>0.10000412159680429</v>
      </c>
      <c r="AW81" s="94">
        <v>0.10922936872854699</v>
      </c>
      <c r="AX81" s="95">
        <v>2.1790421065962028E-2</v>
      </c>
      <c r="AY81" s="94">
        <v>0.10937633339342633</v>
      </c>
      <c r="AZ81" s="95">
        <v>2.1802964407701353E-2</v>
      </c>
      <c r="BA81" s="94">
        <v>0.77496122584063898</v>
      </c>
      <c r="BB81" s="95">
        <v>2.901603793994751E-2</v>
      </c>
      <c r="BC81" s="94">
        <v>6.4330720373874774E-3</v>
      </c>
      <c r="BD81" s="95">
        <v>6.4779375951051748E-3</v>
      </c>
    </row>
    <row r="82" spans="1:56">
      <c r="A82" s="55" t="s">
        <v>629</v>
      </c>
      <c r="B82" s="98">
        <v>218</v>
      </c>
      <c r="C82" s="99">
        <v>5.7107693637138057</v>
      </c>
      <c r="D82" s="100">
        <v>0.17436848975584088</v>
      </c>
      <c r="E82" s="91">
        <v>9.7738255479945677E-2</v>
      </c>
      <c r="F82" s="92">
        <v>4.1146652581131933E-2</v>
      </c>
      <c r="G82" s="91">
        <v>8.8946541093504278E-2</v>
      </c>
      <c r="H82" s="92">
        <v>3.9608222485702282E-2</v>
      </c>
      <c r="I82" s="91">
        <v>0.8133152034265495</v>
      </c>
      <c r="J82" s="92">
        <v>5.2904680936150569E-2</v>
      </c>
      <c r="K82" s="91">
        <v>0</v>
      </c>
      <c r="L82" s="92">
        <v>1.2683142508314297E-2</v>
      </c>
      <c r="M82" s="90">
        <v>217</v>
      </c>
      <c r="N82" s="99">
        <v>4.9569186490591104</v>
      </c>
      <c r="O82" s="100">
        <v>0.18861692526814147</v>
      </c>
      <c r="P82" s="97">
        <v>0.15522462175287932</v>
      </c>
      <c r="Q82" s="92">
        <v>4.950323105326896E-2</v>
      </c>
      <c r="R82" s="91">
        <v>0.12694362766740444</v>
      </c>
      <c r="S82" s="92">
        <v>4.5785495900590972E-2</v>
      </c>
      <c r="T82" s="91">
        <v>0.6700356802253673</v>
      </c>
      <c r="U82" s="92">
        <v>6.3406322971967008E-2</v>
      </c>
      <c r="V82" s="91">
        <v>4.7796070354348325E-2</v>
      </c>
      <c r="W82" s="92">
        <v>3.0927418087966767E-2</v>
      </c>
      <c r="X82" s="98">
        <v>218</v>
      </c>
      <c r="Y82" s="99">
        <v>5.7436203383877968</v>
      </c>
      <c r="Z82" s="100">
        <v>0.18014057365469016</v>
      </c>
      <c r="AA82" s="91">
        <v>6.4708071590216201E-2</v>
      </c>
      <c r="AB82" s="92">
        <v>3.4819352912777109E-2</v>
      </c>
      <c r="AC82" s="91">
        <v>0.12726966881813678</v>
      </c>
      <c r="AD82" s="92">
        <v>4.5724085994149406E-2</v>
      </c>
      <c r="AE82" s="91">
        <v>0.80691698843819215</v>
      </c>
      <c r="AF82" s="92">
        <v>5.3552349532691217E-2</v>
      </c>
      <c r="AG82" s="91">
        <v>1.105271153454429E-3</v>
      </c>
      <c r="AH82" s="92">
        <v>1.3418065779935899E-2</v>
      </c>
      <c r="AI82" s="90">
        <v>218</v>
      </c>
      <c r="AJ82" s="99">
        <v>5.3197419079336212</v>
      </c>
      <c r="AK82" s="100">
        <v>0.19316190440387082</v>
      </c>
      <c r="AL82" s="97">
        <v>0.11734949614869912</v>
      </c>
      <c r="AM82" s="92">
        <v>4.4277483648234542E-2</v>
      </c>
      <c r="AN82" s="91">
        <v>0.12912470914868299</v>
      </c>
      <c r="AO82" s="92">
        <v>4.5985419877721569E-2</v>
      </c>
      <c r="AP82" s="91">
        <v>0.73859205701760489</v>
      </c>
      <c r="AQ82" s="92">
        <v>5.9291119127049874E-2</v>
      </c>
      <c r="AR82" s="91">
        <v>1.4933737685012789E-2</v>
      </c>
      <c r="AS82" s="92">
        <v>2.0407218150661099E-2</v>
      </c>
      <c r="AT82" s="98">
        <v>217</v>
      </c>
      <c r="AU82" s="99">
        <v>5.2098231489411191</v>
      </c>
      <c r="AV82" s="100">
        <v>0.18935323748104493</v>
      </c>
      <c r="AW82" s="91">
        <v>0.15952810388265751</v>
      </c>
      <c r="AX82" s="92">
        <v>5.0020294937732544E-2</v>
      </c>
      <c r="AY82" s="91">
        <v>0.11847612775696073</v>
      </c>
      <c r="AZ82" s="92">
        <v>4.4551258258579335E-2</v>
      </c>
      <c r="BA82" s="91">
        <v>0.71831649537674547</v>
      </c>
      <c r="BB82" s="92">
        <v>6.0771453564655457E-2</v>
      </c>
      <c r="BC82" s="91">
        <v>3.6792729836355922E-3</v>
      </c>
      <c r="BD82" s="92">
        <v>1.5042693891358878E-2</v>
      </c>
    </row>
    <row r="83" spans="1:56">
      <c r="A83" s="47" t="s">
        <v>630</v>
      </c>
      <c r="B83" s="102">
        <v>392</v>
      </c>
      <c r="C83" s="103">
        <v>5.7998277033256755</v>
      </c>
      <c r="D83" s="104">
        <v>0.13859944908263086</v>
      </c>
      <c r="E83" s="94">
        <v>7.0455572463163432E-2</v>
      </c>
      <c r="F83" s="95">
        <v>2.6438455699102335E-2</v>
      </c>
      <c r="G83" s="94">
        <v>5.9590869804955107E-2</v>
      </c>
      <c r="H83" s="95">
        <v>2.4605656761382783E-2</v>
      </c>
      <c r="I83" s="94">
        <v>0.86827949751480415</v>
      </c>
      <c r="J83" s="95">
        <v>3.4391737478326009E-2</v>
      </c>
      <c r="K83" s="94">
        <v>1.6740602170781827E-3</v>
      </c>
      <c r="L83" s="95">
        <v>8.2036348960099967E-3</v>
      </c>
      <c r="M83" s="93">
        <v>387</v>
      </c>
      <c r="N83" s="103">
        <v>5.095165021877694</v>
      </c>
      <c r="O83" s="104">
        <v>0.14057496506534731</v>
      </c>
      <c r="P83" s="94">
        <v>0.12445016360493388</v>
      </c>
      <c r="Q83" s="95">
        <v>3.3824164138750196E-2</v>
      </c>
      <c r="R83" s="94">
        <v>0.14122388220606236</v>
      </c>
      <c r="S83" s="95">
        <v>3.560221973001422E-2</v>
      </c>
      <c r="T83" s="94">
        <v>0.71192894198181322</v>
      </c>
      <c r="U83" s="95">
        <v>4.5906652423146441E-2</v>
      </c>
      <c r="V83" s="94">
        <v>2.2397012207191799E-2</v>
      </c>
      <c r="W83" s="95">
        <v>1.6477098881216155E-2</v>
      </c>
      <c r="X83" s="102">
        <v>389</v>
      </c>
      <c r="Y83" s="103">
        <v>5.8200127663047887</v>
      </c>
      <c r="Z83" s="104">
        <v>0.14309236088929539</v>
      </c>
      <c r="AA83" s="94">
        <v>7.9934843225021576E-2</v>
      </c>
      <c r="AB83" s="95">
        <v>2.8016523352925572E-2</v>
      </c>
      <c r="AC83" s="94">
        <v>5.7801865337754957E-2</v>
      </c>
      <c r="AD83" s="95">
        <v>2.4384743600231625E-2</v>
      </c>
      <c r="AE83" s="94">
        <v>0.86057440147831632</v>
      </c>
      <c r="AF83" s="95">
        <v>3.5327508141537622E-2</v>
      </c>
      <c r="AG83" s="94">
        <v>1.6888899589080888E-3</v>
      </c>
      <c r="AH83" s="95">
        <v>8.2671986845594715E-3</v>
      </c>
      <c r="AI83" s="93">
        <v>390</v>
      </c>
      <c r="AJ83" s="103">
        <v>4.7706111622826972</v>
      </c>
      <c r="AK83" s="104">
        <v>0.17887160758075896</v>
      </c>
      <c r="AL83" s="94">
        <v>0.23804849769555683</v>
      </c>
      <c r="AM83" s="95">
        <v>4.3075616296525746E-2</v>
      </c>
      <c r="AN83" s="94">
        <v>0.1671763429419813</v>
      </c>
      <c r="AO83" s="95">
        <v>3.7897291797842077E-2</v>
      </c>
      <c r="AP83" s="94">
        <v>0.57490383568896097</v>
      </c>
      <c r="AQ83" s="95">
        <v>4.9822299211296425E-2</v>
      </c>
      <c r="AR83" s="94">
        <v>1.9871323673502406E-2</v>
      </c>
      <c r="AS83" s="95">
        <v>1.5652759767008223E-2</v>
      </c>
      <c r="AT83" s="102">
        <v>389</v>
      </c>
      <c r="AU83" s="103">
        <v>5.3229819567959611</v>
      </c>
      <c r="AV83" s="104">
        <v>0.15222342264461605</v>
      </c>
      <c r="AW83" s="94">
        <v>0.11541851769935013</v>
      </c>
      <c r="AX83" s="95">
        <v>3.2705410061959622E-2</v>
      </c>
      <c r="AY83" s="94">
        <v>0.13209827281779415</v>
      </c>
      <c r="AZ83" s="95">
        <v>3.456594508849703E-2</v>
      </c>
      <c r="BA83" s="94">
        <v>0.75079780474794522</v>
      </c>
      <c r="BB83" s="95">
        <v>4.3786939953098646E-2</v>
      </c>
      <c r="BC83" s="94">
        <v>1.6854047349115831E-3</v>
      </c>
      <c r="BD83" s="95">
        <v>8.2651035545063048E-3</v>
      </c>
    </row>
    <row r="84" spans="1:56">
      <c r="A84" s="55" t="s">
        <v>631</v>
      </c>
      <c r="B84" s="98">
        <v>56</v>
      </c>
      <c r="C84" s="99">
        <v>5.7671449320775254</v>
      </c>
      <c r="D84" s="100">
        <v>0.42995771462277121</v>
      </c>
      <c r="E84" s="91">
        <v>0.10526222752196066</v>
      </c>
      <c r="F84" s="92">
        <v>8.7279355383264437E-2</v>
      </c>
      <c r="G84" s="91">
        <v>3.3130853271641336E-2</v>
      </c>
      <c r="H84" s="92">
        <v>6.3312293972712819E-2</v>
      </c>
      <c r="I84" s="91">
        <v>0.86160691920639809</v>
      </c>
      <c r="J84" s="92">
        <v>9.5251908432298846E-2</v>
      </c>
      <c r="K84" s="91">
        <v>0</v>
      </c>
      <c r="L84" s="92">
        <v>4.6348119143587135E-2</v>
      </c>
      <c r="M84" s="90">
        <v>56</v>
      </c>
      <c r="N84" s="99">
        <v>5.1465192580383263</v>
      </c>
      <c r="O84" s="100">
        <v>0.39019603276469578</v>
      </c>
      <c r="P84" s="97">
        <v>0.11907766772989498</v>
      </c>
      <c r="Q84" s="92">
        <v>9.0774515347554707E-2</v>
      </c>
      <c r="R84" s="91">
        <v>0.12848016137957444</v>
      </c>
      <c r="S84" s="92">
        <v>9.3010090833270706E-2</v>
      </c>
      <c r="T84" s="91">
        <v>0.73190402944148625</v>
      </c>
      <c r="U84" s="92">
        <v>0.11637642900104656</v>
      </c>
      <c r="V84" s="91">
        <v>2.0538141449044575E-2</v>
      </c>
      <c r="W84" s="92">
        <v>5.758806443775389E-2</v>
      </c>
      <c r="X84" s="98">
        <v>55</v>
      </c>
      <c r="Y84" s="99">
        <v>5.8142466776059747</v>
      </c>
      <c r="Z84" s="100">
        <v>0.4453621452989226</v>
      </c>
      <c r="AA84" s="91">
        <v>9.0934771651928856E-2</v>
      </c>
      <c r="AB84" s="92">
        <v>8.420552398431598E-2</v>
      </c>
      <c r="AC84" s="91">
        <v>3.6535444909626708E-2</v>
      </c>
      <c r="AD84" s="92">
        <v>6.5529730862744509E-2</v>
      </c>
      <c r="AE84" s="91">
        <v>0.87252978343844456</v>
      </c>
      <c r="AF84" s="92">
        <v>9.3664058005634029E-2</v>
      </c>
      <c r="AG84" s="91">
        <v>0</v>
      </c>
      <c r="AH84" s="92">
        <v>4.7119904748779487E-2</v>
      </c>
      <c r="AI84" s="90">
        <v>56</v>
      </c>
      <c r="AJ84" s="99">
        <v>5.2846898367250921</v>
      </c>
      <c r="AK84" s="100">
        <v>0.44948404764897848</v>
      </c>
      <c r="AL84" s="97">
        <v>0.15102602321831488</v>
      </c>
      <c r="AM84" s="92">
        <v>9.7950197552170243E-2</v>
      </c>
      <c r="AN84" s="91">
        <v>0.1669081582213198</v>
      </c>
      <c r="AO84" s="92">
        <v>0.1011105235953657</v>
      </c>
      <c r="AP84" s="91">
        <v>0.68206581856036574</v>
      </c>
      <c r="AQ84" s="92">
        <v>0.12141511211272461</v>
      </c>
      <c r="AR84" s="91">
        <v>0</v>
      </c>
      <c r="AS84" s="92">
        <v>4.6348119143587135E-2</v>
      </c>
      <c r="AT84" s="98">
        <v>55</v>
      </c>
      <c r="AU84" s="99">
        <v>5.3358115396052064</v>
      </c>
      <c r="AV84" s="100">
        <v>0.39942884230012515</v>
      </c>
      <c r="AW84" s="91">
        <v>7.2249113050687791E-2</v>
      </c>
      <c r="AX84" s="92">
        <v>7.8545151912719574E-2</v>
      </c>
      <c r="AY84" s="91">
        <v>0.17815591182656473</v>
      </c>
      <c r="AZ84" s="92">
        <v>0.10414641239627358</v>
      </c>
      <c r="BA84" s="91">
        <v>0.74959497512274764</v>
      </c>
      <c r="BB84" s="92">
        <v>0.11523392388120779</v>
      </c>
      <c r="BC84" s="91">
        <v>0</v>
      </c>
      <c r="BD84" s="92">
        <v>4.7119904748779487E-2</v>
      </c>
    </row>
    <row r="85" spans="1:56">
      <c r="A85" s="47" t="s">
        <v>632</v>
      </c>
      <c r="B85" s="102">
        <v>336</v>
      </c>
      <c r="C85" s="103">
        <v>5.8091357276268312</v>
      </c>
      <c r="D85" s="104">
        <v>0.14514534429836132</v>
      </c>
      <c r="E85" s="94">
        <v>6.0563978756878134E-2</v>
      </c>
      <c r="F85" s="95">
        <v>2.687944326243465E-2</v>
      </c>
      <c r="G85" s="94">
        <v>6.7110458589542371E-2</v>
      </c>
      <c r="H85" s="95">
        <v>2.8073425481830755E-2</v>
      </c>
      <c r="I85" s="94">
        <v>0.87017575653448309</v>
      </c>
      <c r="J85" s="95">
        <v>3.6969809718112777E-2</v>
      </c>
      <c r="K85" s="94">
        <v>2.1498061190966477E-3</v>
      </c>
      <c r="L85" s="95">
        <v>9.666654206048543E-3</v>
      </c>
      <c r="M85" s="93">
        <v>331</v>
      </c>
      <c r="N85" s="103">
        <v>5.080337348735112</v>
      </c>
      <c r="O85" s="104">
        <v>0.1507652466353463</v>
      </c>
      <c r="P85" s="94">
        <v>0.12599758962839475</v>
      </c>
      <c r="Q85" s="95">
        <v>3.6804058828710753E-2</v>
      </c>
      <c r="R85" s="94">
        <v>0.14489442299405048</v>
      </c>
      <c r="S85" s="95">
        <v>3.8924863496548501E-2</v>
      </c>
      <c r="T85" s="94">
        <v>0.70617556945720716</v>
      </c>
      <c r="U85" s="95">
        <v>4.9895496671765384E-2</v>
      </c>
      <c r="V85" s="94">
        <v>2.2932417920348672E-2</v>
      </c>
      <c r="W85" s="95">
        <v>1.8222224281884219E-2</v>
      </c>
      <c r="X85" s="102">
        <v>334</v>
      </c>
      <c r="Y85" s="103">
        <v>5.8216507194040252</v>
      </c>
      <c r="Z85" s="104">
        <v>0.14987684812488195</v>
      </c>
      <c r="AA85" s="94">
        <v>7.6816904320065729E-2</v>
      </c>
      <c r="AB85" s="95">
        <v>2.9817920743038909E-2</v>
      </c>
      <c r="AC85" s="94">
        <v>6.3829849979892328E-2</v>
      </c>
      <c r="AD85" s="95">
        <v>2.7570626321232528E-2</v>
      </c>
      <c r="AE85" s="94">
        <v>0.857185638470921</v>
      </c>
      <c r="AF85" s="95">
        <v>3.8526135615507294E-2</v>
      </c>
      <c r="AG85" s="94">
        <v>2.1676072291212066E-3</v>
      </c>
      <c r="AH85" s="95">
        <v>9.7265363270980856E-3</v>
      </c>
      <c r="AI85" s="93">
        <v>334</v>
      </c>
      <c r="AJ85" s="103">
        <v>4.6198448604797964</v>
      </c>
      <c r="AK85" s="104">
        <v>0.19370106800070166</v>
      </c>
      <c r="AL85" s="94">
        <v>0.26291791450270974</v>
      </c>
      <c r="AM85" s="95">
        <v>4.8052557224116887E-2</v>
      </c>
      <c r="AN85" s="94">
        <v>0.16725298518456863</v>
      </c>
      <c r="AO85" s="95">
        <v>4.0976905450735131E-2</v>
      </c>
      <c r="AP85" s="94">
        <v>0.5442789191496491</v>
      </c>
      <c r="AQ85" s="95">
        <v>5.418415978514797E-2</v>
      </c>
      <c r="AR85" s="94">
        <v>2.5550181163074483E-2</v>
      </c>
      <c r="AS85" s="95">
        <v>1.8902965060883684E-2</v>
      </c>
      <c r="AT85" s="102">
        <v>334</v>
      </c>
      <c r="AU85" s="103">
        <v>5.3193471688686271</v>
      </c>
      <c r="AV85" s="104">
        <v>0.16488076689257472</v>
      </c>
      <c r="AW85" s="94">
        <v>0.12762253171103846</v>
      </c>
      <c r="AX85" s="95">
        <v>3.6826413896451707E-2</v>
      </c>
      <c r="AY85" s="94">
        <v>0.1190777533924528</v>
      </c>
      <c r="AZ85" s="95">
        <v>3.5802264566090404E-2</v>
      </c>
      <c r="BA85" s="94">
        <v>0.75113784533268413</v>
      </c>
      <c r="BB85" s="95">
        <v>4.7220211272559633E-2</v>
      </c>
      <c r="BC85" s="94">
        <v>2.1618695638251865E-3</v>
      </c>
      <c r="BD85" s="95">
        <v>9.7231420971639632E-3</v>
      </c>
    </row>
    <row r="86" spans="1:56">
      <c r="A86" s="55" t="s">
        <v>633</v>
      </c>
      <c r="B86" s="98">
        <v>662</v>
      </c>
      <c r="C86" s="99">
        <v>5.8859559747159818</v>
      </c>
      <c r="D86" s="100">
        <v>9.4170188852252187E-2</v>
      </c>
      <c r="E86" s="91">
        <v>5.280710699204047E-2</v>
      </c>
      <c r="F86" s="92">
        <v>1.7742482682097563E-2</v>
      </c>
      <c r="G86" s="91">
        <v>7.0746920364739271E-2</v>
      </c>
      <c r="H86" s="92">
        <v>2.0201456675988622E-2</v>
      </c>
      <c r="I86" s="91">
        <v>0.87407677843843457</v>
      </c>
      <c r="J86" s="92">
        <v>2.590609030799973E-2</v>
      </c>
      <c r="K86" s="91">
        <v>2.3691942047860143E-3</v>
      </c>
      <c r="L86" s="92">
        <v>5.6575230916015322E-3</v>
      </c>
      <c r="M86" s="90">
        <v>662</v>
      </c>
      <c r="N86" s="99">
        <v>5.2886851936916459</v>
      </c>
      <c r="O86" s="100">
        <v>9.6360174461148751E-2</v>
      </c>
      <c r="P86" s="97">
        <v>8.9967409548766017E-2</v>
      </c>
      <c r="Q86" s="92">
        <v>2.244603141490871E-2</v>
      </c>
      <c r="R86" s="91">
        <v>0.14329882395190804</v>
      </c>
      <c r="S86" s="92">
        <v>2.7321689285349875E-2</v>
      </c>
      <c r="T86" s="91">
        <v>0.74189949420349588</v>
      </c>
      <c r="U86" s="92">
        <v>3.3974501231775645E-2</v>
      </c>
      <c r="V86" s="91">
        <v>2.4834272295829959E-2</v>
      </c>
      <c r="W86" s="92">
        <v>1.2715762721081585E-2</v>
      </c>
      <c r="X86" s="98">
        <v>657</v>
      </c>
      <c r="Y86" s="99">
        <v>5.8481581496493176</v>
      </c>
      <c r="Z86" s="100">
        <v>0.10202694351830591</v>
      </c>
      <c r="AA86" s="91">
        <v>5.51320413233954E-2</v>
      </c>
      <c r="AB86" s="92">
        <v>1.8157239192007707E-2</v>
      </c>
      <c r="AC86" s="91">
        <v>9.6804352147286984E-2</v>
      </c>
      <c r="AD86" s="92">
        <v>2.3258703067739989E-2</v>
      </c>
      <c r="AE86" s="91">
        <v>0.8437071103827738</v>
      </c>
      <c r="AF86" s="92">
        <v>2.8400727032222718E-2</v>
      </c>
      <c r="AG86" s="91">
        <v>4.3564961465439112E-3</v>
      </c>
      <c r="AH86" s="92">
        <v>6.6472580939474285E-3</v>
      </c>
      <c r="AI86" s="90">
        <v>655</v>
      </c>
      <c r="AJ86" s="99">
        <v>5.2416944266424288</v>
      </c>
      <c r="AK86" s="100">
        <v>0.11918953415350823</v>
      </c>
      <c r="AL86" s="97">
        <v>0.13409197680309115</v>
      </c>
      <c r="AM86" s="92">
        <v>2.6732161273244098E-2</v>
      </c>
      <c r="AN86" s="91">
        <v>0.15232963081171896</v>
      </c>
      <c r="AO86" s="92">
        <v>2.8153948348744635E-2</v>
      </c>
      <c r="AP86" s="91">
        <v>0.69204858397002955</v>
      </c>
      <c r="AQ86" s="92">
        <v>3.6004022998065245E-2</v>
      </c>
      <c r="AR86" s="91">
        <v>2.1529808415159519E-2</v>
      </c>
      <c r="AS86" s="92">
        <v>1.2028546309753932E-2</v>
      </c>
      <c r="AT86" s="98">
        <v>654</v>
      </c>
      <c r="AU86" s="99">
        <v>5.6207776794824102</v>
      </c>
      <c r="AV86" s="100">
        <v>0.10087248036638781</v>
      </c>
      <c r="AW86" s="91">
        <v>6.7600851864990819E-2</v>
      </c>
      <c r="AX86" s="92">
        <v>1.9923447252753978E-2</v>
      </c>
      <c r="AY86" s="91">
        <v>9.7528644876029413E-2</v>
      </c>
      <c r="AZ86" s="92">
        <v>2.3387865140208953E-2</v>
      </c>
      <c r="BA86" s="91">
        <v>0.81863700006934503</v>
      </c>
      <c r="BB86" s="92">
        <v>3.0166822078158472E-2</v>
      </c>
      <c r="BC86" s="91">
        <v>1.6233503189634263E-2</v>
      </c>
      <c r="BD86" s="92">
        <v>1.0692348175317426E-2</v>
      </c>
    </row>
    <row r="87" spans="1:56">
      <c r="A87" s="47" t="s">
        <v>634</v>
      </c>
      <c r="B87" s="102">
        <v>605</v>
      </c>
      <c r="C87" s="103">
        <v>5.7933388171820814</v>
      </c>
      <c r="D87" s="104">
        <v>0.1069161736945613</v>
      </c>
      <c r="E87" s="94">
        <v>6.5304676074850979E-2</v>
      </c>
      <c r="F87" s="95">
        <v>2.0424727763479998E-2</v>
      </c>
      <c r="G87" s="94">
        <v>9.4365256664059635E-2</v>
      </c>
      <c r="H87" s="95">
        <v>2.3988885725874803E-2</v>
      </c>
      <c r="I87" s="94">
        <v>0.83358644476452337</v>
      </c>
      <c r="J87" s="95">
        <v>3.0343094299194406E-2</v>
      </c>
      <c r="K87" s="94">
        <v>6.7436224965669953E-3</v>
      </c>
      <c r="L87" s="95">
        <v>8.0571576152633738E-3</v>
      </c>
      <c r="M87" s="93">
        <v>609</v>
      </c>
      <c r="N87" s="103">
        <v>5.1776439785261692</v>
      </c>
      <c r="O87" s="104">
        <v>0.10877451535317272</v>
      </c>
      <c r="P87" s="94">
        <v>0.11231088633285273</v>
      </c>
      <c r="Q87" s="95">
        <v>2.5754809410526283E-2</v>
      </c>
      <c r="R87" s="94">
        <v>0.14469263106053323</v>
      </c>
      <c r="S87" s="95">
        <v>2.8605301383934717E-2</v>
      </c>
      <c r="T87" s="94">
        <v>0.72691074990309668</v>
      </c>
      <c r="U87" s="95">
        <v>3.6051555742816287E-2</v>
      </c>
      <c r="V87" s="94">
        <v>1.6085732703518024E-2</v>
      </c>
      <c r="W87" s="95">
        <v>1.109740429711837E-2</v>
      </c>
      <c r="X87" s="102">
        <v>605</v>
      </c>
      <c r="Y87" s="103">
        <v>5.7650754470200738</v>
      </c>
      <c r="Z87" s="104">
        <v>0.11128532865088422</v>
      </c>
      <c r="AA87" s="94">
        <v>7.9605101249247343E-2</v>
      </c>
      <c r="AB87" s="95">
        <v>2.228080321689203E-2</v>
      </c>
      <c r="AC87" s="94">
        <v>7.2981937845603237E-2</v>
      </c>
      <c r="AD87" s="95">
        <v>2.1448841220100285E-2</v>
      </c>
      <c r="AE87" s="94">
        <v>0.84385833097241691</v>
      </c>
      <c r="AF87" s="95">
        <v>2.959047944512842E-2</v>
      </c>
      <c r="AG87" s="94">
        <v>3.5546299327339219E-3</v>
      </c>
      <c r="AH87" s="95">
        <v>6.6677695955113239E-3</v>
      </c>
      <c r="AI87" s="93">
        <v>607</v>
      </c>
      <c r="AJ87" s="103">
        <v>5.0556267832166624</v>
      </c>
      <c r="AK87" s="104">
        <v>0.12514833937105721</v>
      </c>
      <c r="AL87" s="94">
        <v>0.15574182317652466</v>
      </c>
      <c r="AM87" s="95">
        <v>2.9511346257039561E-2</v>
      </c>
      <c r="AN87" s="94">
        <v>0.1777914502413597</v>
      </c>
      <c r="AO87" s="95">
        <v>3.1078436715749381E-2</v>
      </c>
      <c r="AP87" s="94">
        <v>0.65113655588006436</v>
      </c>
      <c r="AQ87" s="95">
        <v>3.8588503736367658E-2</v>
      </c>
      <c r="AR87" s="94">
        <v>1.5330170702051938E-2</v>
      </c>
      <c r="AS87" s="95">
        <v>1.0903764736623026E-2</v>
      </c>
      <c r="AT87" s="102">
        <v>605</v>
      </c>
      <c r="AU87" s="103">
        <v>5.4171176275423623</v>
      </c>
      <c r="AV87" s="104">
        <v>0.11386492810006743</v>
      </c>
      <c r="AW87" s="94">
        <v>0.10521296912175063</v>
      </c>
      <c r="AX87" s="95">
        <v>2.5134626867857526E-2</v>
      </c>
      <c r="AY87" s="94">
        <v>0.12261965057824289</v>
      </c>
      <c r="AZ87" s="95">
        <v>2.6811847583766119E-2</v>
      </c>
      <c r="BA87" s="94">
        <v>0.76695358264198943</v>
      </c>
      <c r="BB87" s="95">
        <v>3.4352452884112809E-2</v>
      </c>
      <c r="BC87" s="94">
        <v>5.2137976580184124E-3</v>
      </c>
      <c r="BD87" s="95">
        <v>7.4242720847459767E-3</v>
      </c>
    </row>
    <row r="88" spans="1:56">
      <c r="A88" s="55" t="s">
        <v>635</v>
      </c>
      <c r="B88" s="98">
        <v>226</v>
      </c>
      <c r="C88" s="99">
        <v>5.8324484774417451</v>
      </c>
      <c r="D88" s="100">
        <v>0.17755043241113974</v>
      </c>
      <c r="E88" s="91">
        <v>6.5874811057014274E-2</v>
      </c>
      <c r="F88" s="92">
        <v>3.4397575996921205E-2</v>
      </c>
      <c r="G88" s="91">
        <v>7.3554927524409605E-2</v>
      </c>
      <c r="H88" s="92">
        <v>3.5974629187922207E-2</v>
      </c>
      <c r="I88" s="91">
        <v>0.85783393490664595</v>
      </c>
      <c r="J88" s="92">
        <v>4.6880030105035719E-2</v>
      </c>
      <c r="K88" s="91">
        <v>2.736326511929431E-3</v>
      </c>
      <c r="L88" s="92">
        <v>1.399054715275808E-2</v>
      </c>
      <c r="M88" s="90">
        <v>227</v>
      </c>
      <c r="N88" s="99">
        <v>5.0777966595972064</v>
      </c>
      <c r="O88" s="100">
        <v>0.18028411348343651</v>
      </c>
      <c r="P88" s="97">
        <v>0.13147558071126983</v>
      </c>
      <c r="Q88" s="92">
        <v>4.5365741338786146E-2</v>
      </c>
      <c r="R88" s="91">
        <v>0.14955066028029274</v>
      </c>
      <c r="S88" s="92">
        <v>4.7700682796206255E-2</v>
      </c>
      <c r="T88" s="91">
        <v>0.7040570161580807</v>
      </c>
      <c r="U88" s="92">
        <v>6.0272153528109301E-2</v>
      </c>
      <c r="V88" s="91">
        <v>1.4916742850356124E-2</v>
      </c>
      <c r="W88" s="92">
        <v>1.9857848047221228E-2</v>
      </c>
      <c r="X88" s="98">
        <v>227</v>
      </c>
      <c r="Y88" s="99">
        <v>5.7699127839021394</v>
      </c>
      <c r="Z88" s="100">
        <v>0.18855913581151096</v>
      </c>
      <c r="AA88" s="91">
        <v>9.0039776068635113E-2</v>
      </c>
      <c r="AB88" s="92">
        <v>3.8970015385452479E-2</v>
      </c>
      <c r="AC88" s="91">
        <v>5.2815496345677407E-2</v>
      </c>
      <c r="AD88" s="92">
        <v>3.1386865318523673E-2</v>
      </c>
      <c r="AE88" s="91">
        <v>0.85442817654769376</v>
      </c>
      <c r="AF88" s="92">
        <v>4.7206547068949535E-2</v>
      </c>
      <c r="AG88" s="91">
        <v>2.7165510379928105E-3</v>
      </c>
      <c r="AH88" s="92">
        <v>1.3925719545219145E-2</v>
      </c>
      <c r="AI88" s="90">
        <v>226</v>
      </c>
      <c r="AJ88" s="99">
        <v>5.0698717947302434</v>
      </c>
      <c r="AK88" s="100">
        <v>0.21246213386104121</v>
      </c>
      <c r="AL88" s="97">
        <v>0.15571529442661758</v>
      </c>
      <c r="AM88" s="92">
        <v>4.85538770873871E-2</v>
      </c>
      <c r="AN88" s="91">
        <v>0.16025312166724892</v>
      </c>
      <c r="AO88" s="92">
        <v>4.9087682247793002E-2</v>
      </c>
      <c r="AP88" s="91">
        <v>0.66912299624482952</v>
      </c>
      <c r="AQ88" s="92">
        <v>6.2189560664020989E-2</v>
      </c>
      <c r="AR88" s="91">
        <v>1.4908587661303412E-2</v>
      </c>
      <c r="AS88" s="92">
        <v>1.9912841777443239E-2</v>
      </c>
      <c r="AT88" s="98">
        <v>227</v>
      </c>
      <c r="AU88" s="99">
        <v>5.3998715292619561</v>
      </c>
      <c r="AV88" s="100">
        <v>0.18894433118186302</v>
      </c>
      <c r="AW88" s="91">
        <v>0.11183338049990571</v>
      </c>
      <c r="AX88" s="92">
        <v>4.2538420776957256E-2</v>
      </c>
      <c r="AY88" s="91">
        <v>0.1177959170554836</v>
      </c>
      <c r="AZ88" s="92">
        <v>4.343184619353184E-2</v>
      </c>
      <c r="BA88" s="91">
        <v>0.76765415140661697</v>
      </c>
      <c r="BB88" s="92">
        <v>5.5956193478845839E-2</v>
      </c>
      <c r="BC88" s="91">
        <v>2.7165510379928105E-3</v>
      </c>
      <c r="BD88" s="92">
        <v>1.3925719545219145E-2</v>
      </c>
    </row>
    <row r="89" spans="1:56">
      <c r="A89" s="47" t="s">
        <v>636</v>
      </c>
      <c r="B89" s="102">
        <v>379</v>
      </c>
      <c r="C89" s="103">
        <v>5.7596535306346119</v>
      </c>
      <c r="D89" s="104">
        <v>0.1339819445324299</v>
      </c>
      <c r="E89" s="94">
        <v>6.4817276921850075E-2</v>
      </c>
      <c r="F89" s="95">
        <v>2.5964656078459502E-2</v>
      </c>
      <c r="G89" s="94">
        <v>0.11215566966038232</v>
      </c>
      <c r="H89" s="95">
        <v>3.2750718818483279E-2</v>
      </c>
      <c r="I89" s="94">
        <v>0.81285765855177861</v>
      </c>
      <c r="J89" s="95">
        <v>4.012433656962483E-2</v>
      </c>
      <c r="K89" s="94">
        <v>1.0169394865989835E-2</v>
      </c>
      <c r="L89" s="95">
        <v>1.2537769292261091E-2</v>
      </c>
      <c r="M89" s="93">
        <v>382</v>
      </c>
      <c r="N89" s="103">
        <v>5.2625939127971835</v>
      </c>
      <c r="O89" s="104">
        <v>0.13594181733973107</v>
      </c>
      <c r="P89" s="94">
        <v>9.6041371584676863E-2</v>
      </c>
      <c r="Q89" s="95">
        <v>3.0570046185578542E-2</v>
      </c>
      <c r="R89" s="94">
        <v>0.14056849652035719</v>
      </c>
      <c r="S89" s="95">
        <v>3.5770230316587458E-2</v>
      </c>
      <c r="T89" s="94">
        <v>0.74631200675977494</v>
      </c>
      <c r="U89" s="95">
        <v>4.4440247060884897E-2</v>
      </c>
      <c r="V89" s="94">
        <v>1.7078125135191982E-2</v>
      </c>
      <c r="W89" s="95">
        <v>1.495930930851035E-2</v>
      </c>
      <c r="X89" s="102">
        <v>378</v>
      </c>
      <c r="Y89" s="103">
        <v>5.7608853378424607</v>
      </c>
      <c r="Z89" s="104">
        <v>0.13766098051393699</v>
      </c>
      <c r="AA89" s="94">
        <v>7.0580733407720905E-2</v>
      </c>
      <c r="AB89" s="95">
        <v>2.69653012882159E-2</v>
      </c>
      <c r="AC89" s="94">
        <v>9.0422767512074037E-2</v>
      </c>
      <c r="AD89" s="95">
        <v>2.996354846672299E-2</v>
      </c>
      <c r="AE89" s="94">
        <v>0.83471706148865421</v>
      </c>
      <c r="AF89" s="95">
        <v>3.8328764903747044E-2</v>
      </c>
      <c r="AG89" s="94">
        <v>4.2794375915515461E-3</v>
      </c>
      <c r="AH89" s="95">
        <v>9.9108822664194622E-3</v>
      </c>
      <c r="AI89" s="93">
        <v>381</v>
      </c>
      <c r="AJ89" s="103">
        <v>5.0434412598339247</v>
      </c>
      <c r="AK89" s="104">
        <v>0.15466610268758468</v>
      </c>
      <c r="AL89" s="94">
        <v>0.15576449849025756</v>
      </c>
      <c r="AM89" s="95">
        <v>3.7305537504719946E-2</v>
      </c>
      <c r="AN89" s="94">
        <v>0.19278224717530143</v>
      </c>
      <c r="AO89" s="95">
        <v>4.0460757226138566E-2</v>
      </c>
      <c r="AP89" s="94">
        <v>0.63576273767764657</v>
      </c>
      <c r="AQ89" s="95">
        <v>4.9090373286344739E-2</v>
      </c>
      <c r="AR89" s="94">
        <v>1.5690516656796112E-2</v>
      </c>
      <c r="AS89" s="95">
        <v>1.4520165873087505E-2</v>
      </c>
      <c r="AT89" s="102">
        <v>378</v>
      </c>
      <c r="AU89" s="103">
        <v>5.4320834026093214</v>
      </c>
      <c r="AV89" s="104">
        <v>0.14269947686216333</v>
      </c>
      <c r="AW89" s="94">
        <v>9.9494736809697726E-2</v>
      </c>
      <c r="AX89" s="95">
        <v>3.1195583366274423E-2</v>
      </c>
      <c r="AY89" s="94">
        <v>0.1267860425619175</v>
      </c>
      <c r="AZ89" s="95">
        <v>3.4491536175778444E-2</v>
      </c>
      <c r="BA89" s="94">
        <v>0.76634848203450434</v>
      </c>
      <c r="BB89" s="95">
        <v>4.3479115021430946E-2</v>
      </c>
      <c r="BC89" s="94">
        <v>7.3707385938812887E-3</v>
      </c>
      <c r="BD89" s="95">
        <v>1.138207478601436E-2</v>
      </c>
    </row>
    <row r="91" spans="1:56" ht="21" customHeight="1">
      <c r="A91" s="291" t="s">
        <v>33</v>
      </c>
      <c r="B91" s="291"/>
      <c r="C91" s="291"/>
      <c r="D91" s="291"/>
      <c r="E91" s="291"/>
      <c r="F91" s="291"/>
      <c r="G91" s="291"/>
      <c r="H91" s="291"/>
      <c r="I91" s="291"/>
      <c r="J91" s="291"/>
      <c r="K91" s="291"/>
      <c r="L91" s="291"/>
      <c r="M91" s="291"/>
      <c r="N91" s="291"/>
      <c r="O91" s="291"/>
      <c r="P91" s="291"/>
      <c r="Q91" s="291"/>
      <c r="R91" s="291"/>
      <c r="S91" s="291"/>
      <c r="T91" s="291"/>
      <c r="U91" s="291"/>
      <c r="V91" s="291"/>
      <c r="W91" s="291"/>
      <c r="X91" s="291"/>
      <c r="Y91" s="291"/>
      <c r="Z91" s="291"/>
      <c r="AA91" s="291"/>
      <c r="AB91" s="291"/>
      <c r="AC91" s="291"/>
      <c r="AD91" s="291"/>
      <c r="AE91" s="291"/>
      <c r="AF91" s="291"/>
      <c r="AG91" s="291"/>
      <c r="AH91" s="291"/>
      <c r="AI91" s="291"/>
      <c r="AJ91" s="291"/>
      <c r="AK91" s="291"/>
      <c r="AL91" s="291"/>
      <c r="AM91" s="291"/>
      <c r="AN91" s="291"/>
      <c r="AO91" s="291"/>
      <c r="AP91" s="291"/>
      <c r="AQ91" s="291"/>
      <c r="AR91" s="291"/>
      <c r="AS91" s="291"/>
    </row>
    <row r="92" spans="1:56" ht="73.5" customHeight="1">
      <c r="A92" s="374" t="s">
        <v>611</v>
      </c>
      <c r="B92" s="374"/>
      <c r="C92" s="374"/>
      <c r="D92" s="374"/>
      <c r="E92" s="374"/>
      <c r="F92" s="374"/>
      <c r="G92" s="374"/>
      <c r="H92" s="374"/>
      <c r="I92" s="374"/>
      <c r="J92" s="374"/>
      <c r="K92" s="374"/>
      <c r="L92" s="374"/>
      <c r="M92" s="374"/>
      <c r="N92" s="374"/>
      <c r="O92" s="374"/>
      <c r="P92" s="374"/>
      <c r="Q92" s="374"/>
      <c r="R92" s="374"/>
      <c r="S92" s="374"/>
      <c r="T92" s="374"/>
      <c r="U92" s="374"/>
      <c r="V92" s="374"/>
      <c r="W92" s="374"/>
      <c r="X92" s="374"/>
      <c r="Y92" s="374"/>
      <c r="Z92" s="374"/>
      <c r="AA92" s="374"/>
      <c r="AB92" s="374"/>
      <c r="AC92" s="374"/>
      <c r="AD92" s="374"/>
      <c r="AE92" s="374"/>
      <c r="AF92" s="374"/>
      <c r="AG92" s="374"/>
      <c r="AH92" s="374"/>
      <c r="AI92" s="374"/>
      <c r="AJ92" s="374"/>
      <c r="AK92" s="374"/>
      <c r="AL92" s="374"/>
      <c r="AM92" s="374"/>
      <c r="AN92" s="374"/>
      <c r="AO92" s="374"/>
      <c r="AP92" s="374"/>
      <c r="AQ92" s="374"/>
      <c r="AR92" s="374"/>
      <c r="AS92" s="374"/>
    </row>
    <row r="93" spans="1:56" ht="37.5" customHeight="1">
      <c r="A93" s="62"/>
      <c r="B93" s="378" t="s">
        <v>88</v>
      </c>
      <c r="C93" s="379"/>
      <c r="D93" s="379"/>
      <c r="E93" s="379"/>
      <c r="F93" s="379"/>
      <c r="G93" s="379"/>
      <c r="H93" s="379"/>
      <c r="I93" s="379"/>
      <c r="J93" s="379"/>
      <c r="K93" s="379"/>
      <c r="L93" s="380"/>
      <c r="M93" s="378" t="s">
        <v>89</v>
      </c>
      <c r="N93" s="379"/>
      <c r="O93" s="379"/>
      <c r="P93" s="379"/>
      <c r="Q93" s="379"/>
      <c r="R93" s="379"/>
      <c r="S93" s="379"/>
      <c r="T93" s="379"/>
      <c r="U93" s="379"/>
      <c r="V93" s="379"/>
      <c r="W93" s="380"/>
      <c r="X93" s="378" t="s">
        <v>90</v>
      </c>
      <c r="Y93" s="379"/>
      <c r="Z93" s="379"/>
      <c r="AA93" s="379"/>
      <c r="AB93" s="379"/>
      <c r="AC93" s="379"/>
      <c r="AD93" s="379"/>
      <c r="AE93" s="379"/>
      <c r="AF93" s="379"/>
      <c r="AG93" s="379"/>
      <c r="AH93" s="380"/>
      <c r="AI93" s="378" t="s">
        <v>527</v>
      </c>
      <c r="AJ93" s="379"/>
      <c r="AK93" s="379"/>
      <c r="AL93" s="379"/>
      <c r="AM93" s="379"/>
      <c r="AN93" s="379"/>
      <c r="AO93" s="379"/>
      <c r="AP93" s="379"/>
      <c r="AQ93" s="379"/>
      <c r="AR93" s="379"/>
      <c r="AS93" s="380"/>
    </row>
    <row r="94" spans="1:56" ht="72">
      <c r="A94" s="35" t="s">
        <v>70</v>
      </c>
      <c r="B94" s="36" t="s">
        <v>71</v>
      </c>
      <c r="C94" s="37" t="s">
        <v>551</v>
      </c>
      <c r="D94" s="38" t="s">
        <v>72</v>
      </c>
      <c r="E94" s="36" t="s">
        <v>161</v>
      </c>
      <c r="F94" s="87" t="s">
        <v>91</v>
      </c>
      <c r="G94" s="36" t="s">
        <v>162</v>
      </c>
      <c r="H94" s="87" t="s">
        <v>92</v>
      </c>
      <c r="I94" s="36" t="s">
        <v>163</v>
      </c>
      <c r="J94" s="87" t="s">
        <v>93</v>
      </c>
      <c r="K94" s="36" t="s">
        <v>300</v>
      </c>
      <c r="L94" s="87" t="s">
        <v>299</v>
      </c>
      <c r="M94" s="63" t="s">
        <v>71</v>
      </c>
      <c r="N94" s="64" t="s">
        <v>551</v>
      </c>
      <c r="O94" s="65" t="s">
        <v>72</v>
      </c>
      <c r="P94" s="63" t="s">
        <v>164</v>
      </c>
      <c r="Q94" s="86" t="s">
        <v>94</v>
      </c>
      <c r="R94" s="63" t="s">
        <v>165</v>
      </c>
      <c r="S94" s="86" t="s">
        <v>95</v>
      </c>
      <c r="T94" s="63" t="s">
        <v>166</v>
      </c>
      <c r="U94" s="86" t="s">
        <v>96</v>
      </c>
      <c r="V94" s="63" t="s">
        <v>300</v>
      </c>
      <c r="W94" s="86" t="s">
        <v>299</v>
      </c>
      <c r="X94" s="36" t="s">
        <v>71</v>
      </c>
      <c r="Y94" s="37" t="s">
        <v>551</v>
      </c>
      <c r="Z94" s="38" t="s">
        <v>72</v>
      </c>
      <c r="AA94" s="36" t="s">
        <v>167</v>
      </c>
      <c r="AB94" s="87" t="s">
        <v>97</v>
      </c>
      <c r="AC94" s="36" t="s">
        <v>168</v>
      </c>
      <c r="AD94" s="87" t="s">
        <v>98</v>
      </c>
      <c r="AE94" s="36" t="s">
        <v>169</v>
      </c>
      <c r="AF94" s="87" t="s">
        <v>99</v>
      </c>
      <c r="AG94" s="36" t="s">
        <v>300</v>
      </c>
      <c r="AH94" s="87" t="s">
        <v>299</v>
      </c>
      <c r="AI94" s="63" t="s">
        <v>71</v>
      </c>
      <c r="AJ94" s="64" t="s">
        <v>551</v>
      </c>
      <c r="AK94" s="65" t="s">
        <v>72</v>
      </c>
      <c r="AL94" s="63" t="s">
        <v>170</v>
      </c>
      <c r="AM94" s="86" t="s">
        <v>100</v>
      </c>
      <c r="AN94" s="63" t="s">
        <v>171</v>
      </c>
      <c r="AO94" s="86" t="s">
        <v>101</v>
      </c>
      <c r="AP94" s="63" t="s">
        <v>172</v>
      </c>
      <c r="AQ94" s="86" t="s">
        <v>102</v>
      </c>
      <c r="AR94" s="63" t="s">
        <v>300</v>
      </c>
      <c r="AS94" s="86" t="s">
        <v>299</v>
      </c>
    </row>
    <row r="95" spans="1:56" ht="93" customHeight="1">
      <c r="A95" s="39"/>
      <c r="B95" s="40" t="s">
        <v>73</v>
      </c>
      <c r="C95" s="41" t="s">
        <v>103</v>
      </c>
      <c r="D95" s="42" t="s">
        <v>75</v>
      </c>
      <c r="E95" s="40" t="s">
        <v>158</v>
      </c>
      <c r="F95" s="89" t="s">
        <v>87</v>
      </c>
      <c r="G95" s="40" t="s">
        <v>159</v>
      </c>
      <c r="H95" s="89" t="s">
        <v>87</v>
      </c>
      <c r="I95" s="40" t="s">
        <v>160</v>
      </c>
      <c r="J95" s="89" t="s">
        <v>87</v>
      </c>
      <c r="K95" s="40" t="s">
        <v>300</v>
      </c>
      <c r="L95" s="89" t="s">
        <v>87</v>
      </c>
      <c r="M95" s="66" t="s">
        <v>73</v>
      </c>
      <c r="N95" s="67" t="s">
        <v>103</v>
      </c>
      <c r="O95" s="68" t="s">
        <v>75</v>
      </c>
      <c r="P95" s="66" t="s">
        <v>158</v>
      </c>
      <c r="Q95" s="88" t="s">
        <v>87</v>
      </c>
      <c r="R95" s="66" t="s">
        <v>159</v>
      </c>
      <c r="S95" s="88" t="s">
        <v>87</v>
      </c>
      <c r="T95" s="66" t="s">
        <v>160</v>
      </c>
      <c r="U95" s="88" t="s">
        <v>87</v>
      </c>
      <c r="V95" s="66" t="s">
        <v>300</v>
      </c>
      <c r="W95" s="88" t="s">
        <v>87</v>
      </c>
      <c r="X95" s="40" t="s">
        <v>73</v>
      </c>
      <c r="Y95" s="41" t="s">
        <v>103</v>
      </c>
      <c r="Z95" s="42" t="s">
        <v>75</v>
      </c>
      <c r="AA95" s="40" t="s">
        <v>158</v>
      </c>
      <c r="AB95" s="89" t="s">
        <v>87</v>
      </c>
      <c r="AC95" s="40" t="s">
        <v>159</v>
      </c>
      <c r="AD95" s="89" t="s">
        <v>87</v>
      </c>
      <c r="AE95" s="40" t="s">
        <v>160</v>
      </c>
      <c r="AF95" s="89" t="s">
        <v>87</v>
      </c>
      <c r="AG95" s="40" t="s">
        <v>300</v>
      </c>
      <c r="AH95" s="89" t="s">
        <v>87</v>
      </c>
      <c r="AI95" s="66" t="s">
        <v>73</v>
      </c>
      <c r="AJ95" s="67" t="s">
        <v>103</v>
      </c>
      <c r="AK95" s="68" t="s">
        <v>75</v>
      </c>
      <c r="AL95" s="66" t="s">
        <v>158</v>
      </c>
      <c r="AM95" s="88" t="s">
        <v>87</v>
      </c>
      <c r="AN95" s="66" t="s">
        <v>159</v>
      </c>
      <c r="AO95" s="88" t="s">
        <v>87</v>
      </c>
      <c r="AP95" s="66" t="s">
        <v>160</v>
      </c>
      <c r="AQ95" s="88" t="s">
        <v>87</v>
      </c>
      <c r="AR95" s="66" t="s">
        <v>300</v>
      </c>
      <c r="AS95" s="88" t="s">
        <v>87</v>
      </c>
    </row>
    <row r="96" spans="1:56">
      <c r="A96" s="43" t="s">
        <v>348</v>
      </c>
      <c r="B96" s="98">
        <v>9587</v>
      </c>
      <c r="C96" s="99">
        <v>4.7645673363610266</v>
      </c>
      <c r="D96" s="100">
        <v>3.2470281938239864E-2</v>
      </c>
      <c r="E96" s="101">
        <v>0.19260779367091921</v>
      </c>
      <c r="F96" s="92">
        <v>8.0554027415301651E-3</v>
      </c>
      <c r="G96" s="101">
        <v>0.1910011506598602</v>
      </c>
      <c r="H96" s="92">
        <v>8.0297470112099534E-3</v>
      </c>
      <c r="I96" s="101">
        <v>0.59332223383235894</v>
      </c>
      <c r="J96" s="92">
        <v>1.0031713314593604E-2</v>
      </c>
      <c r="K96" s="91">
        <v>2.3068821836876016E-2</v>
      </c>
      <c r="L96" s="92">
        <v>3.0786677539269953E-3</v>
      </c>
      <c r="M96" s="98">
        <v>9525</v>
      </c>
      <c r="N96" s="99">
        <v>4.8634041288784955</v>
      </c>
      <c r="O96" s="100">
        <v>2.8981977849818125E-2</v>
      </c>
      <c r="P96" s="101">
        <v>0.15211679045525403</v>
      </c>
      <c r="Q96" s="92">
        <v>7.3609502787117158E-3</v>
      </c>
      <c r="R96" s="101">
        <v>0.2139504044151809</v>
      </c>
      <c r="S96" s="92">
        <v>8.4038157902556615E-3</v>
      </c>
      <c r="T96" s="101">
        <v>0.61699650465571054</v>
      </c>
      <c r="U96" s="92">
        <v>9.9600062311628133E-3</v>
      </c>
      <c r="V96" s="91">
        <v>1.6936300473869743E-2</v>
      </c>
      <c r="W96" s="92">
        <v>2.6591698489265765E-3</v>
      </c>
      <c r="X96" s="98">
        <v>9532</v>
      </c>
      <c r="Y96" s="99">
        <v>4.5434250236800198</v>
      </c>
      <c r="Z96" s="100">
        <v>3.2096927325012257E-2</v>
      </c>
      <c r="AA96" s="101">
        <v>0.21102858220833592</v>
      </c>
      <c r="AB96" s="92">
        <v>8.3587142342470694E-3</v>
      </c>
      <c r="AC96" s="101">
        <v>0.22363503398901788</v>
      </c>
      <c r="AD96" s="92">
        <v>8.5355176633382865E-3</v>
      </c>
      <c r="AE96" s="101">
        <v>0.51770555079985736</v>
      </c>
      <c r="AF96" s="92">
        <v>1.0233981926751921E-2</v>
      </c>
      <c r="AG96" s="91">
        <v>4.7630833002804358E-2</v>
      </c>
      <c r="AH96" s="92">
        <v>4.3703247696647738E-3</v>
      </c>
      <c r="AI96" s="98">
        <v>9523</v>
      </c>
      <c r="AJ96" s="99">
        <v>5.0396573548051702</v>
      </c>
      <c r="AK96" s="100">
        <v>2.9709827966179159E-2</v>
      </c>
      <c r="AL96" s="101">
        <v>0.13259713198835449</v>
      </c>
      <c r="AM96" s="92">
        <v>6.9525361740756355E-3</v>
      </c>
      <c r="AN96" s="101">
        <v>0.18688087604825138</v>
      </c>
      <c r="AO96" s="92">
        <v>7.9896733487732109E-3</v>
      </c>
      <c r="AP96" s="101">
        <v>0.67007233551241685</v>
      </c>
      <c r="AQ96" s="92">
        <v>9.6348725483679353E-3</v>
      </c>
      <c r="AR96" s="91">
        <v>1.0449656450990847E-2</v>
      </c>
      <c r="AS96" s="92">
        <v>2.103810063985888E-3</v>
      </c>
    </row>
    <row r="97" spans="1:45">
      <c r="A97" s="47" t="s">
        <v>349</v>
      </c>
      <c r="B97" s="102">
        <v>7203</v>
      </c>
      <c r="C97" s="103">
        <v>4.7479309104914273</v>
      </c>
      <c r="D97" s="104">
        <v>3.7710878836364599E-2</v>
      </c>
      <c r="E97" s="105">
        <v>0.19515814002687937</v>
      </c>
      <c r="F97" s="95">
        <v>9.3399353216683054E-3</v>
      </c>
      <c r="G97" s="105">
        <v>0.19035355791910077</v>
      </c>
      <c r="H97" s="95">
        <v>9.2518972962617949E-3</v>
      </c>
      <c r="I97" s="105">
        <v>0.5939864969946318</v>
      </c>
      <c r="J97" s="95">
        <v>1.1569646394047898E-2</v>
      </c>
      <c r="K97" s="94">
        <v>2.0501805059392125E-2</v>
      </c>
      <c r="L97" s="95">
        <v>3.3596357772601505E-3</v>
      </c>
      <c r="M97" s="102">
        <v>7153</v>
      </c>
      <c r="N97" s="103">
        <v>4.942380447568687</v>
      </c>
      <c r="O97" s="104">
        <v>3.3352412965629775E-2</v>
      </c>
      <c r="P97" s="105">
        <v>0.14204428375844136</v>
      </c>
      <c r="Q97" s="95">
        <v>8.2577890463465947E-3</v>
      </c>
      <c r="R97" s="105">
        <v>0.20676950433505983</v>
      </c>
      <c r="S97" s="95">
        <v>9.5771128563941522E-3</v>
      </c>
      <c r="T97" s="105">
        <v>0.63794247605367704</v>
      </c>
      <c r="U97" s="95">
        <v>1.1362241746809646E-2</v>
      </c>
      <c r="V97" s="94">
        <v>1.3243735852824789E-2</v>
      </c>
      <c r="W97" s="95">
        <v>2.7297955825830856E-3</v>
      </c>
      <c r="X97" s="102">
        <v>7160</v>
      </c>
      <c r="Y97" s="103">
        <v>4.406807802240631</v>
      </c>
      <c r="Z97" s="104">
        <v>3.768881409209994E-2</v>
      </c>
      <c r="AA97" s="105">
        <v>0.24370743026260969</v>
      </c>
      <c r="AB97" s="95">
        <v>1.0146537980582904E-2</v>
      </c>
      <c r="AC97" s="105">
        <v>0.225137811468125</v>
      </c>
      <c r="AD97" s="95">
        <v>9.8717380005026983E-3</v>
      </c>
      <c r="AE97" s="105">
        <v>0.48723641608191742</v>
      </c>
      <c r="AF97" s="95">
        <v>1.1810840982307648E-2</v>
      </c>
      <c r="AG97" s="94">
        <v>4.3918342187352577E-2</v>
      </c>
      <c r="AH97" s="95">
        <v>4.8553470116026376E-3</v>
      </c>
      <c r="AI97" s="102">
        <v>7151</v>
      </c>
      <c r="AJ97" s="103">
        <v>5.1012093799995002</v>
      </c>
      <c r="AK97" s="104">
        <v>3.4352209260024504E-2</v>
      </c>
      <c r="AL97" s="105">
        <v>0.12875691863748154</v>
      </c>
      <c r="AM97" s="95">
        <v>7.924614397251872E-3</v>
      </c>
      <c r="AN97" s="105">
        <v>0.17678537881662404</v>
      </c>
      <c r="AO97" s="95">
        <v>9.0235837056217814E-3</v>
      </c>
      <c r="AP97" s="105">
        <v>0.68718981784452582</v>
      </c>
      <c r="AQ97" s="95">
        <v>1.0963356522155991E-2</v>
      </c>
      <c r="AR97" s="94">
        <v>7.2678847013721605E-3</v>
      </c>
      <c r="AS97" s="95">
        <v>2.0457990671446584E-3</v>
      </c>
    </row>
    <row r="98" spans="1:45">
      <c r="A98" s="43" t="s">
        <v>350</v>
      </c>
      <c r="B98" s="98">
        <v>2384</v>
      </c>
      <c r="C98" s="99">
        <v>4.7811048007923818</v>
      </c>
      <c r="D98" s="100">
        <v>6.3701856656381756E-2</v>
      </c>
      <c r="E98" s="101">
        <v>0.19008583215813676</v>
      </c>
      <c r="F98" s="92">
        <v>1.6075341035770102E-2</v>
      </c>
      <c r="G98" s="101">
        <v>0.19164153582335763</v>
      </c>
      <c r="H98" s="92">
        <v>1.612520802485078E-2</v>
      </c>
      <c r="I98" s="101">
        <v>0.5926653637857785</v>
      </c>
      <c r="J98" s="92">
        <v>2.0110326896807636E-2</v>
      </c>
      <c r="K98" s="91">
        <v>2.5607268232729699E-2</v>
      </c>
      <c r="L98" s="92">
        <v>6.5617586368503754E-3</v>
      </c>
      <c r="M98" s="98">
        <v>2372</v>
      </c>
      <c r="N98" s="99">
        <v>4.7849602358788701</v>
      </c>
      <c r="O98" s="100">
        <v>5.8225632643737299E-2</v>
      </c>
      <c r="P98" s="101">
        <v>0.1620470442860093</v>
      </c>
      <c r="Q98" s="92">
        <v>1.5140866549873639E-2</v>
      </c>
      <c r="R98" s="101">
        <v>0.22102988946049026</v>
      </c>
      <c r="S98" s="92">
        <v>1.7038157395403375E-2</v>
      </c>
      <c r="T98" s="101">
        <v>0.59634635082859999</v>
      </c>
      <c r="U98" s="92">
        <v>2.0132081077849626E-2</v>
      </c>
      <c r="V98" s="91">
        <v>2.0576715424902456E-2</v>
      </c>
      <c r="W98" s="92">
        <v>5.9354776152824619E-3</v>
      </c>
      <c r="X98" s="98">
        <v>2372</v>
      </c>
      <c r="Y98" s="99">
        <v>4.6795675511580068</v>
      </c>
      <c r="Z98" s="100">
        <v>6.0088393487999082E-2</v>
      </c>
      <c r="AA98" s="101">
        <v>0.17871477233453401</v>
      </c>
      <c r="AB98" s="92">
        <v>1.5737913760833624E-2</v>
      </c>
      <c r="AC98" s="101">
        <v>0.22214904324472934</v>
      </c>
      <c r="AD98" s="92">
        <v>1.706881317262236E-2</v>
      </c>
      <c r="AE98" s="101">
        <v>0.54783433087983369</v>
      </c>
      <c r="AF98" s="92">
        <v>2.0421467150458297E-2</v>
      </c>
      <c r="AG98" s="91">
        <v>5.1301853540904302E-2</v>
      </c>
      <c r="AH98" s="92">
        <v>9.1146163776364073E-3</v>
      </c>
      <c r="AI98" s="98">
        <v>2372</v>
      </c>
      <c r="AJ98" s="99">
        <v>4.9785221347237956</v>
      </c>
      <c r="AK98" s="100">
        <v>5.9095460341213164E-2</v>
      </c>
      <c r="AL98" s="101">
        <v>0.13638705150860969</v>
      </c>
      <c r="AM98" s="92">
        <v>1.4108192763953682E-2</v>
      </c>
      <c r="AN98" s="101">
        <v>0.19684415634780802</v>
      </c>
      <c r="AO98" s="92">
        <v>1.6330226114806935E-2</v>
      </c>
      <c r="AP98" s="101">
        <v>0.65317903441146385</v>
      </c>
      <c r="AQ98" s="92">
        <v>1.9532202524649853E-2</v>
      </c>
      <c r="AR98" s="91">
        <v>1.35897577321204E-2</v>
      </c>
      <c r="AS98" s="92">
        <v>4.8895238745895594E-3</v>
      </c>
    </row>
    <row r="99" spans="1:45">
      <c r="A99" s="47" t="s">
        <v>568</v>
      </c>
      <c r="B99" s="102">
        <v>8648</v>
      </c>
      <c r="C99" s="103">
        <v>4.7651943460903805</v>
      </c>
      <c r="D99" s="104">
        <v>3.4094895093826211E-2</v>
      </c>
      <c r="E99" s="105">
        <v>0.19249702082642348</v>
      </c>
      <c r="F99" s="95">
        <v>8.4796492922466944E-3</v>
      </c>
      <c r="G99" s="105">
        <v>0.19094259335998165</v>
      </c>
      <c r="H99" s="95">
        <v>8.4535066191012941E-3</v>
      </c>
      <c r="I99" s="105">
        <v>0.59342464764495295</v>
      </c>
      <c r="J99" s="95">
        <v>1.0561663238407638E-2</v>
      </c>
      <c r="K99" s="94">
        <v>2.3135738168656238E-2</v>
      </c>
      <c r="L99" s="95">
        <v>3.2474386412039181E-3</v>
      </c>
      <c r="M99" s="102">
        <v>8590</v>
      </c>
      <c r="N99" s="103">
        <v>4.863333117390634</v>
      </c>
      <c r="O99" s="104">
        <v>3.0571358536563183E-2</v>
      </c>
      <c r="P99" s="105">
        <v>0.15218299479024081</v>
      </c>
      <c r="Q99" s="95">
        <v>7.7527512719608137E-3</v>
      </c>
      <c r="R99" s="105">
        <v>0.21384815658752954</v>
      </c>
      <c r="S99" s="95">
        <v>8.8478286438400302E-3</v>
      </c>
      <c r="T99" s="105">
        <v>0.61697479012038314</v>
      </c>
      <c r="U99" s="95">
        <v>1.0487969389511971E-2</v>
      </c>
      <c r="V99" s="94">
        <v>1.6994058501861323E-2</v>
      </c>
      <c r="W99" s="95">
        <v>2.806487034266494E-3</v>
      </c>
      <c r="X99" s="102">
        <v>8601</v>
      </c>
      <c r="Y99" s="103">
        <v>4.5445353061180604</v>
      </c>
      <c r="Z99" s="104">
        <v>3.3552845234631173E-2</v>
      </c>
      <c r="AA99" s="105">
        <v>0.21065257020383751</v>
      </c>
      <c r="AB99" s="95">
        <v>8.7937403756796449E-3</v>
      </c>
      <c r="AC99" s="105">
        <v>0.22376983258552194</v>
      </c>
      <c r="AD99" s="95">
        <v>8.9875067659137362E-3</v>
      </c>
      <c r="AE99" s="105">
        <v>0.51778606441959762</v>
      </c>
      <c r="AF99" s="95">
        <v>1.0773327727757201E-2</v>
      </c>
      <c r="AG99" s="94">
        <v>4.7791532791058106E-2</v>
      </c>
      <c r="AH99" s="95">
        <v>4.6089407614305668E-3</v>
      </c>
      <c r="AI99" s="102">
        <v>8591</v>
      </c>
      <c r="AJ99" s="103">
        <v>5.0405821341376127</v>
      </c>
      <c r="AK99" s="104">
        <v>3.0991780757575183E-2</v>
      </c>
      <c r="AL99" s="105">
        <v>0.13240319309730478</v>
      </c>
      <c r="AM99" s="95">
        <v>7.3156483989974194E-3</v>
      </c>
      <c r="AN99" s="105">
        <v>0.18670709497624202</v>
      </c>
      <c r="AO99" s="95">
        <v>8.4089454049755957E-3</v>
      </c>
      <c r="AP99" s="105">
        <v>0.67044454608137527</v>
      </c>
      <c r="AQ99" s="95">
        <v>1.0140965497403882E-2</v>
      </c>
      <c r="AR99" s="94">
        <v>1.0445165845091069E-2</v>
      </c>
      <c r="AS99" s="95">
        <v>2.2167678033276467E-3</v>
      </c>
    </row>
    <row r="100" spans="1:45">
      <c r="A100" s="43" t="s">
        <v>569</v>
      </c>
      <c r="B100" s="98">
        <v>939</v>
      </c>
      <c r="C100" s="99">
        <v>4.6273646179778805</v>
      </c>
      <c r="D100" s="100">
        <v>0.10504806585791693</v>
      </c>
      <c r="E100" s="101">
        <v>0.21721773739233882</v>
      </c>
      <c r="F100" s="92">
        <v>2.6909466702677631E-2</v>
      </c>
      <c r="G100" s="101">
        <v>0.20401058326084826</v>
      </c>
      <c r="H100" s="92">
        <v>2.6305322982251158E-2</v>
      </c>
      <c r="I100" s="101">
        <v>0.57056938158136061</v>
      </c>
      <c r="J100" s="92">
        <v>3.2241277643111535E-2</v>
      </c>
      <c r="K100" s="91">
        <v>8.2022977654530524E-3</v>
      </c>
      <c r="L100" s="92">
        <v>6.5720721138339613E-3</v>
      </c>
      <c r="M100" s="98">
        <v>935</v>
      </c>
      <c r="N100" s="99">
        <v>4.8789370218397012</v>
      </c>
      <c r="O100" s="100">
        <v>9.0873118055048635E-2</v>
      </c>
      <c r="P100" s="101">
        <v>0.13744599940084254</v>
      </c>
      <c r="Q100" s="92">
        <v>2.2578424398120741E-2</v>
      </c>
      <c r="R100" s="101">
        <v>0.2366083846748403</v>
      </c>
      <c r="S100" s="92">
        <v>2.7783941516512208E-2</v>
      </c>
      <c r="T100" s="101">
        <v>0.62180841630308981</v>
      </c>
      <c r="U100" s="92">
        <v>3.165904956968895E-2</v>
      </c>
      <c r="V100" s="91">
        <v>4.1371996212275783E-3</v>
      </c>
      <c r="W100" s="92">
        <v>5.1434977945402282E-3</v>
      </c>
      <c r="X100" s="98">
        <v>931</v>
      </c>
      <c r="Y100" s="99">
        <v>4.3049260812752248</v>
      </c>
      <c r="Z100" s="100">
        <v>0.10626012047253287</v>
      </c>
      <c r="AA100" s="101">
        <v>0.29485186330806668</v>
      </c>
      <c r="AB100" s="92">
        <v>2.9849788921291167E-2</v>
      </c>
      <c r="AC100" s="101">
        <v>0.19358476827553217</v>
      </c>
      <c r="AD100" s="92">
        <v>2.5909040959971305E-2</v>
      </c>
      <c r="AE100" s="101">
        <v>0.4997568797491897</v>
      </c>
      <c r="AF100" s="92">
        <v>3.270349317535283E-2</v>
      </c>
      <c r="AG100" s="91">
        <v>1.1806488667211854E-2</v>
      </c>
      <c r="AH100" s="92">
        <v>7.6562359495433397E-3</v>
      </c>
      <c r="AI100" s="98">
        <v>932</v>
      </c>
      <c r="AJ100" s="99">
        <v>4.8340836660896809</v>
      </c>
      <c r="AK100" s="100">
        <v>0.10071488580990988</v>
      </c>
      <c r="AL100" s="101">
        <v>0.17566510832784668</v>
      </c>
      <c r="AM100" s="92">
        <v>2.4953293415320349E-2</v>
      </c>
      <c r="AN100" s="101">
        <v>0.22547240896378937</v>
      </c>
      <c r="AO100" s="92">
        <v>2.736875238598116E-2</v>
      </c>
      <c r="AP100" s="101">
        <v>0.58741559817385414</v>
      </c>
      <c r="AQ100" s="92">
        <v>3.218693300014696E-2</v>
      </c>
      <c r="AR100" s="91">
        <v>1.1446884534510123E-2</v>
      </c>
      <c r="AS100" s="92">
        <v>7.5536626538316217E-3</v>
      </c>
    </row>
    <row r="101" spans="1:45">
      <c r="A101" s="47" t="s">
        <v>570</v>
      </c>
      <c r="B101" s="102">
        <v>172</v>
      </c>
      <c r="C101" s="103">
        <v>4.3678407148311322</v>
      </c>
      <c r="D101" s="104">
        <v>0.24811630475931568</v>
      </c>
      <c r="E101" s="105">
        <v>0.25769230999841175</v>
      </c>
      <c r="F101" s="95">
        <v>6.6388222853094092E-2</v>
      </c>
      <c r="G101" s="105">
        <v>0.21958042548836348</v>
      </c>
      <c r="H101" s="95">
        <v>6.3047343205422601E-2</v>
      </c>
      <c r="I101" s="105">
        <v>0.51241280550729018</v>
      </c>
      <c r="J101" s="95">
        <v>7.5355648610060819E-2</v>
      </c>
      <c r="K101" s="94">
        <v>1.0314459005934709E-2</v>
      </c>
      <c r="L101" s="95">
        <v>2.1838167491432699E-2</v>
      </c>
      <c r="M101" s="102">
        <v>171</v>
      </c>
      <c r="N101" s="103">
        <v>4.5727977935700928</v>
      </c>
      <c r="O101" s="104">
        <v>0.20533519749014006</v>
      </c>
      <c r="P101" s="105">
        <v>0.16577533960630106</v>
      </c>
      <c r="Q101" s="95">
        <v>5.72397626600658E-2</v>
      </c>
      <c r="R101" s="105">
        <v>0.27935007629709141</v>
      </c>
      <c r="S101" s="95">
        <v>6.8203701366691613E-2</v>
      </c>
      <c r="T101" s="105">
        <v>0.54792017025376405</v>
      </c>
      <c r="U101" s="95">
        <v>7.5260679656474858E-2</v>
      </c>
      <c r="V101" s="94">
        <v>6.9544138428433121E-3</v>
      </c>
      <c r="W101" s="95">
        <v>2.0222709764364633E-2</v>
      </c>
      <c r="X101" s="102">
        <v>171</v>
      </c>
      <c r="Y101" s="103">
        <v>3.9058692054881368</v>
      </c>
      <c r="Z101" s="104">
        <v>0.26421533873655645</v>
      </c>
      <c r="AA101" s="105">
        <v>0.36722067757181243</v>
      </c>
      <c r="AB101" s="95">
        <v>7.3003545802714356E-2</v>
      </c>
      <c r="AC101" s="105">
        <v>0.16411112039752637</v>
      </c>
      <c r="AD101" s="95">
        <v>5.7026763463499545E-2</v>
      </c>
      <c r="AE101" s="105">
        <v>0.46169378454567661</v>
      </c>
      <c r="AF101" s="95">
        <v>7.5380777667778079E-2</v>
      </c>
      <c r="AG101" s="94">
        <v>6.9744174849845145E-3</v>
      </c>
      <c r="AH101" s="95">
        <v>2.0233350503978356E-2</v>
      </c>
      <c r="AI101" s="102">
        <v>171</v>
      </c>
      <c r="AJ101" s="103">
        <v>4.4772667118748517</v>
      </c>
      <c r="AK101" s="104">
        <v>0.23246521143506302</v>
      </c>
      <c r="AL101" s="105">
        <v>0.18970579557942513</v>
      </c>
      <c r="AM101" s="95">
        <v>6.0108224190417385E-2</v>
      </c>
      <c r="AN101" s="105">
        <v>0.31727251016506597</v>
      </c>
      <c r="AO101" s="95">
        <v>7.0608714939096748E-2</v>
      </c>
      <c r="AP101" s="105">
        <v>0.48818151876197646</v>
      </c>
      <c r="AQ101" s="95">
        <v>7.5572729131045638E-2</v>
      </c>
      <c r="AR101" s="94">
        <v>4.8401754935324419E-3</v>
      </c>
      <c r="AS101" s="95">
        <v>1.9062021886696739E-2</v>
      </c>
    </row>
    <row r="102" spans="1:45">
      <c r="A102" s="43" t="s">
        <v>571</v>
      </c>
      <c r="B102" s="98">
        <v>522</v>
      </c>
      <c r="C102" s="99">
        <v>4.4402027781773876</v>
      </c>
      <c r="D102" s="100">
        <v>0.13865465065563709</v>
      </c>
      <c r="E102" s="101">
        <v>0.24657131534560717</v>
      </c>
      <c r="F102" s="92">
        <v>3.7684603710920611E-2</v>
      </c>
      <c r="G102" s="101">
        <v>0.22512060306287829</v>
      </c>
      <c r="H102" s="92">
        <v>3.6541151250695347E-2</v>
      </c>
      <c r="I102" s="101">
        <v>0.51781926070645967</v>
      </c>
      <c r="J102" s="92">
        <v>4.3574793432153348E-2</v>
      </c>
      <c r="K102" s="91">
        <v>1.04888208850552E-2</v>
      </c>
      <c r="L102" s="92">
        <v>1.0321588432255568E-2</v>
      </c>
      <c r="M102" s="98">
        <v>518</v>
      </c>
      <c r="N102" s="99">
        <v>4.7834433223269919</v>
      </c>
      <c r="O102" s="100">
        <v>0.11987967539110916</v>
      </c>
      <c r="P102" s="101">
        <v>0.1574585807781802</v>
      </c>
      <c r="Q102" s="92">
        <v>3.2098593101763606E-2</v>
      </c>
      <c r="R102" s="101">
        <v>0.2613408005811152</v>
      </c>
      <c r="S102" s="92">
        <v>3.8547514076477676E-2</v>
      </c>
      <c r="T102" s="101">
        <v>0.57732954910705947</v>
      </c>
      <c r="U102" s="92">
        <v>4.3250268313961809E-2</v>
      </c>
      <c r="V102" s="91">
        <v>3.8710695336455396E-3</v>
      </c>
      <c r="W102" s="92">
        <v>7.6383543016904105E-3</v>
      </c>
      <c r="X102" s="98">
        <v>516</v>
      </c>
      <c r="Y102" s="99">
        <v>4.1341145884119879</v>
      </c>
      <c r="Z102" s="100">
        <v>0.13740372518161356</v>
      </c>
      <c r="AA102" s="101">
        <v>0.32975143234756277</v>
      </c>
      <c r="AB102" s="92">
        <v>4.1273909311768525E-2</v>
      </c>
      <c r="AC102" s="101">
        <v>0.23696687427903521</v>
      </c>
      <c r="AD102" s="92">
        <v>3.7403608160391191E-2</v>
      </c>
      <c r="AE102" s="101">
        <v>0.41530548595171757</v>
      </c>
      <c r="AF102" s="92">
        <v>4.3228976318540308E-2</v>
      </c>
      <c r="AG102" s="91">
        <v>1.797620742168465E-2</v>
      </c>
      <c r="AH102" s="92">
        <v>1.277433825006981E-2</v>
      </c>
      <c r="AI102" s="98">
        <v>517</v>
      </c>
      <c r="AJ102" s="99">
        <v>4.7120489672842885</v>
      </c>
      <c r="AK102" s="100">
        <v>0.13072900152227873</v>
      </c>
      <c r="AL102" s="101">
        <v>0.19235063099750654</v>
      </c>
      <c r="AM102" s="92">
        <v>3.4696337433390421E-2</v>
      </c>
      <c r="AN102" s="101">
        <v>0.23425138951112173</v>
      </c>
      <c r="AO102" s="92">
        <v>3.722194934752527E-2</v>
      </c>
      <c r="AP102" s="101">
        <v>0.56843388267083506</v>
      </c>
      <c r="AQ102" s="92">
        <v>4.3404842290411874E-2</v>
      </c>
      <c r="AR102" s="91">
        <v>4.9640968205372079E-3</v>
      </c>
      <c r="AS102" s="92">
        <v>8.1671291878863787E-3</v>
      </c>
    </row>
    <row r="103" spans="1:45">
      <c r="A103" s="47" t="s">
        <v>582</v>
      </c>
      <c r="B103" s="102">
        <v>536</v>
      </c>
      <c r="C103" s="103">
        <v>4.5778872115771936</v>
      </c>
      <c r="D103" s="104">
        <v>0.14149218349798195</v>
      </c>
      <c r="E103" s="105">
        <v>0.23125142443571278</v>
      </c>
      <c r="F103" s="95">
        <v>3.639701370848674E-2</v>
      </c>
      <c r="G103" s="105">
        <v>0.1868742334122043</v>
      </c>
      <c r="H103" s="95">
        <v>3.3708932066706332E-2</v>
      </c>
      <c r="I103" s="105">
        <v>0.56289719610789501</v>
      </c>
      <c r="J103" s="95">
        <v>4.2696372810651077E-2</v>
      </c>
      <c r="K103" s="94">
        <v>1.8977146044189389E-2</v>
      </c>
      <c r="L103" s="95">
        <v>1.2775037624084823E-2</v>
      </c>
      <c r="M103" s="102">
        <v>535</v>
      </c>
      <c r="N103" s="103">
        <v>4.9544226709737407</v>
      </c>
      <c r="O103" s="104">
        <v>0.11991483561898185</v>
      </c>
      <c r="P103" s="105">
        <v>0.12818601885617031</v>
      </c>
      <c r="Q103" s="95">
        <v>2.906057049181961E-2</v>
      </c>
      <c r="R103" s="105">
        <v>0.20681137234263261</v>
      </c>
      <c r="S103" s="95">
        <v>3.5025729457669359E-2</v>
      </c>
      <c r="T103" s="105">
        <v>0.65641724080729413</v>
      </c>
      <c r="U103" s="95">
        <v>4.0943912611735883E-2</v>
      </c>
      <c r="V103" s="94">
        <v>8.5853679939041343E-3</v>
      </c>
      <c r="W103" s="95">
        <v>9.4692559379319797E-3</v>
      </c>
      <c r="X103" s="102">
        <v>533</v>
      </c>
      <c r="Y103" s="103">
        <v>4.0893031313486983</v>
      </c>
      <c r="Z103" s="104">
        <v>0.13978902866254411</v>
      </c>
      <c r="AA103" s="105">
        <v>0.32874670658882627</v>
      </c>
      <c r="AB103" s="95">
        <v>4.058304990176665E-2</v>
      </c>
      <c r="AC103" s="105">
        <v>0.21171466267943287</v>
      </c>
      <c r="AD103" s="95">
        <v>3.5388250168119292E-2</v>
      </c>
      <c r="AE103" s="105">
        <v>0.43526552812617558</v>
      </c>
      <c r="AF103" s="95">
        <v>4.2795398621284196E-2</v>
      </c>
      <c r="AG103" s="94">
        <v>2.4273102605566206E-2</v>
      </c>
      <c r="AH103" s="95">
        <v>1.4192852030306426E-2</v>
      </c>
      <c r="AI103" s="102">
        <v>532</v>
      </c>
      <c r="AJ103" s="103">
        <v>4.8634303526800871</v>
      </c>
      <c r="AK103" s="104">
        <v>0.13284628829582104</v>
      </c>
      <c r="AL103" s="105">
        <v>0.17930899455048122</v>
      </c>
      <c r="AM103" s="95">
        <v>3.3310672119320664E-2</v>
      </c>
      <c r="AN103" s="105">
        <v>0.18699906165055044</v>
      </c>
      <c r="AO103" s="95">
        <v>3.3844154365097953E-2</v>
      </c>
      <c r="AP103" s="105">
        <v>0.62767881532659076</v>
      </c>
      <c r="AQ103" s="95">
        <v>4.1783068401646355E-2</v>
      </c>
      <c r="AR103" s="94">
        <v>6.0131284723786071E-3</v>
      </c>
      <c r="AS103" s="95">
        <v>8.4665784856806127E-3</v>
      </c>
    </row>
    <row r="104" spans="1:45">
      <c r="A104" s="43" t="s">
        <v>583</v>
      </c>
      <c r="B104" s="98">
        <v>403</v>
      </c>
      <c r="C104" s="99">
        <v>4.6643142755941316</v>
      </c>
      <c r="D104" s="100">
        <v>0.15673396410581131</v>
      </c>
      <c r="E104" s="101">
        <v>0.20653466539919546</v>
      </c>
      <c r="F104" s="92">
        <v>4.0337957164859876E-2</v>
      </c>
      <c r="G104" s="101">
        <v>0.21705554133686472</v>
      </c>
      <c r="H104" s="92">
        <v>4.105588133715854E-2</v>
      </c>
      <c r="I104" s="101">
        <v>0.57640979326393837</v>
      </c>
      <c r="J104" s="92">
        <v>4.8997391534040799E-2</v>
      </c>
      <c r="K104" s="91">
        <v>0</v>
      </c>
      <c r="L104" s="92">
        <v>6.9323565452072385E-3</v>
      </c>
      <c r="M104" s="98">
        <v>400</v>
      </c>
      <c r="N104" s="99">
        <v>4.8219484666833647</v>
      </c>
      <c r="O104" s="100">
        <v>0.13912692090937254</v>
      </c>
      <c r="P104" s="101">
        <v>0.14449213634672098</v>
      </c>
      <c r="Q104" s="92">
        <v>3.5334954400322707E-2</v>
      </c>
      <c r="R104" s="101">
        <v>0.25928163203836352</v>
      </c>
      <c r="S104" s="92">
        <v>4.3735978720426824E-2</v>
      </c>
      <c r="T104" s="101">
        <v>0.59547374790761343</v>
      </c>
      <c r="U104" s="92">
        <v>4.8854640894591891E-2</v>
      </c>
      <c r="V104" s="91">
        <v>7.5248370730075884E-4</v>
      </c>
      <c r="W104" s="92">
        <v>7.488003196567331E-3</v>
      </c>
      <c r="X104" s="98">
        <v>398</v>
      </c>
      <c r="Y104" s="99">
        <v>4.4651582119244928</v>
      </c>
      <c r="Z104" s="100">
        <v>0.16251300459231627</v>
      </c>
      <c r="AA104" s="101">
        <v>0.26909783846046248</v>
      </c>
      <c r="AB104" s="92">
        <v>4.4357202743753189E-2</v>
      </c>
      <c r="AC104" s="101">
        <v>0.17980928782575081</v>
      </c>
      <c r="AD104" s="92">
        <v>3.8569959442647933E-2</v>
      </c>
      <c r="AE104" s="101">
        <v>0.54875878420990332</v>
      </c>
      <c r="AF104" s="92">
        <v>4.9642468718987115E-2</v>
      </c>
      <c r="AG104" s="91">
        <v>2.3340895038819142E-3</v>
      </c>
      <c r="AH104" s="92">
        <v>8.4834656120539517E-3</v>
      </c>
      <c r="AI104" s="98">
        <v>400</v>
      </c>
      <c r="AJ104" s="99">
        <v>4.8116223781073622</v>
      </c>
      <c r="AK104" s="100">
        <v>0.1545829625366745</v>
      </c>
      <c r="AL104" s="101">
        <v>0.17290296354327903</v>
      </c>
      <c r="AM104" s="92">
        <v>3.7905001512868221E-2</v>
      </c>
      <c r="AN104" s="101">
        <v>0.2546360406287998</v>
      </c>
      <c r="AO104" s="92">
        <v>4.3484693299955288E-2</v>
      </c>
      <c r="AP104" s="101">
        <v>0.55689520635219625</v>
      </c>
      <c r="AQ104" s="92">
        <v>4.9435097810933325E-2</v>
      </c>
      <c r="AR104" s="91">
        <v>1.5565789475723575E-2</v>
      </c>
      <c r="AS104" s="92">
        <v>1.4053486907547864E-2</v>
      </c>
    </row>
    <row r="105" spans="1:45">
      <c r="A105" s="47" t="s">
        <v>572</v>
      </c>
      <c r="B105" s="102">
        <v>166</v>
      </c>
      <c r="C105" s="103">
        <v>5.0796157472901973</v>
      </c>
      <c r="D105" s="104">
        <v>0.23702723175247556</v>
      </c>
      <c r="E105" s="105">
        <v>0.14226991708715908</v>
      </c>
      <c r="F105" s="95">
        <v>5.4875365684068089E-2</v>
      </c>
      <c r="G105" s="105">
        <v>0.16196539292111814</v>
      </c>
      <c r="H105" s="95">
        <v>5.7608543360492134E-2</v>
      </c>
      <c r="I105" s="105">
        <v>0.69218467157960317</v>
      </c>
      <c r="J105" s="95">
        <v>7.1089457941925671E-2</v>
      </c>
      <c r="K105" s="94">
        <v>3.5800184121196101E-3</v>
      </c>
      <c r="L105" s="95">
        <v>1.8804008368568718E-2</v>
      </c>
      <c r="M105" s="102">
        <v>167</v>
      </c>
      <c r="N105" s="103">
        <v>5.1634282954328494</v>
      </c>
      <c r="O105" s="104">
        <v>0.19741792818901185</v>
      </c>
      <c r="P105" s="105">
        <v>8.4783591084169038E-2</v>
      </c>
      <c r="Q105" s="95">
        <v>4.4738803570147256E-2</v>
      </c>
      <c r="R105" s="105">
        <v>0.18606331625148265</v>
      </c>
      <c r="S105" s="95">
        <v>6.0408095427564201E-2</v>
      </c>
      <c r="T105" s="105">
        <v>0.72915309266434836</v>
      </c>
      <c r="U105" s="95">
        <v>6.8384326502512305E-2</v>
      </c>
      <c r="V105" s="94">
        <v>0</v>
      </c>
      <c r="W105" s="95">
        <v>1.6443496878751757E-2</v>
      </c>
      <c r="X105" s="102">
        <v>167</v>
      </c>
      <c r="Y105" s="103">
        <v>4.7953518925173091</v>
      </c>
      <c r="Z105" s="104">
        <v>0.2413888650546997</v>
      </c>
      <c r="AA105" s="105">
        <v>0.19020440445502923</v>
      </c>
      <c r="AB105" s="95">
        <v>6.0883198320698675E-2</v>
      </c>
      <c r="AC105" s="105">
        <v>0.12107204408700467</v>
      </c>
      <c r="AD105" s="95">
        <v>5.1424737321551055E-2</v>
      </c>
      <c r="AE105" s="105">
        <v>0.6869528452856366</v>
      </c>
      <c r="AF105" s="95">
        <v>7.1191145500671696E-2</v>
      </c>
      <c r="AG105" s="94">
        <v>1.7707061723297565E-3</v>
      </c>
      <c r="AH105" s="95">
        <v>1.760180531803468E-2</v>
      </c>
      <c r="AI105" s="102">
        <v>167</v>
      </c>
      <c r="AJ105" s="103">
        <v>5.0929556318339619</v>
      </c>
      <c r="AK105" s="104">
        <v>0.24440816934403628</v>
      </c>
      <c r="AL105" s="105">
        <v>0.164877356333371</v>
      </c>
      <c r="AM105" s="95">
        <v>5.7813068227342834E-2</v>
      </c>
      <c r="AN105" s="105">
        <v>0.18022486152789241</v>
      </c>
      <c r="AO105" s="95">
        <v>5.9720953753461301E-2</v>
      </c>
      <c r="AP105" s="105">
        <v>0.63109964515767902</v>
      </c>
      <c r="AQ105" s="95">
        <v>7.3922284826665019E-2</v>
      </c>
      <c r="AR105" s="94">
        <v>2.3798136981057958E-2</v>
      </c>
      <c r="AS105" s="95">
        <v>2.8083727195601371E-2</v>
      </c>
    </row>
    <row r="106" spans="1:45">
      <c r="A106" s="43" t="s">
        <v>573</v>
      </c>
      <c r="B106" s="98">
        <v>240</v>
      </c>
      <c r="C106" s="99">
        <v>4.2906128527334575</v>
      </c>
      <c r="D106" s="100">
        <v>0.20331092104883933</v>
      </c>
      <c r="E106" s="101">
        <v>0.23574706798407369</v>
      </c>
      <c r="F106" s="92">
        <v>5.468855441776712E-2</v>
      </c>
      <c r="G106" s="101">
        <v>0.26987744358124871</v>
      </c>
      <c r="H106" s="92">
        <v>5.7082863607837452E-2</v>
      </c>
      <c r="I106" s="101">
        <v>0.48523597349016129</v>
      </c>
      <c r="J106" s="92">
        <v>6.3991432791202826E-2</v>
      </c>
      <c r="K106" s="91">
        <v>9.1395149445173112E-3</v>
      </c>
      <c r="L106" s="92">
        <v>1.6640379250347767E-2</v>
      </c>
      <c r="M106" s="98">
        <v>238</v>
      </c>
      <c r="N106" s="99">
        <v>4.5264115419110338</v>
      </c>
      <c r="O106" s="100">
        <v>0.18136500031361019</v>
      </c>
      <c r="P106" s="101">
        <v>0.20338319370527697</v>
      </c>
      <c r="Q106" s="92">
        <v>5.2207930355968116E-2</v>
      </c>
      <c r="R106" s="101">
        <v>0.27249322751415272</v>
      </c>
      <c r="S106" s="92">
        <v>5.748698448840691E-2</v>
      </c>
      <c r="T106" s="101">
        <v>0.52099498932334032</v>
      </c>
      <c r="U106" s="92">
        <v>6.4227599118193021E-2</v>
      </c>
      <c r="V106" s="91">
        <v>3.1285894572311655E-3</v>
      </c>
      <c r="W106" s="92">
        <v>1.3613747336445613E-2</v>
      </c>
      <c r="X106" s="98">
        <v>239</v>
      </c>
      <c r="Y106" s="99">
        <v>3.8456951479822976</v>
      </c>
      <c r="Z106" s="100">
        <v>0.20236389977900729</v>
      </c>
      <c r="AA106" s="101">
        <v>0.38719733630702285</v>
      </c>
      <c r="AB106" s="92">
        <v>6.2550854749649221E-2</v>
      </c>
      <c r="AC106" s="101">
        <v>0.2251156714799844</v>
      </c>
      <c r="AD106" s="92">
        <v>5.3963217105719413E-2</v>
      </c>
      <c r="AE106" s="101">
        <v>0.37566440988998001</v>
      </c>
      <c r="AF106" s="92">
        <v>6.2201771980480151E-2</v>
      </c>
      <c r="AG106" s="91">
        <v>1.2022582323013677E-2</v>
      </c>
      <c r="AH106" s="92">
        <v>1.7986242603755514E-2</v>
      </c>
      <c r="AI106" s="98">
        <v>238</v>
      </c>
      <c r="AJ106" s="99">
        <v>4.5408982753089724</v>
      </c>
      <c r="AK106" s="100">
        <v>0.20069193569129734</v>
      </c>
      <c r="AL106" s="101">
        <v>0.21149619013866194</v>
      </c>
      <c r="AM106" s="92">
        <v>5.2929762223439029E-2</v>
      </c>
      <c r="AN106" s="101">
        <v>0.27889346206680998</v>
      </c>
      <c r="AO106" s="92">
        <v>5.7884849780677233E-2</v>
      </c>
      <c r="AP106" s="101">
        <v>0.50419575993034693</v>
      </c>
      <c r="AQ106" s="92">
        <v>6.4280245510219422E-2</v>
      </c>
      <c r="AR106" s="91">
        <v>5.4145878641821878E-3</v>
      </c>
      <c r="AS106" s="92">
        <v>1.4885167831870367E-2</v>
      </c>
    </row>
    <row r="107" spans="1:45">
      <c r="A107" s="47" t="s">
        <v>574</v>
      </c>
      <c r="B107" s="102">
        <v>286</v>
      </c>
      <c r="C107" s="103">
        <v>4.4313973899928305</v>
      </c>
      <c r="D107" s="104">
        <v>0.18366318813638793</v>
      </c>
      <c r="E107" s="105">
        <v>0.28816590726009078</v>
      </c>
      <c r="F107" s="95">
        <v>5.3350587321520808E-2</v>
      </c>
      <c r="G107" s="105">
        <v>0.16972235375730901</v>
      </c>
      <c r="H107" s="95">
        <v>4.4552196192858037E-2</v>
      </c>
      <c r="I107" s="105">
        <v>0.53217128056524499</v>
      </c>
      <c r="J107" s="95">
        <v>5.8603679216494176E-2</v>
      </c>
      <c r="K107" s="94">
        <v>9.9404584173550248E-3</v>
      </c>
      <c r="L107" s="95">
        <v>1.5049808658581517E-2</v>
      </c>
      <c r="M107" s="102">
        <v>284</v>
      </c>
      <c r="N107" s="103">
        <v>4.8023765311628512</v>
      </c>
      <c r="O107" s="104">
        <v>0.15641416838686054</v>
      </c>
      <c r="P107" s="105">
        <v>0.15022429999675777</v>
      </c>
      <c r="Q107" s="95">
        <v>4.2660119509096789E-2</v>
      </c>
      <c r="R107" s="105">
        <v>0.26232870230826483</v>
      </c>
      <c r="S107" s="95">
        <v>5.2051064535444912E-2</v>
      </c>
      <c r="T107" s="105">
        <v>0.58418014975206356</v>
      </c>
      <c r="U107" s="95">
        <v>5.8107799370425803E-2</v>
      </c>
      <c r="V107" s="94">
        <v>3.2668479429138614E-3</v>
      </c>
      <c r="W107" s="95">
        <v>1.1821927355082352E-2</v>
      </c>
      <c r="X107" s="102">
        <v>285</v>
      </c>
      <c r="Y107" s="103">
        <v>4.180410018287021</v>
      </c>
      <c r="Z107" s="104">
        <v>0.1880670402705486</v>
      </c>
      <c r="AA107" s="105">
        <v>0.30791068097763119</v>
      </c>
      <c r="AB107" s="95">
        <v>5.4438439422586284E-2</v>
      </c>
      <c r="AC107" s="105">
        <v>0.26279299796416711</v>
      </c>
      <c r="AD107" s="95">
        <v>5.1988770101957814E-2</v>
      </c>
      <c r="AE107" s="105">
        <v>0.4210028354583335</v>
      </c>
      <c r="AF107" s="95">
        <v>5.8105142896940805E-2</v>
      </c>
      <c r="AG107" s="94">
        <v>8.2934855998684151E-3</v>
      </c>
      <c r="AH107" s="95">
        <v>1.4346733908794944E-2</v>
      </c>
      <c r="AI107" s="102">
        <v>284</v>
      </c>
      <c r="AJ107" s="103">
        <v>4.6714380563862221</v>
      </c>
      <c r="AK107" s="104">
        <v>0.16511018738164876</v>
      </c>
      <c r="AL107" s="105">
        <v>0.1645920517058439</v>
      </c>
      <c r="AM107" s="95">
        <v>4.4190994122125224E-2</v>
      </c>
      <c r="AN107" s="105">
        <v>0.2627436439579976</v>
      </c>
      <c r="AO107" s="95">
        <v>5.2076624924727172E-2</v>
      </c>
      <c r="AP107" s="105">
        <v>0.57266430433615823</v>
      </c>
      <c r="AQ107" s="95">
        <v>5.8317325162163133E-2</v>
      </c>
      <c r="AR107" s="94">
        <v>0</v>
      </c>
      <c r="AS107" s="95">
        <v>9.7867676650970851E-3</v>
      </c>
    </row>
    <row r="108" spans="1:45">
      <c r="A108" s="43" t="s">
        <v>575</v>
      </c>
      <c r="B108" s="81">
        <v>242</v>
      </c>
      <c r="C108" s="82">
        <v>4.6594639600684218</v>
      </c>
      <c r="D108" s="83">
        <v>0.21718820571593556</v>
      </c>
      <c r="E108" s="96">
        <v>0.20698054888802464</v>
      </c>
      <c r="F108" s="92">
        <v>5.2095769920195767E-2</v>
      </c>
      <c r="G108" s="96">
        <v>0.23402458458017239</v>
      </c>
      <c r="H108" s="92">
        <v>5.4330957694100401E-2</v>
      </c>
      <c r="I108" s="96">
        <v>0.54650125266561378</v>
      </c>
      <c r="J108" s="92">
        <v>6.3490269742690675E-2</v>
      </c>
      <c r="K108" s="96">
        <v>1.249361386618917E-2</v>
      </c>
      <c r="L108" s="92">
        <v>1.803499229043469E-2</v>
      </c>
      <c r="M108" s="81">
        <v>241</v>
      </c>
      <c r="N108" s="82">
        <v>5.0529857011111829</v>
      </c>
      <c r="O108" s="83">
        <v>0.18867704012298464</v>
      </c>
      <c r="P108" s="96">
        <v>0.10454715823050137</v>
      </c>
      <c r="Q108" s="92">
        <v>4.0138890953624141E-2</v>
      </c>
      <c r="R108" s="96">
        <v>0.23953622693129106</v>
      </c>
      <c r="S108" s="92">
        <v>5.4862465226790801E-2</v>
      </c>
      <c r="T108" s="96">
        <v>0.64204561543650196</v>
      </c>
      <c r="U108" s="92">
        <v>6.134233205739912E-2</v>
      </c>
      <c r="V108" s="96">
        <v>1.3870999401705103E-2</v>
      </c>
      <c r="W108" s="92">
        <v>1.866229169657891E-2</v>
      </c>
      <c r="X108" s="81">
        <v>235</v>
      </c>
      <c r="Y108" s="82">
        <v>4.3338253986128477</v>
      </c>
      <c r="Z108" s="83">
        <v>0.21989436026626166</v>
      </c>
      <c r="AA108" s="96">
        <v>0.31420626141231628</v>
      </c>
      <c r="AB108" s="92">
        <v>6.0212521221244562E-2</v>
      </c>
      <c r="AC108" s="96">
        <v>0.18174417714073754</v>
      </c>
      <c r="AD108" s="92">
        <v>5.0449894304641564E-2</v>
      </c>
      <c r="AE108" s="96">
        <v>0.46984424979970513</v>
      </c>
      <c r="AF108" s="92">
        <v>6.4570783080104568E-2</v>
      </c>
      <c r="AG108" s="96">
        <v>3.4205311647240853E-2</v>
      </c>
      <c r="AH108" s="92">
        <v>2.5950371495916068E-2</v>
      </c>
      <c r="AI108" s="81">
        <v>238</v>
      </c>
      <c r="AJ108" s="82">
        <v>5.0876957646165382</v>
      </c>
      <c r="AK108" s="83">
        <v>0.21128233824695369</v>
      </c>
      <c r="AL108" s="96">
        <v>0.15278878407774585</v>
      </c>
      <c r="AM108" s="92">
        <v>4.6956414663675256E-2</v>
      </c>
      <c r="AN108" s="96">
        <v>0.17163054677755937</v>
      </c>
      <c r="AO108" s="92">
        <v>4.9075512018925224E-2</v>
      </c>
      <c r="AP108" s="96">
        <v>0.66067842549176969</v>
      </c>
      <c r="AQ108" s="92">
        <v>6.0987583484391941E-2</v>
      </c>
      <c r="AR108" s="96">
        <v>1.4902243652924791E-2</v>
      </c>
      <c r="AS108" s="92">
        <v>1.9239699050142046E-2</v>
      </c>
    </row>
    <row r="109" spans="1:45">
      <c r="A109" s="47" t="s">
        <v>576</v>
      </c>
      <c r="B109" s="102">
        <v>344</v>
      </c>
      <c r="C109" s="103">
        <v>4.4516396559784752</v>
      </c>
      <c r="D109" s="104">
        <v>0.17468700040694427</v>
      </c>
      <c r="E109" s="105">
        <v>0.23637712087396698</v>
      </c>
      <c r="F109" s="95">
        <v>4.5749370764217749E-2</v>
      </c>
      <c r="G109" s="105">
        <v>0.24402511413713149</v>
      </c>
      <c r="H109" s="95">
        <v>4.6234594223465403E-2</v>
      </c>
      <c r="I109" s="105">
        <v>0.51210311943332865</v>
      </c>
      <c r="J109" s="95">
        <v>5.3590278607760417E-2</v>
      </c>
      <c r="K109" s="94">
        <v>7.4946455555725587E-3</v>
      </c>
      <c r="L109" s="95">
        <v>1.2215759619846833E-2</v>
      </c>
      <c r="M109" s="102">
        <v>341</v>
      </c>
      <c r="N109" s="103">
        <v>4.8180572251938552</v>
      </c>
      <c r="O109" s="104">
        <v>0.15046176579726409</v>
      </c>
      <c r="P109" s="105">
        <v>0.13843259616361892</v>
      </c>
      <c r="Q109" s="95">
        <v>3.7653320516910158E-2</v>
      </c>
      <c r="R109" s="105">
        <v>0.25695780361452153</v>
      </c>
      <c r="S109" s="95">
        <v>4.7217324022355088E-2</v>
      </c>
      <c r="T109" s="105">
        <v>0.59740582369239437</v>
      </c>
      <c r="U109" s="95">
        <v>5.2830693674436331E-2</v>
      </c>
      <c r="V109" s="94">
        <v>7.2037765294649305E-3</v>
      </c>
      <c r="W109" s="95">
        <v>1.2158612548490752E-2</v>
      </c>
      <c r="X109" s="102">
        <v>342</v>
      </c>
      <c r="Y109" s="103">
        <v>4.2648283735941206</v>
      </c>
      <c r="Z109" s="104">
        <v>0.18029800791744433</v>
      </c>
      <c r="AA109" s="105">
        <v>0.30521553592479622</v>
      </c>
      <c r="AB109" s="95">
        <v>4.9614839056178042E-2</v>
      </c>
      <c r="AC109" s="105">
        <v>0.2105278315680881</v>
      </c>
      <c r="AD109" s="95">
        <v>4.4087682120261228E-2</v>
      </c>
      <c r="AE109" s="105">
        <v>0.47088127439786548</v>
      </c>
      <c r="AF109" s="95">
        <v>5.3671188073348565E-2</v>
      </c>
      <c r="AG109" s="94">
        <v>1.3375358109250026E-2</v>
      </c>
      <c r="AH109" s="95">
        <v>1.4679636953494293E-2</v>
      </c>
      <c r="AI109" s="102">
        <v>342</v>
      </c>
      <c r="AJ109" s="103">
        <v>4.6931505535948173</v>
      </c>
      <c r="AK109" s="104">
        <v>0.17656455638756532</v>
      </c>
      <c r="AL109" s="105">
        <v>0.20922384244719389</v>
      </c>
      <c r="AM109" s="95">
        <v>4.3990652870114139E-2</v>
      </c>
      <c r="AN109" s="105">
        <v>0.22373122005119711</v>
      </c>
      <c r="AO109" s="95">
        <v>4.5034359060110767E-2</v>
      </c>
      <c r="AP109" s="105">
        <v>0.55851777405058844</v>
      </c>
      <c r="AQ109" s="95">
        <v>5.3399398983114549E-2</v>
      </c>
      <c r="AR109" s="94">
        <v>8.5271634510204336E-3</v>
      </c>
      <c r="AS109" s="95">
        <v>1.2725213534176747E-2</v>
      </c>
    </row>
    <row r="110" spans="1:45">
      <c r="A110" s="55" t="s">
        <v>577</v>
      </c>
      <c r="B110" s="98">
        <v>270</v>
      </c>
      <c r="C110" s="99">
        <v>4.8096686631953682</v>
      </c>
      <c r="D110" s="100">
        <v>0.18638792958604086</v>
      </c>
      <c r="E110" s="101">
        <v>0.14077567524516404</v>
      </c>
      <c r="F110" s="92">
        <v>4.266625470362348E-2</v>
      </c>
      <c r="G110" s="101">
        <v>0.22434335972008321</v>
      </c>
      <c r="H110" s="92">
        <v>5.0719755143303388E-2</v>
      </c>
      <c r="I110" s="101">
        <v>0.6257690878936184</v>
      </c>
      <c r="J110" s="92">
        <v>5.8527004297990605E-2</v>
      </c>
      <c r="K110" s="91">
        <v>9.1118771411335051E-3</v>
      </c>
      <c r="L110" s="92">
        <v>1.5289493404921424E-2</v>
      </c>
      <c r="M110" s="98">
        <v>269</v>
      </c>
      <c r="N110" s="99">
        <v>4.8970963767291353</v>
      </c>
      <c r="O110" s="100">
        <v>0.16438444689385592</v>
      </c>
      <c r="P110" s="101">
        <v>9.7549645145518046E-2</v>
      </c>
      <c r="Q110" s="92">
        <v>3.6863316600200341E-2</v>
      </c>
      <c r="R110" s="101">
        <v>0.28029783048866269</v>
      </c>
      <c r="S110" s="92">
        <v>5.4555825049837463E-2</v>
      </c>
      <c r="T110" s="101">
        <v>0.61810744408799712</v>
      </c>
      <c r="U110" s="92">
        <v>5.886053668771711E-2</v>
      </c>
      <c r="V110" s="91">
        <v>4.045080277821177E-3</v>
      </c>
      <c r="W110" s="92">
        <v>1.2801019750244442E-2</v>
      </c>
      <c r="X110" s="98">
        <v>267</v>
      </c>
      <c r="Y110" s="99">
        <v>4.5520501381824987</v>
      </c>
      <c r="Z110" s="100">
        <v>0.1846712799960519</v>
      </c>
      <c r="AA110" s="101">
        <v>0.2066878660137946</v>
      </c>
      <c r="AB110" s="92">
        <v>4.9572182895169986E-2</v>
      </c>
      <c r="AC110" s="101">
        <v>0.20256140990710289</v>
      </c>
      <c r="AD110" s="92">
        <v>4.9218642110362858E-2</v>
      </c>
      <c r="AE110" s="101">
        <v>0.57187821287144913</v>
      </c>
      <c r="AF110" s="92">
        <v>6.0133297549570225E-2</v>
      </c>
      <c r="AG110" s="91">
        <v>1.8872511207652657E-2</v>
      </c>
      <c r="AH110" s="92">
        <v>1.9324142801386637E-2</v>
      </c>
      <c r="AI110" s="98">
        <v>269</v>
      </c>
      <c r="AJ110" s="99">
        <v>4.9731301781615418</v>
      </c>
      <c r="AK110" s="100">
        <v>0.1708870728852758</v>
      </c>
      <c r="AL110" s="101">
        <v>0.11361532427699539</v>
      </c>
      <c r="AM110" s="92">
        <v>3.9232512827812184E-2</v>
      </c>
      <c r="AN110" s="101">
        <v>0.25861769038155918</v>
      </c>
      <c r="AO110" s="92">
        <v>5.3236562892316618E-2</v>
      </c>
      <c r="AP110" s="101">
        <v>0.59919261651408529</v>
      </c>
      <c r="AQ110" s="92">
        <v>5.9355147656868688E-2</v>
      </c>
      <c r="AR110" s="91">
        <v>2.8574368827359212E-2</v>
      </c>
      <c r="AS110" s="92">
        <v>2.2392683511426335E-2</v>
      </c>
    </row>
    <row r="111" spans="1:45">
      <c r="A111" s="47" t="s">
        <v>578</v>
      </c>
      <c r="B111" s="102">
        <v>102</v>
      </c>
      <c r="C111" s="103">
        <v>4.5370381275669267</v>
      </c>
      <c r="D111" s="104">
        <v>0.3169967555516981</v>
      </c>
      <c r="E111" s="105">
        <v>0.30089055717136826</v>
      </c>
      <c r="F111" s="95">
        <v>8.9714645986757852E-2</v>
      </c>
      <c r="G111" s="105">
        <v>0.133296860948073</v>
      </c>
      <c r="H111" s="95">
        <v>6.8813691819824704E-2</v>
      </c>
      <c r="I111" s="105">
        <v>0.55394868509832773</v>
      </c>
      <c r="J111" s="95">
        <v>9.660365482018915E-2</v>
      </c>
      <c r="K111" s="94">
        <v>1.186389678223071E-2</v>
      </c>
      <c r="L111" s="95">
        <v>3.3289467277878217E-2</v>
      </c>
      <c r="M111" s="102">
        <v>101</v>
      </c>
      <c r="N111" s="103">
        <v>4.9230280721031932</v>
      </c>
      <c r="O111" s="104">
        <v>0.2741806004561651</v>
      </c>
      <c r="P111" s="105">
        <v>0.18745300123111897</v>
      </c>
      <c r="Q111" s="95">
        <v>7.7978097527438728E-2</v>
      </c>
      <c r="R111" s="105">
        <v>0.16563985624486061</v>
      </c>
      <c r="S111" s="95">
        <v>7.4720786643656001E-2</v>
      </c>
      <c r="T111" s="105">
        <v>0.64690714252402004</v>
      </c>
      <c r="U111" s="95">
        <v>9.3611413982859396E-2</v>
      </c>
      <c r="V111" s="94">
        <v>0</v>
      </c>
      <c r="W111" s="95">
        <v>2.6679621084077194E-2</v>
      </c>
      <c r="X111" s="102">
        <v>100</v>
      </c>
      <c r="Y111" s="103">
        <v>3.9010342678900018</v>
      </c>
      <c r="Z111" s="104">
        <v>0.31972701487425809</v>
      </c>
      <c r="AA111" s="105">
        <v>0.42204439878798289</v>
      </c>
      <c r="AB111" s="95">
        <v>9.6949908130398416E-2</v>
      </c>
      <c r="AC111" s="105">
        <v>0.15556805581707114</v>
      </c>
      <c r="AD111" s="95">
        <v>7.3462912171346914E-2</v>
      </c>
      <c r="AE111" s="105">
        <v>0.42238754539494588</v>
      </c>
      <c r="AF111" s="95">
        <v>9.695969763654029E-2</v>
      </c>
      <c r="AG111" s="94">
        <v>0</v>
      </c>
      <c r="AH111" s="95">
        <v>2.693364120714959E-2</v>
      </c>
      <c r="AI111" s="102">
        <v>100</v>
      </c>
      <c r="AJ111" s="103">
        <v>4.7066383844821171</v>
      </c>
      <c r="AK111" s="104">
        <v>0.29812207925850476</v>
      </c>
      <c r="AL111" s="105">
        <v>0.2128056195534819</v>
      </c>
      <c r="AM111" s="95">
        <v>8.1745862650870499E-2</v>
      </c>
      <c r="AN111" s="105">
        <v>0.23801602408210154</v>
      </c>
      <c r="AO111" s="95">
        <v>8.4703674932195341E-2</v>
      </c>
      <c r="AP111" s="105">
        <v>0.54917835636441636</v>
      </c>
      <c r="AQ111" s="95">
        <v>9.7618557282528134E-2</v>
      </c>
      <c r="AR111" s="94">
        <v>0</v>
      </c>
      <c r="AS111" s="95">
        <v>2.693364120714959E-2</v>
      </c>
    </row>
    <row r="112" spans="1:45">
      <c r="A112" s="55" t="s">
        <v>579</v>
      </c>
      <c r="B112" s="98">
        <v>90</v>
      </c>
      <c r="C112" s="99">
        <v>4.8469590073765456</v>
      </c>
      <c r="D112" s="100">
        <v>0.35214050903679472</v>
      </c>
      <c r="E112" s="101">
        <v>0.23256462362224578</v>
      </c>
      <c r="F112" s="92">
        <v>8.8590802411444111E-2</v>
      </c>
      <c r="G112" s="101">
        <v>0.14491001040461238</v>
      </c>
      <c r="H112" s="92">
        <v>7.5628923614329532E-2</v>
      </c>
      <c r="I112" s="101">
        <v>0.61940881749683396</v>
      </c>
      <c r="J112" s="92">
        <v>0.10040962950467372</v>
      </c>
      <c r="K112" s="91">
        <v>3.1165484763081221E-3</v>
      </c>
      <c r="L112" s="92">
        <v>3.1738259385280777E-2</v>
      </c>
      <c r="M112" s="98">
        <v>90</v>
      </c>
      <c r="N112" s="99">
        <v>4.8916281862701823</v>
      </c>
      <c r="O112" s="100">
        <v>0.30415392063090446</v>
      </c>
      <c r="P112" s="101">
        <v>0.14650499461635447</v>
      </c>
      <c r="Q112" s="92">
        <v>7.5919832785117297E-2</v>
      </c>
      <c r="R112" s="101">
        <v>0.20226486889559048</v>
      </c>
      <c r="S112" s="92">
        <v>8.4736796900463207E-2</v>
      </c>
      <c r="T112" s="101">
        <v>0.65123013648805539</v>
      </c>
      <c r="U112" s="92">
        <v>9.8722577674558776E-2</v>
      </c>
      <c r="V112" s="91">
        <v>0</v>
      </c>
      <c r="W112" s="92">
        <v>2.976782656907849E-2</v>
      </c>
      <c r="X112" s="98">
        <v>90</v>
      </c>
      <c r="Y112" s="99">
        <v>4.186936267799144</v>
      </c>
      <c r="Z112" s="100">
        <v>0.34196090352069525</v>
      </c>
      <c r="AA112" s="101">
        <v>0.3615528955282627</v>
      </c>
      <c r="AB112" s="92">
        <v>9.945146923754046E-2</v>
      </c>
      <c r="AC112" s="101">
        <v>0.12263216595884502</v>
      </c>
      <c r="AD112" s="92">
        <v>7.1296609232966157E-2</v>
      </c>
      <c r="AE112" s="101">
        <v>0.51581493851289273</v>
      </c>
      <c r="AF112" s="92">
        <v>0.10309481712512845</v>
      </c>
      <c r="AG112" s="91">
        <v>0</v>
      </c>
      <c r="AH112" s="92">
        <v>2.976782656907849E-2</v>
      </c>
      <c r="AI112" s="98">
        <v>90</v>
      </c>
      <c r="AJ112" s="99">
        <v>4.9737247732611589</v>
      </c>
      <c r="AK112" s="100">
        <v>0.29778873775645331</v>
      </c>
      <c r="AL112" s="101">
        <v>0.18757379032341137</v>
      </c>
      <c r="AM112" s="92">
        <v>8.2647768182002382E-2</v>
      </c>
      <c r="AN112" s="101">
        <v>0.14966689219491258</v>
      </c>
      <c r="AO112" s="92">
        <v>7.6489425606894132E-2</v>
      </c>
      <c r="AP112" s="101">
        <v>0.66275931748167627</v>
      </c>
      <c r="AQ112" s="92">
        <v>9.8004766459944048E-2</v>
      </c>
      <c r="AR112" s="91">
        <v>0</v>
      </c>
      <c r="AS112" s="92">
        <v>2.976782656907849E-2</v>
      </c>
    </row>
    <row r="113" spans="1:45">
      <c r="A113" s="47" t="s">
        <v>580</v>
      </c>
      <c r="B113" s="102">
        <v>89</v>
      </c>
      <c r="C113" s="103">
        <v>4.6798102898673761</v>
      </c>
      <c r="D113" s="104">
        <v>0.35320554016750028</v>
      </c>
      <c r="E113" s="105">
        <v>0.20929810708532198</v>
      </c>
      <c r="F113" s="95">
        <v>8.6162024646160559E-2</v>
      </c>
      <c r="G113" s="105">
        <v>0.17611881557632184</v>
      </c>
      <c r="H113" s="95">
        <v>8.1367477802703703E-2</v>
      </c>
      <c r="I113" s="105">
        <v>0.60950799429679525</v>
      </c>
      <c r="J113" s="95">
        <v>0.10139190119454787</v>
      </c>
      <c r="K113" s="94">
        <v>5.0750830415605304E-3</v>
      </c>
      <c r="L113" s="95">
        <v>3.3225985366263533E-2</v>
      </c>
      <c r="M113" s="102">
        <v>89</v>
      </c>
      <c r="N113" s="103">
        <v>4.9114624799778772</v>
      </c>
      <c r="O113" s="104">
        <v>0.31914715110155117</v>
      </c>
      <c r="P113" s="105">
        <v>0.16300168362727252</v>
      </c>
      <c r="Q113" s="95">
        <v>7.9241382008650357E-2</v>
      </c>
      <c r="R113" s="105">
        <v>0.17840781342890694</v>
      </c>
      <c r="S113" s="95">
        <v>8.1724325369615838E-2</v>
      </c>
      <c r="T113" s="105">
        <v>0.65351541990225936</v>
      </c>
      <c r="U113" s="95">
        <v>9.9117978178123331E-2</v>
      </c>
      <c r="V113" s="94">
        <v>5.0750830415605304E-3</v>
      </c>
      <c r="W113" s="95">
        <v>3.3225985366263533E-2</v>
      </c>
      <c r="X113" s="102">
        <v>88</v>
      </c>
      <c r="Y113" s="103">
        <v>4.5284817646575775</v>
      </c>
      <c r="Z113" s="104">
        <v>0.36206583991544872</v>
      </c>
      <c r="AA113" s="105">
        <v>0.23446523211307355</v>
      </c>
      <c r="AB113" s="95">
        <v>8.9803939267301805E-2</v>
      </c>
      <c r="AC113" s="105">
        <v>0.2764093131642249</v>
      </c>
      <c r="AD113" s="95">
        <v>9.4238342609147679E-2</v>
      </c>
      <c r="AE113" s="105">
        <v>0.47537554916496033</v>
      </c>
      <c r="AF113" s="95">
        <v>0.10414146262027119</v>
      </c>
      <c r="AG113" s="94">
        <v>1.3749905557741016E-2</v>
      </c>
      <c r="AH113" s="95">
        <v>3.8263285386191642E-2</v>
      </c>
      <c r="AI113" s="102">
        <v>87</v>
      </c>
      <c r="AJ113" s="103">
        <v>4.9879438095613366</v>
      </c>
      <c r="AK113" s="104">
        <v>0.34138870830398893</v>
      </c>
      <c r="AL113" s="105">
        <v>0.17388170272843531</v>
      </c>
      <c r="AM113" s="95">
        <v>8.1951766733554407E-2</v>
      </c>
      <c r="AN113" s="105">
        <v>0.1781470458476776</v>
      </c>
      <c r="AO113" s="95">
        <v>8.2626468163238181E-2</v>
      </c>
      <c r="AP113" s="105">
        <v>0.6479712514238869</v>
      </c>
      <c r="AQ113" s="95">
        <v>0.10054512563740677</v>
      </c>
      <c r="AR113" s="94">
        <v>0</v>
      </c>
      <c r="AS113" s="95">
        <v>3.0738162934200789E-2</v>
      </c>
    </row>
    <row r="114" spans="1:45">
      <c r="A114" s="55" t="s">
        <v>581</v>
      </c>
      <c r="B114" s="98">
        <v>36</v>
      </c>
      <c r="C114" s="99">
        <v>5.4838278653535335</v>
      </c>
      <c r="D114" s="100">
        <v>0.46490036102267374</v>
      </c>
      <c r="E114" s="101">
        <v>8.4745170280963192E-2</v>
      </c>
      <c r="F114" s="92">
        <v>0.10503636293206327</v>
      </c>
      <c r="G114" s="101">
        <v>9.9236814843892698E-2</v>
      </c>
      <c r="H114" s="92">
        <v>0.10950113434712018</v>
      </c>
      <c r="I114" s="101">
        <v>0.81601801487514436</v>
      </c>
      <c r="J114" s="92">
        <v>0.1300413078841651</v>
      </c>
      <c r="K114" s="91">
        <v>0</v>
      </c>
      <c r="L114" s="92">
        <v>6.8920243760451111E-2</v>
      </c>
      <c r="M114" s="98">
        <v>37</v>
      </c>
      <c r="N114" s="99">
        <v>5.3534940846487142</v>
      </c>
      <c r="O114" s="100">
        <v>0.3747835238064019</v>
      </c>
      <c r="P114" s="101">
        <v>2.8359581589212649E-2</v>
      </c>
      <c r="Q114" s="92">
        <v>8.1952928802340952E-2</v>
      </c>
      <c r="R114" s="101">
        <v>0.21464788875095803</v>
      </c>
      <c r="S114" s="92">
        <v>0.13386819734867822</v>
      </c>
      <c r="T114" s="101">
        <v>0.75699252965982955</v>
      </c>
      <c r="U114" s="92">
        <v>0.1383572868326472</v>
      </c>
      <c r="V114" s="91">
        <v>0</v>
      </c>
      <c r="W114" s="92">
        <v>6.7282405785121679E-2</v>
      </c>
      <c r="X114" s="98">
        <v>37</v>
      </c>
      <c r="Y114" s="99">
        <v>5.3084040506864127</v>
      </c>
      <c r="Z114" s="100">
        <v>0.38138088009236171</v>
      </c>
      <c r="AA114" s="101">
        <v>9.199644078747235E-2</v>
      </c>
      <c r="AB114" s="92">
        <v>0.10565936380927772</v>
      </c>
      <c r="AC114" s="101">
        <v>9.3846416487647299E-2</v>
      </c>
      <c r="AD114" s="92">
        <v>0.10622415634832118</v>
      </c>
      <c r="AE114" s="101">
        <v>0.81415714272488049</v>
      </c>
      <c r="AF114" s="92">
        <v>0.12864145812312749</v>
      </c>
      <c r="AG114" s="91">
        <v>0</v>
      </c>
      <c r="AH114" s="92">
        <v>6.7282405785121679E-2</v>
      </c>
      <c r="AI114" s="98">
        <v>36</v>
      </c>
      <c r="AJ114" s="99">
        <v>5.6720523003667376</v>
      </c>
      <c r="AK114" s="100">
        <v>0.50229031003549696</v>
      </c>
      <c r="AL114" s="106">
        <v>6.7475665031671739E-2</v>
      </c>
      <c r="AM114" s="92">
        <v>9.9230734515454611E-2</v>
      </c>
      <c r="AN114" s="101">
        <v>4.5568037643406729E-2</v>
      </c>
      <c r="AO114" s="92">
        <v>9.0955037896136348E-2</v>
      </c>
      <c r="AP114" s="101">
        <v>0.88695629732492165</v>
      </c>
      <c r="AQ114" s="92">
        <v>0.11345241619642808</v>
      </c>
      <c r="AR114" s="91">
        <v>0</v>
      </c>
      <c r="AS114" s="92">
        <v>6.8920243760451111E-2</v>
      </c>
    </row>
    <row r="115" spans="1:45">
      <c r="A115" s="47" t="s">
        <v>584</v>
      </c>
      <c r="B115" s="102">
        <v>58</v>
      </c>
      <c r="C115" s="103">
        <v>5.2415778370175605</v>
      </c>
      <c r="D115" s="104">
        <v>0.37513095390288631</v>
      </c>
      <c r="E115" s="105">
        <v>0.10869179822110789</v>
      </c>
      <c r="F115" s="95">
        <v>8.650871214389308E-2</v>
      </c>
      <c r="G115" s="105">
        <v>0.21287923105411441</v>
      </c>
      <c r="H115" s="95">
        <v>0.10711938863878653</v>
      </c>
      <c r="I115" s="105">
        <v>0.6784289707247777</v>
      </c>
      <c r="J115" s="95">
        <v>0.11971433026291471</v>
      </c>
      <c r="K115" s="94">
        <v>0</v>
      </c>
      <c r="L115" s="95">
        <v>4.4877957654209835E-2</v>
      </c>
      <c r="M115" s="102">
        <v>58</v>
      </c>
      <c r="N115" s="103">
        <v>5.1344885348456817</v>
      </c>
      <c r="O115" s="104">
        <v>0.34696986088235882</v>
      </c>
      <c r="P115" s="105">
        <v>8.4685605925099314E-2</v>
      </c>
      <c r="Q115" s="95">
        <v>7.9940410897816921E-2</v>
      </c>
      <c r="R115" s="105">
        <v>0.23078234732808872</v>
      </c>
      <c r="S115" s="95">
        <v>0.10971287927320056</v>
      </c>
      <c r="T115" s="105">
        <v>0.6845320467468119</v>
      </c>
      <c r="U115" s="95">
        <v>0.1191908212550991</v>
      </c>
      <c r="V115" s="94">
        <v>0</v>
      </c>
      <c r="W115" s="95">
        <v>4.4877957654209835E-2</v>
      </c>
      <c r="X115" s="102">
        <v>58</v>
      </c>
      <c r="Y115" s="103">
        <v>5.0067105856631926</v>
      </c>
      <c r="Z115" s="104">
        <v>0.3918448446406666</v>
      </c>
      <c r="AA115" s="105">
        <v>0.13486028836414385</v>
      </c>
      <c r="AB115" s="95">
        <v>9.2743672035366737E-2</v>
      </c>
      <c r="AC115" s="105">
        <v>0.14062566888181022</v>
      </c>
      <c r="AD115" s="95">
        <v>9.4006530305430491E-2</v>
      </c>
      <c r="AE115" s="105">
        <v>0.71075539860272929</v>
      </c>
      <c r="AF115" s="95">
        <v>0.11670990066647149</v>
      </c>
      <c r="AG115" s="94">
        <v>1.3758644151316755E-2</v>
      </c>
      <c r="AH115" s="95">
        <v>5.2727187498044489E-2</v>
      </c>
      <c r="AI115" s="102">
        <v>57</v>
      </c>
      <c r="AJ115" s="103">
        <v>5.3310742837160117</v>
      </c>
      <c r="AK115" s="104">
        <v>0.41053346669026552</v>
      </c>
      <c r="AL115" s="105">
        <v>0.10575313589405465</v>
      </c>
      <c r="AM115" s="95">
        <v>8.6568616124852352E-2</v>
      </c>
      <c r="AN115" s="105">
        <v>0.19405326765589795</v>
      </c>
      <c r="AO115" s="95">
        <v>0.10504330598499081</v>
      </c>
      <c r="AP115" s="105">
        <v>0.66318776143705238</v>
      </c>
      <c r="AQ115" s="95">
        <v>0.1219372958504075</v>
      </c>
      <c r="AR115" s="94">
        <v>3.7005835012995217E-2</v>
      </c>
      <c r="AS115" s="95">
        <v>6.4186161422941923E-2</v>
      </c>
    </row>
    <row r="116" spans="1:45">
      <c r="A116" s="55" t="s">
        <v>585</v>
      </c>
      <c r="B116" s="98">
        <v>881</v>
      </c>
      <c r="C116" s="99">
        <v>4.4723074873703288</v>
      </c>
      <c r="D116" s="100">
        <v>0.10832305160926894</v>
      </c>
      <c r="E116" s="101">
        <v>0.24433406607737726</v>
      </c>
      <c r="F116" s="92">
        <v>2.8933937270193937E-2</v>
      </c>
      <c r="G116" s="101">
        <v>0.20179465985681688</v>
      </c>
      <c r="H116" s="92">
        <v>2.7048866695358078E-2</v>
      </c>
      <c r="I116" s="101">
        <v>0.54361954734466844</v>
      </c>
      <c r="J116" s="92">
        <v>3.3487631274403851E-2</v>
      </c>
      <c r="K116" s="91">
        <v>1.0251726721139441E-2</v>
      </c>
      <c r="L116" s="92">
        <v>7.4590846524096623E-3</v>
      </c>
      <c r="M116" s="98">
        <v>877</v>
      </c>
      <c r="N116" s="99">
        <v>4.8144415338954456</v>
      </c>
      <c r="O116" s="100">
        <v>9.4052482011965144E-2</v>
      </c>
      <c r="P116" s="101">
        <v>0.15069262268432768</v>
      </c>
      <c r="Q116" s="92">
        <v>2.4209623226432733E-2</v>
      </c>
      <c r="R116" s="101">
        <v>0.2380711357440384</v>
      </c>
      <c r="S116" s="92">
        <v>2.874719315269279E-2</v>
      </c>
      <c r="T116" s="101">
        <v>0.60606030965103319</v>
      </c>
      <c r="U116" s="92">
        <v>3.2931196080090465E-2</v>
      </c>
      <c r="V116" s="91">
        <v>5.1759319206023877E-3</v>
      </c>
      <c r="W116" s="92">
        <v>5.7836453984609123E-3</v>
      </c>
      <c r="X116" s="98">
        <v>873</v>
      </c>
      <c r="Y116" s="99">
        <v>4.1282081483386914</v>
      </c>
      <c r="Z116" s="100">
        <v>0.10956071993766753</v>
      </c>
      <c r="AA116" s="101">
        <v>0.33523957722931125</v>
      </c>
      <c r="AB116" s="92">
        <v>3.1899290237527744E-2</v>
      </c>
      <c r="AC116" s="101">
        <v>0.20695357820561824</v>
      </c>
      <c r="AD116" s="92">
        <v>2.7425060869857614E-2</v>
      </c>
      <c r="AE116" s="101">
        <v>0.44649315120442218</v>
      </c>
      <c r="AF116" s="92">
        <v>3.3575461645909396E-2</v>
      </c>
      <c r="AG116" s="91">
        <v>1.1313693360649942E-2</v>
      </c>
      <c r="AH116" s="92">
        <v>7.8058515150931339E-3</v>
      </c>
      <c r="AI116" s="98">
        <v>875</v>
      </c>
      <c r="AJ116" s="99">
        <v>4.7139758154891123</v>
      </c>
      <c r="AK116" s="100">
        <v>0.10344335188383602</v>
      </c>
      <c r="AL116" s="106">
        <v>0.19312114871339175</v>
      </c>
      <c r="AM116" s="92">
        <v>2.6701955668508873E-2</v>
      </c>
      <c r="AN116" s="101">
        <v>0.2333173285170049</v>
      </c>
      <c r="AO116" s="92">
        <v>2.8582448273641807E-2</v>
      </c>
      <c r="AP116" s="101">
        <v>0.56849635021135347</v>
      </c>
      <c r="AQ116" s="92">
        <v>3.3414067439141486E-2</v>
      </c>
      <c r="AR116" s="91">
        <v>5.0651725582517926E-3</v>
      </c>
      <c r="AS116" s="92">
        <v>5.7493693946872003E-3</v>
      </c>
    </row>
    <row r="117" spans="1:45">
      <c r="A117" s="47" t="s">
        <v>620</v>
      </c>
      <c r="B117" s="102">
        <v>37</v>
      </c>
      <c r="C117" s="103">
        <v>4.6078334520263908</v>
      </c>
      <c r="D117" s="104">
        <v>0.58630337158797519</v>
      </c>
      <c r="E117" s="105">
        <v>0.30790288082420075</v>
      </c>
      <c r="F117" s="95">
        <v>0.14648656616013941</v>
      </c>
      <c r="G117" s="105">
        <v>0.10228448516312628</v>
      </c>
      <c r="H117" s="95">
        <v>0.10873137171397763</v>
      </c>
      <c r="I117" s="105">
        <v>0.58981263401267292</v>
      </c>
      <c r="J117" s="95">
        <v>0.15410823832459969</v>
      </c>
      <c r="K117" s="94">
        <v>0</v>
      </c>
      <c r="L117" s="95">
        <v>6.7282405785121679E-2</v>
      </c>
      <c r="M117" s="102">
        <v>37</v>
      </c>
      <c r="N117" s="103">
        <v>4.6973685398918548</v>
      </c>
      <c r="O117" s="104">
        <v>0.45671592119819854</v>
      </c>
      <c r="P117" s="105">
        <v>0.1552945193752229</v>
      </c>
      <c r="Q117" s="95">
        <v>0.12226796751904222</v>
      </c>
      <c r="R117" s="105">
        <v>0.3563983768875274</v>
      </c>
      <c r="S117" s="95">
        <v>0.15083701074126341</v>
      </c>
      <c r="T117" s="105">
        <v>0.48830710373724939</v>
      </c>
      <c r="U117" s="95">
        <v>0.15613897894272372</v>
      </c>
      <c r="V117" s="94">
        <v>0</v>
      </c>
      <c r="W117" s="95">
        <v>6.7282405785121679E-2</v>
      </c>
      <c r="X117" s="102">
        <v>36</v>
      </c>
      <c r="Y117" s="103">
        <v>3.9622161220413732</v>
      </c>
      <c r="Z117" s="104">
        <v>0.5797027761206387</v>
      </c>
      <c r="AA117" s="105">
        <v>0.42945405196526382</v>
      </c>
      <c r="AB117" s="95">
        <v>0.15683394022495992</v>
      </c>
      <c r="AC117" s="105">
        <v>8.9850030400246653E-2</v>
      </c>
      <c r="AD117" s="95">
        <v>0.10664866242678823</v>
      </c>
      <c r="AE117" s="105">
        <v>0.48069591763448954</v>
      </c>
      <c r="AF117" s="95">
        <v>0.15801840255086139</v>
      </c>
      <c r="AG117" s="94">
        <v>0</v>
      </c>
      <c r="AH117" s="95">
        <v>6.8920243760451111E-2</v>
      </c>
      <c r="AI117" s="102">
        <v>37</v>
      </c>
      <c r="AJ117" s="103">
        <v>4.43371090524768</v>
      </c>
      <c r="AK117" s="104">
        <v>0.51541005870053691</v>
      </c>
      <c r="AL117" s="105">
        <v>0.40687487578282472</v>
      </c>
      <c r="AM117" s="95">
        <v>0.15395194722304525</v>
      </c>
      <c r="AN117" s="105">
        <v>0.11431921260257048</v>
      </c>
      <c r="AO117" s="95">
        <v>0.11212311842276076</v>
      </c>
      <c r="AP117" s="105">
        <v>0.47880591161460473</v>
      </c>
      <c r="AQ117" s="95">
        <v>0.15605945767389867</v>
      </c>
      <c r="AR117" s="94">
        <v>0</v>
      </c>
      <c r="AS117" s="95">
        <v>6.7282405785121679E-2</v>
      </c>
    </row>
    <row r="118" spans="1:45">
      <c r="A118" s="55" t="s">
        <v>621</v>
      </c>
      <c r="B118" s="98">
        <v>52</v>
      </c>
      <c r="C118" s="99">
        <v>3.7577663943021133</v>
      </c>
      <c r="D118" s="100">
        <v>0.41652583302700136</v>
      </c>
      <c r="E118" s="101">
        <v>0.40018937032374569</v>
      </c>
      <c r="F118" s="92">
        <v>0.13131482802204669</v>
      </c>
      <c r="G118" s="101">
        <v>0.16030951362876089</v>
      </c>
      <c r="H118" s="92">
        <v>0.10368423328484229</v>
      </c>
      <c r="I118" s="101">
        <v>0.43950111604749309</v>
      </c>
      <c r="J118" s="92">
        <v>0.13278448826958775</v>
      </c>
      <c r="K118" s="91">
        <v>0</v>
      </c>
      <c r="L118" s="92">
        <v>4.9597505344958111E-2</v>
      </c>
      <c r="M118" s="98">
        <v>52</v>
      </c>
      <c r="N118" s="99">
        <v>4.1172882124090524</v>
      </c>
      <c r="O118" s="100">
        <v>0.41434654660066045</v>
      </c>
      <c r="P118" s="101">
        <v>0.40865459198362641</v>
      </c>
      <c r="Q118" s="92">
        <v>0.13169375805303515</v>
      </c>
      <c r="R118" s="101">
        <v>0.21541240616651108</v>
      </c>
      <c r="S118" s="92">
        <v>0.1134418355458098</v>
      </c>
      <c r="T118" s="101">
        <v>0.37593300184986211</v>
      </c>
      <c r="U118" s="92">
        <v>0.1300351029290937</v>
      </c>
      <c r="V118" s="91">
        <v>0</v>
      </c>
      <c r="W118" s="92">
        <v>4.9597505344958111E-2</v>
      </c>
      <c r="X118" s="98">
        <v>51</v>
      </c>
      <c r="Y118" s="99">
        <v>3.3962529811318918</v>
      </c>
      <c r="Z118" s="100">
        <v>0.46848457909074065</v>
      </c>
      <c r="AA118" s="101">
        <v>0.47867331546637443</v>
      </c>
      <c r="AB118" s="92">
        <v>0.13473446574008127</v>
      </c>
      <c r="AC118" s="101">
        <v>0.20176600131173433</v>
      </c>
      <c r="AD118" s="92">
        <v>0.11233821529022081</v>
      </c>
      <c r="AE118" s="101">
        <v>0.31956068322189113</v>
      </c>
      <c r="AF118" s="92">
        <v>0.12706625418293291</v>
      </c>
      <c r="AG118" s="91">
        <v>0</v>
      </c>
      <c r="AH118" s="92">
        <v>5.0482272182006148E-2</v>
      </c>
      <c r="AI118" s="98">
        <v>52</v>
      </c>
      <c r="AJ118" s="99">
        <v>3.993404036901592</v>
      </c>
      <c r="AK118" s="100">
        <v>0.40067472678769073</v>
      </c>
      <c r="AL118" s="106">
        <v>0.30495329225944523</v>
      </c>
      <c r="AM118" s="92">
        <v>0.12455561844434106</v>
      </c>
      <c r="AN118" s="101">
        <v>0.30263260430123806</v>
      </c>
      <c r="AO118" s="92">
        <v>0.12433026526534534</v>
      </c>
      <c r="AP118" s="101">
        <v>0.39241410343931643</v>
      </c>
      <c r="AQ118" s="92">
        <v>0.13093612191332596</v>
      </c>
      <c r="AR118" s="91">
        <v>0</v>
      </c>
      <c r="AS118" s="92">
        <v>4.9597505344958111E-2</v>
      </c>
    </row>
    <row r="119" spans="1:45">
      <c r="A119" s="47" t="s">
        <v>622</v>
      </c>
      <c r="B119" s="102">
        <v>399</v>
      </c>
      <c r="C119" s="103">
        <v>4.3974574522106913</v>
      </c>
      <c r="D119" s="104">
        <v>0.15606590975468357</v>
      </c>
      <c r="E119" s="105">
        <v>0.24369938326202045</v>
      </c>
      <c r="F119" s="95">
        <v>4.292153869638745E-2</v>
      </c>
      <c r="G119" s="105">
        <v>0.2506874163503735</v>
      </c>
      <c r="H119" s="95">
        <v>4.3320147386114748E-2</v>
      </c>
      <c r="I119" s="105">
        <v>0.49268800324439044</v>
      </c>
      <c r="J119" s="95">
        <v>4.980832648679305E-2</v>
      </c>
      <c r="K119" s="94">
        <v>1.2925197143216494E-2</v>
      </c>
      <c r="L119" s="95">
        <v>1.3158427669335965E-2</v>
      </c>
      <c r="M119" s="102">
        <v>395</v>
      </c>
      <c r="N119" s="103">
        <v>4.7623130597263499</v>
      </c>
      <c r="O119" s="104">
        <v>0.13919007454734056</v>
      </c>
      <c r="P119" s="105">
        <v>0.13024060198310855</v>
      </c>
      <c r="Q119" s="95">
        <v>3.4102240533904274E-2</v>
      </c>
      <c r="R119" s="105">
        <v>0.28702547760521591</v>
      </c>
      <c r="S119" s="95">
        <v>4.5394039859921562E-2</v>
      </c>
      <c r="T119" s="105">
        <v>0.58120415017709226</v>
      </c>
      <c r="U119" s="95">
        <v>4.9411315060348439E-2</v>
      </c>
      <c r="V119" s="94">
        <v>1.5297702345835982E-3</v>
      </c>
      <c r="W119" s="95">
        <v>8.0626396304186634E-3</v>
      </c>
      <c r="X119" s="102">
        <v>396</v>
      </c>
      <c r="Y119" s="103">
        <v>4.1286733223759846</v>
      </c>
      <c r="Z119" s="104">
        <v>0.1568237194861099</v>
      </c>
      <c r="AA119" s="105">
        <v>0.33089854604506747</v>
      </c>
      <c r="AB119" s="95">
        <v>4.7114089694564654E-2</v>
      </c>
      <c r="AC119" s="105">
        <v>0.22934619224644809</v>
      </c>
      <c r="AD119" s="95">
        <v>4.2214246490156392E-2</v>
      </c>
      <c r="AE119" s="105">
        <v>0.42746470303461204</v>
      </c>
      <c r="AF119" s="95">
        <v>4.948164628863206E-2</v>
      </c>
      <c r="AG119" s="94">
        <v>1.2290558673872852E-2</v>
      </c>
      <c r="AH119" s="95">
        <v>1.298958227758458E-2</v>
      </c>
      <c r="AI119" s="102">
        <v>394</v>
      </c>
      <c r="AJ119" s="103">
        <v>4.6401230640455609</v>
      </c>
      <c r="AK119" s="104">
        <v>0.1566652594616888</v>
      </c>
      <c r="AL119" s="105">
        <v>0.19937107730172784</v>
      </c>
      <c r="AM119" s="95">
        <v>4.0279146589936879E-2</v>
      </c>
      <c r="AN119" s="105">
        <v>0.24956746330091709</v>
      </c>
      <c r="AO119" s="95">
        <v>4.3529905621162247E-2</v>
      </c>
      <c r="AP119" s="105">
        <v>0.54693898001178842</v>
      </c>
      <c r="AQ119" s="95">
        <v>4.9908539102772473E-2</v>
      </c>
      <c r="AR119" s="94">
        <v>4.122479385567473E-3</v>
      </c>
      <c r="AS119" s="95">
        <v>9.5229163812807927E-3</v>
      </c>
    </row>
    <row r="120" spans="1:45">
      <c r="A120" s="55" t="s">
        <v>623</v>
      </c>
      <c r="B120" s="98">
        <v>103</v>
      </c>
      <c r="C120" s="99">
        <v>4.8615025049070351</v>
      </c>
      <c r="D120" s="100">
        <v>0.31019106786923856</v>
      </c>
      <c r="E120" s="101">
        <v>0.16552556003706406</v>
      </c>
      <c r="F120" s="92">
        <v>7.3962570428025287E-2</v>
      </c>
      <c r="G120" s="101">
        <v>0.19931986385121145</v>
      </c>
      <c r="H120" s="92">
        <v>7.8828958798640311E-2</v>
      </c>
      <c r="I120" s="101">
        <v>0.61958403735925904</v>
      </c>
      <c r="J120" s="92">
        <v>9.4076695238216448E-2</v>
      </c>
      <c r="K120" s="91">
        <v>1.5570538752465559E-2</v>
      </c>
      <c r="L120" s="92">
        <v>3.4880680706608463E-2</v>
      </c>
      <c r="M120" s="98">
        <v>103</v>
      </c>
      <c r="N120" s="99">
        <v>4.9100007478730001</v>
      </c>
      <c r="O120" s="100">
        <v>0.25157412800898521</v>
      </c>
      <c r="P120" s="101">
        <v>0.11608567495407388</v>
      </c>
      <c r="Q120" s="92">
        <v>6.5116327718643424E-2</v>
      </c>
      <c r="R120" s="101">
        <v>0.19987926184330246</v>
      </c>
      <c r="S120" s="92">
        <v>7.890276884985109E-2</v>
      </c>
      <c r="T120" s="101">
        <v>0.66447403069853994</v>
      </c>
      <c r="U120" s="92">
        <v>9.1699029424072126E-2</v>
      </c>
      <c r="V120" s="91">
        <v>1.9561032504083867E-2</v>
      </c>
      <c r="W120" s="92">
        <v>3.6742862337270525E-2</v>
      </c>
      <c r="X120" s="98">
        <v>102</v>
      </c>
      <c r="Y120" s="99">
        <v>4.569100576812672</v>
      </c>
      <c r="Z120" s="100">
        <v>0.32930417111449106</v>
      </c>
      <c r="AA120" s="101">
        <v>0.25123237987567881</v>
      </c>
      <c r="AB120" s="92">
        <v>8.5273619021348751E-2</v>
      </c>
      <c r="AC120" s="101">
        <v>0.17415655976066913</v>
      </c>
      <c r="AD120" s="92">
        <v>7.565761742521869E-2</v>
      </c>
      <c r="AE120" s="101">
        <v>0.55545700128231335</v>
      </c>
      <c r="AF120" s="92">
        <v>9.6573806591014957E-2</v>
      </c>
      <c r="AG120" s="91">
        <v>1.9154059081339093E-2</v>
      </c>
      <c r="AH120" s="92">
        <v>3.6810560129976806E-2</v>
      </c>
      <c r="AI120" s="98">
        <v>102</v>
      </c>
      <c r="AJ120" s="99">
        <v>4.86015919015954</v>
      </c>
      <c r="AK120" s="100">
        <v>0.28462634257351477</v>
      </c>
      <c r="AL120" s="106">
        <v>0.10979150677783359</v>
      </c>
      <c r="AM120" s="92">
        <v>6.4137832938450712E-2</v>
      </c>
      <c r="AN120" s="101">
        <v>0.30193953941503926</v>
      </c>
      <c r="AO120" s="92">
        <v>8.9795741648584768E-2</v>
      </c>
      <c r="AP120" s="101">
        <v>0.57998562666141706</v>
      </c>
      <c r="AQ120" s="92">
        <v>9.5970914335467991E-2</v>
      </c>
      <c r="AR120" s="91">
        <v>8.2833271457104386E-3</v>
      </c>
      <c r="AS120" s="92">
        <v>3.1394242295769897E-2</v>
      </c>
    </row>
    <row r="121" spans="1:45">
      <c r="A121" s="47" t="s">
        <v>624</v>
      </c>
      <c r="B121" s="102">
        <v>116</v>
      </c>
      <c r="C121" s="103">
        <v>4.0696291453705875</v>
      </c>
      <c r="D121" s="104">
        <v>0.29916295882753702</v>
      </c>
      <c r="E121" s="105">
        <v>0.32799411777761134</v>
      </c>
      <c r="F121" s="95">
        <v>8.6091715569186683E-2</v>
      </c>
      <c r="G121" s="105">
        <v>0.22232116804483218</v>
      </c>
      <c r="H121" s="95">
        <v>7.7017132808913105E-2</v>
      </c>
      <c r="I121" s="105">
        <v>0.44968471417755629</v>
      </c>
      <c r="J121" s="95">
        <v>9.0854156810384737E-2</v>
      </c>
      <c r="K121" s="94">
        <v>0</v>
      </c>
      <c r="L121" s="95">
        <v>2.3372982186625143E-2</v>
      </c>
      <c r="M121" s="102">
        <v>115</v>
      </c>
      <c r="N121" s="103">
        <v>4.7049468524458682</v>
      </c>
      <c r="O121" s="104">
        <v>0.23635549413963086</v>
      </c>
      <c r="P121" s="105">
        <v>0.1493343399968414</v>
      </c>
      <c r="Q121" s="95">
        <v>6.7403540464716957E-2</v>
      </c>
      <c r="R121" s="105">
        <v>0.26026723295918236</v>
      </c>
      <c r="S121" s="95">
        <v>8.1235608266252396E-2</v>
      </c>
      <c r="T121" s="105">
        <v>0.59039842704397583</v>
      </c>
      <c r="U121" s="95">
        <v>9.0259804480833747E-2</v>
      </c>
      <c r="V121" s="94">
        <v>0</v>
      </c>
      <c r="W121" s="95">
        <v>2.3567715249216942E-2</v>
      </c>
      <c r="X121" s="102">
        <v>115</v>
      </c>
      <c r="Y121" s="103">
        <v>3.6119117596133239</v>
      </c>
      <c r="Z121" s="104">
        <v>0.27162834611302678</v>
      </c>
      <c r="AA121" s="105">
        <v>0.43338357515635401</v>
      </c>
      <c r="AB121" s="95">
        <v>9.0906836398687393E-2</v>
      </c>
      <c r="AC121" s="105">
        <v>0.25920931867878327</v>
      </c>
      <c r="AD121" s="95">
        <v>8.1137328026318858E-2</v>
      </c>
      <c r="AE121" s="105">
        <v>0.30740710616486278</v>
      </c>
      <c r="AF121" s="95">
        <v>8.508219450052372E-2</v>
      </c>
      <c r="AG121" s="94">
        <v>0</v>
      </c>
      <c r="AH121" s="95">
        <v>2.3567715249216942E-2</v>
      </c>
      <c r="AI121" s="102">
        <v>116</v>
      </c>
      <c r="AJ121" s="103">
        <v>4.5317770431522311</v>
      </c>
      <c r="AK121" s="104">
        <v>0.25041816859709221</v>
      </c>
      <c r="AL121" s="105">
        <v>0.1626248237339647</v>
      </c>
      <c r="AM121" s="95">
        <v>6.9195292592934013E-2</v>
      </c>
      <c r="AN121" s="105">
        <v>0.30439502529853718</v>
      </c>
      <c r="AO121" s="95">
        <v>8.4507777758724617E-2</v>
      </c>
      <c r="AP121" s="105">
        <v>0.53298015096749796</v>
      </c>
      <c r="AQ121" s="95">
        <v>9.1101338041370467E-2</v>
      </c>
      <c r="AR121" s="94">
        <v>0</v>
      </c>
      <c r="AS121" s="95">
        <v>2.3372982186625143E-2</v>
      </c>
    </row>
    <row r="122" spans="1:45">
      <c r="A122" s="55" t="s">
        <v>625</v>
      </c>
      <c r="B122" s="98">
        <v>469</v>
      </c>
      <c r="C122" s="99">
        <v>4.7441937681016553</v>
      </c>
      <c r="D122" s="100">
        <v>0.14509580227112231</v>
      </c>
      <c r="E122" s="101">
        <v>0.2066927233032872</v>
      </c>
      <c r="F122" s="92">
        <v>3.7401849303207862E-2</v>
      </c>
      <c r="G122" s="101">
        <v>0.16912369923551704</v>
      </c>
      <c r="H122" s="92">
        <v>3.4697691656964465E-2</v>
      </c>
      <c r="I122" s="101">
        <v>0.61810556134759642</v>
      </c>
      <c r="J122" s="92">
        <v>4.4701121762623176E-2</v>
      </c>
      <c r="K122" s="91">
        <v>6.0780161135995927E-3</v>
      </c>
      <c r="L122" s="92">
        <v>9.2646237928034492E-3</v>
      </c>
      <c r="M122" s="98">
        <v>468</v>
      </c>
      <c r="N122" s="99">
        <v>4.9484006312972753</v>
      </c>
      <c r="O122" s="100">
        <v>0.12847155250655848</v>
      </c>
      <c r="P122" s="101">
        <v>0.14026586070722213</v>
      </c>
      <c r="Q122" s="92">
        <v>3.2256312227497773E-2</v>
      </c>
      <c r="R122" s="101">
        <v>0.21412897734266673</v>
      </c>
      <c r="S122" s="92">
        <v>3.7917954691184766E-2</v>
      </c>
      <c r="T122" s="101">
        <v>0.64381866910121799</v>
      </c>
      <c r="U122" s="92">
        <v>4.4117070563533423E-2</v>
      </c>
      <c r="V122" s="91">
        <v>1.7864928488934575E-3</v>
      </c>
      <c r="W122" s="92">
        <v>7.1144025830009458E-3</v>
      </c>
      <c r="X122" s="98">
        <v>466</v>
      </c>
      <c r="Y122" s="99">
        <v>4.530469456687392</v>
      </c>
      <c r="Z122" s="100">
        <v>0.14707798359227806</v>
      </c>
      <c r="AA122" s="101">
        <v>0.23912680774430625</v>
      </c>
      <c r="AB122" s="92">
        <v>3.9475133917528459E-2</v>
      </c>
      <c r="AC122" s="101">
        <v>0.17495526250431667</v>
      </c>
      <c r="AD122" s="92">
        <v>3.5266358309892533E-2</v>
      </c>
      <c r="AE122" s="101">
        <v>0.57318643872585806</v>
      </c>
      <c r="AF122" s="92">
        <v>4.5638219101381591E-2</v>
      </c>
      <c r="AG122" s="91">
        <v>1.2731491025518793E-2</v>
      </c>
      <c r="AH122" s="92">
        <v>1.1883682625237096E-2</v>
      </c>
      <c r="AI122" s="98">
        <v>464</v>
      </c>
      <c r="AJ122" s="99">
        <v>5.0019057345877629</v>
      </c>
      <c r="AK122" s="100">
        <v>0.13683514498752739</v>
      </c>
      <c r="AL122" s="106">
        <v>0.14736406565059937</v>
      </c>
      <c r="AM122" s="92">
        <v>3.3045486738987155E-2</v>
      </c>
      <c r="AN122" s="101">
        <v>0.20325444419220312</v>
      </c>
      <c r="AO122" s="92">
        <v>3.7375537732282728E-2</v>
      </c>
      <c r="AP122" s="101">
        <v>0.63483659950607807</v>
      </c>
      <c r="AQ122" s="92">
        <v>4.4542167484694743E-2</v>
      </c>
      <c r="AR122" s="91">
        <v>1.4544890651119757E-2</v>
      </c>
      <c r="AS122" s="92">
        <v>1.2521643145731402E-2</v>
      </c>
    </row>
    <row r="123" spans="1:45">
      <c r="A123" s="47" t="s">
        <v>626</v>
      </c>
      <c r="B123" s="102">
        <v>470</v>
      </c>
      <c r="C123" s="103">
        <v>4.390614528104626</v>
      </c>
      <c r="D123" s="104">
        <v>0.14997451657161773</v>
      </c>
      <c r="E123" s="105">
        <v>0.23840893536284558</v>
      </c>
      <c r="F123" s="95">
        <v>3.9267574638206001E-2</v>
      </c>
      <c r="G123" s="105">
        <v>0.27425228172317712</v>
      </c>
      <c r="H123" s="95">
        <v>4.1071560190053806E-2</v>
      </c>
      <c r="I123" s="105">
        <v>0.47485942930340536</v>
      </c>
      <c r="J123" s="95">
        <v>4.5874399631739789E-2</v>
      </c>
      <c r="K123" s="94">
        <v>1.2479353610572529E-2</v>
      </c>
      <c r="L123" s="95">
        <v>1.1734801372957059E-2</v>
      </c>
      <c r="M123" s="102">
        <v>467</v>
      </c>
      <c r="N123" s="103">
        <v>4.7375599561181527</v>
      </c>
      <c r="O123" s="104">
        <v>0.12760301906792487</v>
      </c>
      <c r="P123" s="105">
        <v>0.13174765250496046</v>
      </c>
      <c r="Q123" s="95">
        <v>3.1479279594066628E-2</v>
      </c>
      <c r="R123" s="105">
        <v>0.28203454116798221</v>
      </c>
      <c r="S123" s="95">
        <v>4.1551091835970978E-2</v>
      </c>
      <c r="T123" s="105">
        <v>0.57733032249541416</v>
      </c>
      <c r="U123" s="95">
        <v>4.5532579567067077E-2</v>
      </c>
      <c r="V123" s="94">
        <v>8.8874838316438092E-3</v>
      </c>
      <c r="W123" s="95">
        <v>1.0461849326989224E-2</v>
      </c>
      <c r="X123" s="102">
        <v>465</v>
      </c>
      <c r="Y123" s="103">
        <v>3.8507638260850214</v>
      </c>
      <c r="Z123" s="104">
        <v>0.14842694284540314</v>
      </c>
      <c r="AA123" s="105">
        <v>0.40737927148070435</v>
      </c>
      <c r="AB123" s="95">
        <v>4.5390239381036923E-2</v>
      </c>
      <c r="AC123" s="105">
        <v>0.23120393220033886</v>
      </c>
      <c r="AD123" s="95">
        <v>3.9069764332179867E-2</v>
      </c>
      <c r="AE123" s="105">
        <v>0.35147819485043591</v>
      </c>
      <c r="AF123" s="95">
        <v>4.4127740246380248E-2</v>
      </c>
      <c r="AG123" s="94">
        <v>9.9386014685214803E-3</v>
      </c>
      <c r="AH123" s="95">
        <v>1.0895473598585958E-2</v>
      </c>
      <c r="AI123" s="102">
        <v>468</v>
      </c>
      <c r="AJ123" s="103">
        <v>4.5010518244789965</v>
      </c>
      <c r="AK123" s="104">
        <v>0.14453855112795702</v>
      </c>
      <c r="AL123" s="105">
        <v>0.23235689363937695</v>
      </c>
      <c r="AM123" s="95">
        <v>3.9010661174520171E-2</v>
      </c>
      <c r="AN123" s="105">
        <v>0.26997875819107614</v>
      </c>
      <c r="AO123" s="95">
        <v>4.0961247106207424E-2</v>
      </c>
      <c r="AP123" s="105">
        <v>0.49242329497699849</v>
      </c>
      <c r="AQ123" s="95">
        <v>4.6023535100282884E-2</v>
      </c>
      <c r="AR123" s="94">
        <v>5.2410531925489732E-3</v>
      </c>
      <c r="AS123" s="95">
        <v>8.8991175864487175E-3</v>
      </c>
    </row>
    <row r="124" spans="1:45">
      <c r="A124" s="55" t="s">
        <v>627</v>
      </c>
      <c r="B124" s="98">
        <v>150</v>
      </c>
      <c r="C124" s="99">
        <v>4.2322450164064227</v>
      </c>
      <c r="D124" s="100">
        <v>0.26115275358356665</v>
      </c>
      <c r="E124" s="101">
        <v>0.25735629471230964</v>
      </c>
      <c r="F124" s="92">
        <v>7.1011761133173007E-2</v>
      </c>
      <c r="G124" s="101">
        <v>0.27872462346953253</v>
      </c>
      <c r="H124" s="92">
        <v>7.2711437616160779E-2</v>
      </c>
      <c r="I124" s="101">
        <v>0.44341357087153227</v>
      </c>
      <c r="J124" s="92">
        <v>8.0091206888022959E-2</v>
      </c>
      <c r="K124" s="91">
        <v>2.0505510946625383E-2</v>
      </c>
      <c r="L124" s="92">
        <v>2.8772983981692441E-2</v>
      </c>
      <c r="M124" s="98">
        <v>149</v>
      </c>
      <c r="N124" s="99">
        <v>4.7396604001972298</v>
      </c>
      <c r="O124" s="100">
        <v>0.22790422298720864</v>
      </c>
      <c r="P124" s="101">
        <v>0.14822779290495697</v>
      </c>
      <c r="Q124" s="92">
        <v>5.8887728307272548E-2</v>
      </c>
      <c r="R124" s="101">
        <v>0.25312277927536259</v>
      </c>
      <c r="S124" s="92">
        <v>7.0885495862278436E-2</v>
      </c>
      <c r="T124" s="101">
        <v>0.5881951539119229</v>
      </c>
      <c r="U124" s="92">
        <v>7.9643488509084787E-2</v>
      </c>
      <c r="V124" s="91">
        <v>1.0454273907757211E-2</v>
      </c>
      <c r="W124" s="92">
        <v>2.4367641522972355E-2</v>
      </c>
      <c r="X124" s="98">
        <v>148</v>
      </c>
      <c r="Y124" s="99">
        <v>3.613673501523738</v>
      </c>
      <c r="Z124" s="100">
        <v>0.2604498095840917</v>
      </c>
      <c r="AA124" s="101">
        <v>0.50241057498401676</v>
      </c>
      <c r="AB124" s="92">
        <v>8.1109816872826729E-2</v>
      </c>
      <c r="AC124" s="101">
        <v>0.19612587561936792</v>
      </c>
      <c r="AD124" s="92">
        <v>6.5384800731656936E-2</v>
      </c>
      <c r="AE124" s="101">
        <v>0.29091457455269137</v>
      </c>
      <c r="AF124" s="92">
        <v>7.4082793278154854E-2</v>
      </c>
      <c r="AG124" s="91">
        <v>1.0548974843923862E-2</v>
      </c>
      <c r="AH124" s="92">
        <v>2.4538012681790639E-2</v>
      </c>
      <c r="AI124" s="98">
        <v>149</v>
      </c>
      <c r="AJ124" s="99">
        <v>4.2108116206231534</v>
      </c>
      <c r="AK124" s="100">
        <v>0.24633129894223416</v>
      </c>
      <c r="AL124" s="106">
        <v>0.28762648462702084</v>
      </c>
      <c r="AM124" s="92">
        <v>7.3604660920881193E-2</v>
      </c>
      <c r="AN124" s="101">
        <v>0.28632695378780992</v>
      </c>
      <c r="AO124" s="92">
        <v>7.3511347962986293E-2</v>
      </c>
      <c r="AP124" s="101">
        <v>0.41983941581256745</v>
      </c>
      <c r="AQ124" s="92">
        <v>7.985376734653897E-2</v>
      </c>
      <c r="AR124" s="91">
        <v>6.2071457726017923E-3</v>
      </c>
      <c r="AS124" s="92">
        <v>2.2141146892557653E-2</v>
      </c>
    </row>
    <row r="125" spans="1:45">
      <c r="A125" s="47" t="s">
        <v>628</v>
      </c>
      <c r="B125" s="102">
        <v>320</v>
      </c>
      <c r="C125" s="103">
        <v>4.4892751256180992</v>
      </c>
      <c r="D125" s="104">
        <v>0.18298077417215411</v>
      </c>
      <c r="E125" s="105">
        <v>0.22644737867368567</v>
      </c>
      <c r="F125" s="95">
        <v>4.674665603024554E-2</v>
      </c>
      <c r="G125" s="105">
        <v>0.27142887143440542</v>
      </c>
      <c r="H125" s="95">
        <v>4.9570659177408945E-2</v>
      </c>
      <c r="I125" s="105">
        <v>0.4947113469946573</v>
      </c>
      <c r="J125" s="95">
        <v>5.5552523972834167E-2</v>
      </c>
      <c r="K125" s="94">
        <v>7.4124028972517401E-3</v>
      </c>
      <c r="L125" s="95">
        <v>1.2819569566415301E-2</v>
      </c>
      <c r="M125" s="102">
        <v>318</v>
      </c>
      <c r="N125" s="103">
        <v>4.7362394040230829</v>
      </c>
      <c r="O125" s="104">
        <v>0.15423881795691741</v>
      </c>
      <c r="P125" s="105">
        <v>0.12135981974374704</v>
      </c>
      <c r="Q125" s="95">
        <v>3.6994449387077979E-2</v>
      </c>
      <c r="R125" s="105">
        <v>0.30025832689329163</v>
      </c>
      <c r="S125" s="95">
        <v>5.1207570603482563E-2</v>
      </c>
      <c r="T125" s="105">
        <v>0.57048195537024649</v>
      </c>
      <c r="U125" s="95">
        <v>5.5185170913365375E-2</v>
      </c>
      <c r="V125" s="94">
        <v>7.8998979927150208E-3</v>
      </c>
      <c r="W125" s="95">
        <v>1.3100936467388158E-2</v>
      </c>
      <c r="X125" s="102">
        <v>317</v>
      </c>
      <c r="Y125" s="103">
        <v>4.0000439536456582</v>
      </c>
      <c r="Z125" s="104">
        <v>0.1795922944325212</v>
      </c>
      <c r="AA125" s="105">
        <v>0.3474841576368547</v>
      </c>
      <c r="AB125" s="95">
        <v>5.3222043700618941E-2</v>
      </c>
      <c r="AC125" s="105">
        <v>0.25331248080364177</v>
      </c>
      <c r="AD125" s="95">
        <v>4.8741475466521987E-2</v>
      </c>
      <c r="AE125" s="105">
        <v>0.38964945841100163</v>
      </c>
      <c r="AF125" s="95">
        <v>5.4472760322977244E-2</v>
      </c>
      <c r="AG125" s="94">
        <v>9.5539031485020569E-3</v>
      </c>
      <c r="AH125" s="95">
        <v>1.3861790792635676E-2</v>
      </c>
      <c r="AI125" s="102">
        <v>319</v>
      </c>
      <c r="AJ125" s="103">
        <v>4.6836428185545076</v>
      </c>
      <c r="AK125" s="104">
        <v>0.17670710042758253</v>
      </c>
      <c r="AL125" s="105">
        <v>0.19753152684351399</v>
      </c>
      <c r="AM125" s="95">
        <v>4.4619440495056242E-2</v>
      </c>
      <c r="AN125" s="105">
        <v>0.25967776088074601</v>
      </c>
      <c r="AO125" s="95">
        <v>4.8972959363489027E-2</v>
      </c>
      <c r="AP125" s="105">
        <v>0.53815839397443754</v>
      </c>
      <c r="AQ125" s="95">
        <v>5.548321667932888E-2</v>
      </c>
      <c r="AR125" s="94">
        <v>4.6323183013024889E-3</v>
      </c>
      <c r="AS125" s="95">
        <v>1.1484800240899491E-2</v>
      </c>
    </row>
    <row r="126" spans="1:45">
      <c r="A126" s="55" t="s">
        <v>629</v>
      </c>
      <c r="B126" s="98">
        <v>56</v>
      </c>
      <c r="C126" s="99">
        <v>4.5262366091348554</v>
      </c>
      <c r="D126" s="100">
        <v>0.39682975095079431</v>
      </c>
      <c r="E126" s="101">
        <v>0.19055151819288141</v>
      </c>
      <c r="F126" s="92">
        <v>0.10538305559634416</v>
      </c>
      <c r="G126" s="101">
        <v>0.27209535582494437</v>
      </c>
      <c r="H126" s="92">
        <v>0.11683436422437503</v>
      </c>
      <c r="I126" s="101">
        <v>0.53355085554147363</v>
      </c>
      <c r="J126" s="92">
        <v>0.12884601278197372</v>
      </c>
      <c r="K126" s="91">
        <v>3.8022704407006617E-3</v>
      </c>
      <c r="L126" s="92">
        <v>4.8663352652212839E-2</v>
      </c>
      <c r="M126" s="98">
        <v>56</v>
      </c>
      <c r="N126" s="99">
        <v>4.5088304850085876</v>
      </c>
      <c r="O126" s="100">
        <v>0.37104181952104326</v>
      </c>
      <c r="P126" s="101">
        <v>0.18537683724807888</v>
      </c>
      <c r="Q126" s="92">
        <v>0.10448945228378154</v>
      </c>
      <c r="R126" s="101">
        <v>0.268244245152781</v>
      </c>
      <c r="S126" s="92">
        <v>0.11639358126461474</v>
      </c>
      <c r="T126" s="101">
        <v>0.54257664715843956</v>
      </c>
      <c r="U126" s="92">
        <v>0.12869107069300975</v>
      </c>
      <c r="V126" s="91">
        <v>3.8022704407006617E-3</v>
      </c>
      <c r="W126" s="92">
        <v>4.8663352652212839E-2</v>
      </c>
      <c r="X126" s="98">
        <v>56</v>
      </c>
      <c r="Y126" s="99">
        <v>4.2158094232577872</v>
      </c>
      <c r="Z126" s="100">
        <v>0.4635264780324414</v>
      </c>
      <c r="AA126" s="101">
        <v>0.26563194685473168</v>
      </c>
      <c r="AB126" s="92">
        <v>0.11608941211850746</v>
      </c>
      <c r="AC126" s="101">
        <v>0.12463498940462239</v>
      </c>
      <c r="AD126" s="92">
        <v>9.2109141909839529E-2</v>
      </c>
      <c r="AE126" s="101">
        <v>0.60593079329994548</v>
      </c>
      <c r="AF126" s="92">
        <v>0.12655037789199236</v>
      </c>
      <c r="AG126" s="91">
        <v>3.8022704407006617E-3</v>
      </c>
      <c r="AH126" s="92">
        <v>4.8663352652212839E-2</v>
      </c>
      <c r="AI126" s="98">
        <v>55</v>
      </c>
      <c r="AJ126" s="99">
        <v>4.602937352303428</v>
      </c>
      <c r="AK126" s="100">
        <v>0.3682424242424242</v>
      </c>
      <c r="AL126" s="106">
        <v>0.13305737995145001</v>
      </c>
      <c r="AM126" s="92">
        <v>9.4954558347095902E-2</v>
      </c>
      <c r="AN126" s="101">
        <v>0.38000445595248428</v>
      </c>
      <c r="AO126" s="92">
        <v>0.12688905705790676</v>
      </c>
      <c r="AP126" s="101">
        <v>0.4869381640960655</v>
      </c>
      <c r="AQ126" s="92">
        <v>0.13015030112356341</v>
      </c>
      <c r="AR126" s="91">
        <v>0</v>
      </c>
      <c r="AS126" s="92">
        <v>4.7119904748779487E-2</v>
      </c>
    </row>
    <row r="127" spans="1:45">
      <c r="A127" s="47" t="s">
        <v>630</v>
      </c>
      <c r="B127" s="102">
        <v>116</v>
      </c>
      <c r="C127" s="103">
        <v>4.165756668702052</v>
      </c>
      <c r="D127" s="104">
        <v>0.31101249332420672</v>
      </c>
      <c r="E127" s="105">
        <v>0.34208779640570602</v>
      </c>
      <c r="F127" s="95">
        <v>8.6928792046302494E-2</v>
      </c>
      <c r="G127" s="105">
        <v>0.15356954044789473</v>
      </c>
      <c r="H127" s="95">
        <v>6.7787296078490433E-2</v>
      </c>
      <c r="I127" s="105">
        <v>0.48584243053310483</v>
      </c>
      <c r="J127" s="95">
        <v>9.1252890907779202E-2</v>
      </c>
      <c r="K127" s="94">
        <v>1.8500232613294483E-2</v>
      </c>
      <c r="L127" s="95">
        <v>3.3344918064414128E-2</v>
      </c>
      <c r="M127" s="102">
        <v>115</v>
      </c>
      <c r="N127" s="103">
        <v>4.6543194238799064</v>
      </c>
      <c r="O127" s="104">
        <v>0.24726345714729192</v>
      </c>
      <c r="P127" s="105">
        <v>0.14097372832210395</v>
      </c>
      <c r="Q127" s="95">
        <v>6.6007393022633074E-2</v>
      </c>
      <c r="R127" s="105">
        <v>0.29340219170494963</v>
      </c>
      <c r="S127" s="95">
        <v>8.4044514449529428E-2</v>
      </c>
      <c r="T127" s="105">
        <v>0.55468128540528749</v>
      </c>
      <c r="U127" s="95">
        <v>9.115645244731975E-2</v>
      </c>
      <c r="V127" s="94">
        <v>1.0942794567659097E-2</v>
      </c>
      <c r="W127" s="95">
        <v>2.9919744280528227E-2</v>
      </c>
      <c r="X127" s="102">
        <v>115</v>
      </c>
      <c r="Y127" s="103">
        <v>3.508261278317387</v>
      </c>
      <c r="Z127" s="104">
        <v>0.31278635518088033</v>
      </c>
      <c r="AA127" s="105">
        <v>0.49660065594066788</v>
      </c>
      <c r="AB127" s="95">
        <v>9.1667871124682374E-2</v>
      </c>
      <c r="AC127" s="105">
        <v>0.21438658833473215</v>
      </c>
      <c r="AD127" s="95">
        <v>7.6436791141695562E-2</v>
      </c>
      <c r="AE127" s="105">
        <v>0.27799839883811606</v>
      </c>
      <c r="AF127" s="95">
        <v>8.280235898724117E-2</v>
      </c>
      <c r="AG127" s="94">
        <v>1.1014356886484169E-2</v>
      </c>
      <c r="AH127" s="95">
        <v>2.9956438948765023E-2</v>
      </c>
      <c r="AI127" s="102">
        <v>116</v>
      </c>
      <c r="AJ127" s="103">
        <v>4.3189604644145358</v>
      </c>
      <c r="AK127" s="104">
        <v>0.29179848750644166</v>
      </c>
      <c r="AL127" s="105">
        <v>0.2602895766743531</v>
      </c>
      <c r="AM127" s="95">
        <v>8.089206933387455E-2</v>
      </c>
      <c r="AN127" s="105">
        <v>0.23910866603927558</v>
      </c>
      <c r="AO127" s="95">
        <v>7.8824214571925788E-2</v>
      </c>
      <c r="AP127" s="105">
        <v>0.48973073549803414</v>
      </c>
      <c r="AQ127" s="95">
        <v>9.126909947162172E-2</v>
      </c>
      <c r="AR127" s="94">
        <v>1.0871021788337119E-2</v>
      </c>
      <c r="AS127" s="95">
        <v>2.9685475116759945E-2</v>
      </c>
    </row>
    <row r="128" spans="1:45">
      <c r="A128" s="55" t="s">
        <v>631</v>
      </c>
      <c r="B128" s="98">
        <v>20</v>
      </c>
      <c r="C128" s="99">
        <v>4.1043220769679385</v>
      </c>
      <c r="D128" s="100">
        <v>0.76426626510438633</v>
      </c>
      <c r="E128" s="101">
        <v>0.3124196846850103</v>
      </c>
      <c r="F128" s="92">
        <v>0.19389215970647172</v>
      </c>
      <c r="G128" s="101">
        <v>0.17831344164341176</v>
      </c>
      <c r="H128" s="92">
        <v>0.17230657371110869</v>
      </c>
      <c r="I128" s="101">
        <v>0.46746122724512373</v>
      </c>
      <c r="J128" s="92">
        <v>0.20382375632414415</v>
      </c>
      <c r="K128" s="91">
        <v>4.1805646426454214E-2</v>
      </c>
      <c r="L128" s="92">
        <v>0.13178701178825919</v>
      </c>
      <c r="M128" s="98">
        <v>20</v>
      </c>
      <c r="N128" s="99">
        <v>4.1533134202234026</v>
      </c>
      <c r="O128" s="100">
        <v>0.57846146541878973</v>
      </c>
      <c r="P128" s="101">
        <v>0.13244989499139689</v>
      </c>
      <c r="Q128" s="92">
        <v>0.16134092337093445</v>
      </c>
      <c r="R128" s="101">
        <v>0.4674321962522231</v>
      </c>
      <c r="S128" s="92">
        <v>0.20382321967705067</v>
      </c>
      <c r="T128" s="101">
        <v>0.35831226232992586</v>
      </c>
      <c r="U128" s="92">
        <v>0.19835101023989535</v>
      </c>
      <c r="V128" s="91">
        <v>4.1805646426454214E-2</v>
      </c>
      <c r="W128" s="92">
        <v>0.13178701178825919</v>
      </c>
      <c r="X128" s="98">
        <v>20</v>
      </c>
      <c r="Y128" s="99">
        <v>3.4550255649294748</v>
      </c>
      <c r="Z128" s="100">
        <v>0.69029342813638717</v>
      </c>
      <c r="AA128" s="101">
        <v>0.58319796832752568</v>
      </c>
      <c r="AB128" s="92">
        <v>0.2021522213815882</v>
      </c>
      <c r="AC128" s="101">
        <v>0.12030691972354363</v>
      </c>
      <c r="AD128" s="92">
        <v>0.15805280879893716</v>
      </c>
      <c r="AE128" s="101">
        <v>0.25468946552247657</v>
      </c>
      <c r="AF128" s="92">
        <v>0.18628393975946836</v>
      </c>
      <c r="AG128" s="91">
        <v>4.1805646426454214E-2</v>
      </c>
      <c r="AH128" s="92">
        <v>0.13178701178825919</v>
      </c>
      <c r="AI128" s="98">
        <v>20</v>
      </c>
      <c r="AJ128" s="99">
        <v>3.9297522351556178</v>
      </c>
      <c r="AK128" s="100">
        <v>0.65152103210759604</v>
      </c>
      <c r="AL128" s="106">
        <v>0.33982878265930216</v>
      </c>
      <c r="AM128" s="92">
        <v>0.19671644295211155</v>
      </c>
      <c r="AN128" s="101">
        <v>0.23078419376527232</v>
      </c>
      <c r="AO128" s="92">
        <v>0.18242288124324288</v>
      </c>
      <c r="AP128" s="101">
        <v>0.38758137714897123</v>
      </c>
      <c r="AQ128" s="92">
        <v>0.20050920514228632</v>
      </c>
      <c r="AR128" s="91">
        <v>4.1805646426454214E-2</v>
      </c>
      <c r="AS128" s="92">
        <v>0.13178701178825919</v>
      </c>
    </row>
    <row r="129" spans="1:45">
      <c r="A129" s="47" t="s">
        <v>632</v>
      </c>
      <c r="B129" s="102">
        <v>96</v>
      </c>
      <c r="C129" s="103">
        <v>4.1866589184387228</v>
      </c>
      <c r="D129" s="104">
        <v>0.34171223456650074</v>
      </c>
      <c r="E129" s="105">
        <v>0.35251374120728274</v>
      </c>
      <c r="F129" s="95">
        <v>9.5906866422689294E-2</v>
      </c>
      <c r="G129" s="105">
        <v>0.1448740578884109</v>
      </c>
      <c r="H129" s="95">
        <v>7.3149965666318872E-2</v>
      </c>
      <c r="I129" s="105">
        <v>0.49230193873070155</v>
      </c>
      <c r="J129" s="95">
        <v>9.998907657304229E-2</v>
      </c>
      <c r="K129" s="94">
        <v>1.0310262173604893E-2</v>
      </c>
      <c r="L129" s="95">
        <v>3.4061104005115944E-2</v>
      </c>
      <c r="M129" s="102">
        <v>95</v>
      </c>
      <c r="N129" s="103">
        <v>4.8245308574119807</v>
      </c>
      <c r="O129" s="104">
        <v>0.26773737229708455</v>
      </c>
      <c r="P129" s="105">
        <v>0.14399595573950677</v>
      </c>
      <c r="Q129" s="95">
        <v>7.3387238199550245E-2</v>
      </c>
      <c r="R129" s="105">
        <v>0.23169776474264039</v>
      </c>
      <c r="S129" s="95">
        <v>8.6155474209123811E-2</v>
      </c>
      <c r="T129" s="105">
        <v>0.62430627951785278</v>
      </c>
      <c r="U129" s="95">
        <v>9.7601824416635091E-2</v>
      </c>
      <c r="V129" s="94">
        <v>0</v>
      </c>
      <c r="W129" s="95">
        <v>2.8279912978147775E-2</v>
      </c>
      <c r="X129" s="102">
        <v>95</v>
      </c>
      <c r="Y129" s="103">
        <v>3.5265081304374108</v>
      </c>
      <c r="Z129" s="104">
        <v>0.35002602366858498</v>
      </c>
      <c r="AA129" s="105">
        <v>0.4656239180940418</v>
      </c>
      <c r="AB129" s="95">
        <v>0.10028481621293045</v>
      </c>
      <c r="AC129" s="105">
        <v>0.2480398409697239</v>
      </c>
      <c r="AD129" s="95">
        <v>8.7972092796075887E-2</v>
      </c>
      <c r="AE129" s="105">
        <v>0.28633624093623433</v>
      </c>
      <c r="AF129" s="95">
        <v>9.1665253605299271E-2</v>
      </c>
      <c r="AG129" s="94">
        <v>0</v>
      </c>
      <c r="AH129" s="95">
        <v>2.8279912978147775E-2</v>
      </c>
      <c r="AI129" s="102">
        <v>96</v>
      </c>
      <c r="AJ129" s="103">
        <v>4.4500177404501873</v>
      </c>
      <c r="AK129" s="104">
        <v>0.3244495760704284</v>
      </c>
      <c r="AL129" s="105">
        <v>0.2323379706211158</v>
      </c>
      <c r="AM129" s="95">
        <v>8.5784345016400559E-2</v>
      </c>
      <c r="AN129" s="105">
        <v>0.24203404562689765</v>
      </c>
      <c r="AO129" s="95">
        <v>8.6872505841569816E-2</v>
      </c>
      <c r="AP129" s="105">
        <v>0.52562798375198649</v>
      </c>
      <c r="AQ129" s="95">
        <v>9.98788664459547E-2</v>
      </c>
      <c r="AR129" s="94">
        <v>0</v>
      </c>
      <c r="AS129" s="95">
        <v>2.8000000000000001E-2</v>
      </c>
    </row>
    <row r="130" spans="1:45">
      <c r="A130" s="55" t="s">
        <v>633</v>
      </c>
      <c r="B130" s="98">
        <v>257</v>
      </c>
      <c r="C130" s="99">
        <v>4.5304980778603161</v>
      </c>
      <c r="D130" s="100">
        <v>0.18872726856078428</v>
      </c>
      <c r="E130" s="101">
        <v>0.25425634325593793</v>
      </c>
      <c r="F130" s="92">
        <v>5.4166891784141288E-2</v>
      </c>
      <c r="G130" s="101">
        <v>0.17021076613730066</v>
      </c>
      <c r="H130" s="92">
        <v>4.7066787876531381E-2</v>
      </c>
      <c r="I130" s="101">
        <v>0.56461808309284711</v>
      </c>
      <c r="J130" s="92">
        <v>6.1395209565736339E-2</v>
      </c>
      <c r="K130" s="91">
        <v>1.0914807513913282E-2</v>
      </c>
      <c r="L130" s="92">
        <v>1.6642015996760476E-2</v>
      </c>
      <c r="M130" s="98">
        <v>255</v>
      </c>
      <c r="N130" s="99">
        <v>4.8492352902606237</v>
      </c>
      <c r="O130" s="100">
        <v>0.16636715943560554</v>
      </c>
      <c r="P130" s="101">
        <v>0.16483201167123529</v>
      </c>
      <c r="Q130" s="92">
        <v>4.6682284679296991E-2</v>
      </c>
      <c r="R130" s="101">
        <v>0.2472319206782933</v>
      </c>
      <c r="S130" s="92">
        <v>5.3893438063369978E-2</v>
      </c>
      <c r="T130" s="101">
        <v>0.58489970340591824</v>
      </c>
      <c r="U130" s="92">
        <v>6.1262516434941447E-2</v>
      </c>
      <c r="V130" s="91">
        <v>3.0363642445522866E-3</v>
      </c>
      <c r="W130" s="92">
        <v>1.2792820466395858E-2</v>
      </c>
      <c r="X130" s="98">
        <v>254</v>
      </c>
      <c r="Y130" s="99">
        <v>4.3439049880377674</v>
      </c>
      <c r="Z130" s="100">
        <v>0.18836550696832904</v>
      </c>
      <c r="AA130" s="101">
        <v>0.26100119188267024</v>
      </c>
      <c r="AB130" s="92">
        <v>5.4932942320574628E-2</v>
      </c>
      <c r="AC130" s="101">
        <v>0.25688804197161819</v>
      </c>
      <c r="AD130" s="92">
        <v>5.466104624318889E-2</v>
      </c>
      <c r="AE130" s="101">
        <v>0.45693957116574713</v>
      </c>
      <c r="AF130" s="92">
        <v>6.2033105485616878E-2</v>
      </c>
      <c r="AG130" s="91">
        <v>2.5171194979963299E-2</v>
      </c>
      <c r="AH130" s="92">
        <v>2.2090193368110585E-2</v>
      </c>
      <c r="AI130" s="98">
        <v>254</v>
      </c>
      <c r="AJ130" s="99">
        <v>4.9161801985430698</v>
      </c>
      <c r="AK130" s="100">
        <v>0.17090181976911034</v>
      </c>
      <c r="AL130" s="106">
        <v>0.1501353357999248</v>
      </c>
      <c r="AM130" s="92">
        <v>4.512872318373274E-2</v>
      </c>
      <c r="AN130" s="101">
        <v>0.20694786544925098</v>
      </c>
      <c r="AO130" s="92">
        <v>5.0847505018457834E-2</v>
      </c>
      <c r="AP130" s="101">
        <v>0.63461605302152346</v>
      </c>
      <c r="AQ130" s="92">
        <v>6.00304920988999E-2</v>
      </c>
      <c r="AR130" s="91">
        <v>8.3007457293000006E-3</v>
      </c>
      <c r="AS130" s="92">
        <v>1.5586923820313297E-2</v>
      </c>
    </row>
    <row r="131" spans="1:45">
      <c r="A131" s="47" t="s">
        <v>634</v>
      </c>
      <c r="B131" s="102">
        <v>265</v>
      </c>
      <c r="C131" s="103">
        <v>4.305286248801635</v>
      </c>
      <c r="D131" s="104">
        <v>0.20039460440118764</v>
      </c>
      <c r="E131" s="105">
        <v>0.23507623427912663</v>
      </c>
      <c r="F131" s="95">
        <v>5.2006169777793591E-2</v>
      </c>
      <c r="G131" s="105">
        <v>0.3072534247222804</v>
      </c>
      <c r="H131" s="95">
        <v>5.6403407940136041E-2</v>
      </c>
      <c r="I131" s="105">
        <v>0.44781870073136931</v>
      </c>
      <c r="J131" s="95">
        <v>6.0647986450754546E-2</v>
      </c>
      <c r="K131" s="94">
        <v>9.8516402672232418E-3</v>
      </c>
      <c r="L131" s="95">
        <v>1.5827278212013244E-2</v>
      </c>
      <c r="M131" s="102">
        <v>263</v>
      </c>
      <c r="N131" s="103">
        <v>4.6847433621662855</v>
      </c>
      <c r="O131" s="104">
        <v>0.17082624779868444</v>
      </c>
      <c r="P131" s="105">
        <v>0.14642021430995494</v>
      </c>
      <c r="Q131" s="95">
        <v>4.3909875991765178E-2</v>
      </c>
      <c r="R131" s="105">
        <v>0.28246244518352276</v>
      </c>
      <c r="S131" s="95">
        <v>5.5294200748733577E-2</v>
      </c>
      <c r="T131" s="105">
        <v>0.56599667861789105</v>
      </c>
      <c r="U131" s="95">
        <v>6.0679543174798838E-2</v>
      </c>
      <c r="V131" s="94">
        <v>5.1206618886312314E-3</v>
      </c>
      <c r="W131" s="95">
        <v>1.3617277385733503E-2</v>
      </c>
      <c r="X131" s="102">
        <v>262</v>
      </c>
      <c r="Y131" s="103">
        <v>3.8281265389737005</v>
      </c>
      <c r="Z131" s="104">
        <v>0.19457296711530223</v>
      </c>
      <c r="AA131" s="105">
        <v>0.43186591234664717</v>
      </c>
      <c r="AB131" s="95">
        <v>6.0759146470588485E-2</v>
      </c>
      <c r="AC131" s="105">
        <v>0.20737803697247315</v>
      </c>
      <c r="AD131" s="95">
        <v>5.0101894732711753E-2</v>
      </c>
      <c r="AE131" s="105">
        <v>0.35346653188959609</v>
      </c>
      <c r="AF131" s="95">
        <v>5.8703903806656452E-2</v>
      </c>
      <c r="AG131" s="94">
        <v>7.2895187912835014E-3</v>
      </c>
      <c r="AH131" s="95">
        <v>1.4757512275185033E-2</v>
      </c>
      <c r="AI131" s="102">
        <v>263</v>
      </c>
      <c r="AJ131" s="103">
        <v>4.4108737905883322</v>
      </c>
      <c r="AK131" s="104">
        <v>0.19145524454933915</v>
      </c>
      <c r="AL131" s="105">
        <v>0.25515640361505676</v>
      </c>
      <c r="AM131" s="95">
        <v>5.3608983109235508E-2</v>
      </c>
      <c r="AN131" s="105">
        <v>0.27487218621197962</v>
      </c>
      <c r="AO131" s="95">
        <v>5.4850791150809049E-2</v>
      </c>
      <c r="AP131" s="105">
        <v>0.46997141017296351</v>
      </c>
      <c r="AQ131" s="95">
        <v>6.1091826154398073E-2</v>
      </c>
      <c r="AR131" s="94">
        <v>0</v>
      </c>
      <c r="AS131" s="95">
        <v>1.0553609933809729E-2</v>
      </c>
    </row>
    <row r="132" spans="1:45">
      <c r="A132" s="55" t="s">
        <v>635</v>
      </c>
      <c r="B132" s="98">
        <v>104</v>
      </c>
      <c r="C132" s="99">
        <v>4.2209196577892474</v>
      </c>
      <c r="D132" s="100">
        <v>0.31049504950495049</v>
      </c>
      <c r="E132" s="101">
        <v>0.25403025088500591</v>
      </c>
      <c r="F132" s="92">
        <v>8.474306589077947E-2</v>
      </c>
      <c r="G132" s="101">
        <v>0.29413334713643385</v>
      </c>
      <c r="H132" s="92">
        <v>8.8338600366188347E-2</v>
      </c>
      <c r="I132" s="101">
        <v>0.43052811382493472</v>
      </c>
      <c r="J132" s="92">
        <v>9.5359853230520139E-2</v>
      </c>
      <c r="K132" s="91">
        <v>2.1308288153625531E-2</v>
      </c>
      <c r="L132" s="92">
        <v>3.7274594543583145E-2</v>
      </c>
      <c r="M132" s="98">
        <v>103</v>
      </c>
      <c r="N132" s="99">
        <v>4.7315877846223762</v>
      </c>
      <c r="O132" s="100">
        <v>0.28088658309827952</v>
      </c>
      <c r="P132" s="101">
        <v>0.17084639301756468</v>
      </c>
      <c r="Q132" s="92">
        <v>7.4784884878218563E-2</v>
      </c>
      <c r="R132" s="101">
        <v>0.21853357474226665</v>
      </c>
      <c r="S132" s="92">
        <v>8.124939745116215E-2</v>
      </c>
      <c r="T132" s="101">
        <v>0.60430460509808659</v>
      </c>
      <c r="U132" s="92">
        <v>9.4704412192274851E-2</v>
      </c>
      <c r="V132" s="91">
        <v>6.3154271420822541E-3</v>
      </c>
      <c r="W132" s="92">
        <v>3.0051249967276528E-2</v>
      </c>
      <c r="X132" s="98">
        <v>102</v>
      </c>
      <c r="Y132" s="99">
        <v>3.5777809524162794</v>
      </c>
      <c r="Z132" s="100">
        <v>0.31158472157937062</v>
      </c>
      <c r="AA132" s="101">
        <v>0.50980640079851791</v>
      </c>
      <c r="AB132" s="92">
        <v>9.7111287130852708E-2</v>
      </c>
      <c r="AC132" s="101">
        <v>0.20215499017667399</v>
      </c>
      <c r="AD132" s="92">
        <v>7.9587911307769252E-2</v>
      </c>
      <c r="AE132" s="101">
        <v>0.2816057825591618</v>
      </c>
      <c r="AF132" s="92">
        <v>8.8132778816873994E-2</v>
      </c>
      <c r="AG132" s="91">
        <v>6.4328264656465309E-3</v>
      </c>
      <c r="AH132" s="92">
        <v>3.0362650417430543E-2</v>
      </c>
      <c r="AI132" s="98">
        <v>103</v>
      </c>
      <c r="AJ132" s="99">
        <v>4.2194568658856122</v>
      </c>
      <c r="AK132" s="100">
        <v>0.29082122602099303</v>
      </c>
      <c r="AL132" s="106">
        <v>0.28715168194545815</v>
      </c>
      <c r="AM132" s="92">
        <v>8.8184073805277235E-2</v>
      </c>
      <c r="AN132" s="101">
        <v>0.31052518138551505</v>
      </c>
      <c r="AO132" s="92">
        <v>9.0012104441179713E-2</v>
      </c>
      <c r="AP132" s="101">
        <v>0.40232313666902697</v>
      </c>
      <c r="AQ132" s="92">
        <v>9.4948923937344457E-2</v>
      </c>
      <c r="AR132" s="91">
        <v>0</v>
      </c>
      <c r="AS132" s="92">
        <v>2.6185687246820841E-2</v>
      </c>
    </row>
    <row r="133" spans="1:45">
      <c r="A133" s="47" t="s">
        <v>636</v>
      </c>
      <c r="B133" s="102">
        <v>161</v>
      </c>
      <c r="C133" s="103">
        <v>4.3762877271046463</v>
      </c>
      <c r="D133" s="104">
        <v>0.26178867074139106</v>
      </c>
      <c r="E133" s="105">
        <v>0.21877756165938744</v>
      </c>
      <c r="F133" s="95">
        <v>6.5078402563553947E-2</v>
      </c>
      <c r="G133" s="105">
        <v>0.31853545817005963</v>
      </c>
      <c r="H133" s="95">
        <v>7.2804902202461469E-2</v>
      </c>
      <c r="I133" s="105">
        <v>0.4626869801705526</v>
      </c>
      <c r="J133" s="95">
        <v>7.7643228183137805E-2</v>
      </c>
      <c r="K133" s="94">
        <v>0</v>
      </c>
      <c r="L133" s="95">
        <v>1.703777502754053E-2</v>
      </c>
      <c r="M133" s="102">
        <v>160</v>
      </c>
      <c r="N133" s="103">
        <v>4.644713003922603</v>
      </c>
      <c r="O133" s="104">
        <v>0.21557275220188285</v>
      </c>
      <c r="P133" s="105">
        <v>0.12550051526452896</v>
      </c>
      <c r="Q133" s="95">
        <v>5.330724572468442E-2</v>
      </c>
      <c r="R133" s="105">
        <v>0.33721406007809729</v>
      </c>
      <c r="S133" s="95">
        <v>7.4043102265166097E-2</v>
      </c>
      <c r="T133" s="105">
        <v>0.53318801449515063</v>
      </c>
      <c r="U133" s="95">
        <v>7.7922980963666413E-2</v>
      </c>
      <c r="V133" s="94">
        <v>4.0974101622226001E-3</v>
      </c>
      <c r="W133" s="95">
        <v>1.9711575860026191E-2</v>
      </c>
      <c r="X133" s="102">
        <v>160</v>
      </c>
      <c r="Y133" s="103">
        <v>4.0409437591620563</v>
      </c>
      <c r="Z133" s="104">
        <v>0.24408049686757324</v>
      </c>
      <c r="AA133" s="105">
        <v>0.36571480653439176</v>
      </c>
      <c r="AB133" s="95">
        <v>7.5358718457826143E-2</v>
      </c>
      <c r="AC133" s="105">
        <v>0.21181103871667731</v>
      </c>
      <c r="AD133" s="95">
        <v>6.4571585467292955E-2</v>
      </c>
      <c r="AE133" s="105">
        <v>0.41445752806023178</v>
      </c>
      <c r="AF133" s="95">
        <v>7.6991460462366351E-2</v>
      </c>
      <c r="AG133" s="94">
        <v>8.0166266886987653E-3</v>
      </c>
      <c r="AH133" s="95">
        <v>2.1873010460154881E-2</v>
      </c>
      <c r="AI133" s="102">
        <v>160</v>
      </c>
      <c r="AJ133" s="103">
        <v>4.5752573356172936</v>
      </c>
      <c r="AK133" s="104">
        <v>0.25040850194414715</v>
      </c>
      <c r="AL133" s="105">
        <v>0.22767974613397093</v>
      </c>
      <c r="AM133" s="95">
        <v>6.6151165171042511E-2</v>
      </c>
      <c r="AN133" s="105">
        <v>0.24425438297108013</v>
      </c>
      <c r="AO133" s="95">
        <v>6.7669533860724773E-2</v>
      </c>
      <c r="AP133" s="105">
        <v>0.5280658708949485</v>
      </c>
      <c r="AQ133" s="95">
        <v>7.7969703678304095E-2</v>
      </c>
      <c r="AR133" s="94">
        <v>0</v>
      </c>
      <c r="AS133" s="95">
        <v>1.7141022646310424E-2</v>
      </c>
    </row>
    <row r="135" spans="1:45" ht="18.75">
      <c r="A135" s="343" t="s">
        <v>226</v>
      </c>
      <c r="B135" s="343"/>
      <c r="C135" s="343"/>
      <c r="D135" s="343"/>
      <c r="E135" s="343"/>
      <c r="F135" s="343"/>
      <c r="G135" s="343"/>
      <c r="H135" s="343"/>
      <c r="I135" s="343"/>
      <c r="J135" s="343"/>
      <c r="K135" s="343"/>
      <c r="L135" s="343"/>
      <c r="M135" s="343"/>
      <c r="N135" s="343"/>
      <c r="O135" s="343"/>
      <c r="P135" s="343"/>
      <c r="Q135" s="343"/>
      <c r="R135" s="343"/>
      <c r="S135" s="343"/>
      <c r="T135" s="343"/>
      <c r="U135" s="343"/>
      <c r="V135" s="343"/>
      <c r="W135" s="343"/>
      <c r="X135" s="343"/>
      <c r="Y135" s="343"/>
      <c r="Z135" s="343"/>
      <c r="AA135" s="343"/>
      <c r="AB135" s="343"/>
      <c r="AC135" s="343"/>
      <c r="AD135" s="343"/>
      <c r="AE135" s="343"/>
      <c r="AF135" s="343"/>
      <c r="AG135" s="343"/>
      <c r="AH135" s="343"/>
    </row>
    <row r="136" spans="1:45" ht="66" customHeight="1">
      <c r="A136" s="381" t="s">
        <v>528</v>
      </c>
      <c r="B136" s="381"/>
      <c r="C136" s="381"/>
      <c r="D136" s="381"/>
      <c r="E136" s="381"/>
      <c r="F136" s="381"/>
      <c r="G136" s="381"/>
      <c r="H136" s="381"/>
      <c r="I136" s="381"/>
      <c r="J136" s="381"/>
      <c r="K136" s="381"/>
      <c r="L136" s="381"/>
      <c r="M136" s="381"/>
      <c r="N136" s="381"/>
      <c r="O136" s="381"/>
      <c r="P136" s="381"/>
      <c r="Q136" s="381"/>
      <c r="R136" s="381"/>
      <c r="S136" s="381"/>
      <c r="T136" s="381"/>
      <c r="U136" s="381"/>
      <c r="V136" s="381"/>
      <c r="W136" s="381"/>
      <c r="X136" s="381"/>
      <c r="Y136" s="381"/>
      <c r="Z136" s="381"/>
      <c r="AA136" s="381"/>
      <c r="AB136" s="381"/>
      <c r="AC136" s="381"/>
      <c r="AD136" s="381"/>
      <c r="AE136" s="381"/>
      <c r="AF136" s="381"/>
      <c r="AG136" s="381"/>
      <c r="AH136" s="381"/>
    </row>
    <row r="137" spans="1:45" ht="45.75" customHeight="1">
      <c r="A137" s="107"/>
      <c r="B137" s="371" t="s">
        <v>319</v>
      </c>
      <c r="C137" s="372"/>
      <c r="D137" s="372"/>
      <c r="E137" s="372"/>
      <c r="F137" s="372"/>
      <c r="G137" s="372"/>
      <c r="H137" s="372"/>
      <c r="I137" s="372"/>
      <c r="J137" s="372"/>
      <c r="K137" s="372"/>
      <c r="L137" s="373"/>
      <c r="M137" s="375" t="s">
        <v>227</v>
      </c>
      <c r="N137" s="376"/>
      <c r="O137" s="376"/>
      <c r="P137" s="376"/>
      <c r="Q137" s="376"/>
      <c r="R137" s="376"/>
      <c r="S137" s="376"/>
      <c r="T137" s="376"/>
      <c r="U137" s="376"/>
      <c r="V137" s="376"/>
      <c r="W137" s="377"/>
      <c r="X137" s="371" t="s">
        <v>366</v>
      </c>
      <c r="Y137" s="372"/>
      <c r="Z137" s="372"/>
      <c r="AA137" s="372"/>
      <c r="AB137" s="372"/>
      <c r="AC137" s="372"/>
      <c r="AD137" s="372"/>
      <c r="AE137" s="372"/>
      <c r="AF137" s="372"/>
      <c r="AG137" s="372"/>
      <c r="AH137" s="373"/>
    </row>
    <row r="138" spans="1:45" ht="66" customHeight="1">
      <c r="A138" s="35" t="s">
        <v>70</v>
      </c>
      <c r="B138" s="36" t="s">
        <v>71</v>
      </c>
      <c r="C138" s="36" t="s">
        <v>551</v>
      </c>
      <c r="D138" s="255" t="s">
        <v>72</v>
      </c>
      <c r="E138" s="36" t="s">
        <v>155</v>
      </c>
      <c r="F138" s="87" t="s">
        <v>84</v>
      </c>
      <c r="G138" s="36" t="s">
        <v>156</v>
      </c>
      <c r="H138" s="87" t="s">
        <v>85</v>
      </c>
      <c r="I138" s="36" t="s">
        <v>157</v>
      </c>
      <c r="J138" s="87" t="s">
        <v>86</v>
      </c>
      <c r="K138" s="36" t="s">
        <v>300</v>
      </c>
      <c r="L138" s="87" t="s">
        <v>299</v>
      </c>
      <c r="M138" s="63" t="s">
        <v>71</v>
      </c>
      <c r="N138" s="63" t="s">
        <v>551</v>
      </c>
      <c r="O138" s="257" t="s">
        <v>72</v>
      </c>
      <c r="P138" s="63" t="s">
        <v>344</v>
      </c>
      <c r="Q138" s="86" t="s">
        <v>345</v>
      </c>
      <c r="R138" s="63" t="s">
        <v>341</v>
      </c>
      <c r="S138" s="86" t="s">
        <v>343</v>
      </c>
      <c r="T138" s="63" t="s">
        <v>346</v>
      </c>
      <c r="U138" s="86" t="s">
        <v>347</v>
      </c>
      <c r="V138" s="63" t="s">
        <v>300</v>
      </c>
      <c r="W138" s="86" t="s">
        <v>314</v>
      </c>
      <c r="X138" s="36" t="s">
        <v>71</v>
      </c>
      <c r="Y138" s="36" t="s">
        <v>551</v>
      </c>
      <c r="Z138" s="255" t="s">
        <v>72</v>
      </c>
      <c r="AA138" s="36" t="s">
        <v>367</v>
      </c>
      <c r="AB138" s="87" t="s">
        <v>368</v>
      </c>
      <c r="AC138" s="36" t="s">
        <v>369</v>
      </c>
      <c r="AD138" s="87" t="s">
        <v>370</v>
      </c>
      <c r="AE138" s="36" t="s">
        <v>371</v>
      </c>
      <c r="AF138" s="87" t="s">
        <v>372</v>
      </c>
      <c r="AG138" s="36" t="s">
        <v>300</v>
      </c>
      <c r="AH138" s="87" t="s">
        <v>299</v>
      </c>
    </row>
    <row r="139" spans="1:45" ht="99.75" customHeight="1">
      <c r="A139" s="39"/>
      <c r="B139" s="40" t="s">
        <v>73</v>
      </c>
      <c r="C139" s="40" t="s">
        <v>301</v>
      </c>
      <c r="D139" s="256" t="s">
        <v>75</v>
      </c>
      <c r="E139" s="40" t="s">
        <v>158</v>
      </c>
      <c r="F139" s="89" t="s">
        <v>87</v>
      </c>
      <c r="G139" s="40" t="s">
        <v>159</v>
      </c>
      <c r="H139" s="89" t="s">
        <v>87</v>
      </c>
      <c r="I139" s="40" t="s">
        <v>160</v>
      </c>
      <c r="J139" s="89" t="s">
        <v>87</v>
      </c>
      <c r="K139" s="40" t="s">
        <v>300</v>
      </c>
      <c r="L139" s="89" t="s">
        <v>87</v>
      </c>
      <c r="M139" s="66" t="s">
        <v>73</v>
      </c>
      <c r="N139" s="66" t="s">
        <v>302</v>
      </c>
      <c r="O139" s="258" t="s">
        <v>75</v>
      </c>
      <c r="P139" s="66" t="s">
        <v>340</v>
      </c>
      <c r="Q139" s="88" t="s">
        <v>87</v>
      </c>
      <c r="R139" s="66" t="s">
        <v>342</v>
      </c>
      <c r="S139" s="88" t="s">
        <v>87</v>
      </c>
      <c r="T139" s="66" t="s">
        <v>158</v>
      </c>
      <c r="U139" s="88" t="s">
        <v>87</v>
      </c>
      <c r="V139" s="66" t="s">
        <v>300</v>
      </c>
      <c r="W139" s="88" t="s">
        <v>87</v>
      </c>
      <c r="X139" s="40" t="s">
        <v>73</v>
      </c>
      <c r="Y139" s="40" t="s">
        <v>301</v>
      </c>
      <c r="Z139" s="256" t="s">
        <v>75</v>
      </c>
      <c r="AA139" s="40" t="s">
        <v>373</v>
      </c>
      <c r="AB139" s="89" t="s">
        <v>374</v>
      </c>
      <c r="AC139" s="40" t="s">
        <v>375</v>
      </c>
      <c r="AD139" s="89" t="s">
        <v>87</v>
      </c>
      <c r="AE139" s="40" t="s">
        <v>376</v>
      </c>
      <c r="AF139" s="89" t="s">
        <v>87</v>
      </c>
      <c r="AG139" s="40" t="s">
        <v>300</v>
      </c>
      <c r="AH139" s="89" t="s">
        <v>87</v>
      </c>
    </row>
    <row r="140" spans="1:45">
      <c r="A140" s="43" t="s">
        <v>348</v>
      </c>
      <c r="B140" s="110">
        <v>13860</v>
      </c>
      <c r="C140" s="45">
        <v>3.4344054400133501</v>
      </c>
      <c r="D140" s="46">
        <v>3.4901934531529712E-2</v>
      </c>
      <c r="E140" s="111">
        <v>0.52652880844819483</v>
      </c>
      <c r="F140" s="92">
        <v>8.4809386825359465E-3</v>
      </c>
      <c r="G140" s="111">
        <v>0.127734730114479</v>
      </c>
      <c r="H140" s="92">
        <v>5.671791781730307E-3</v>
      </c>
      <c r="I140" s="111">
        <v>0.31602429494402545</v>
      </c>
      <c r="J140" s="92">
        <v>7.8974322931968897E-3</v>
      </c>
      <c r="K140" s="91">
        <v>2.9712166493315654E-2</v>
      </c>
      <c r="L140" s="92">
        <v>2.8904282332363417E-3</v>
      </c>
      <c r="M140" s="110">
        <v>13927</v>
      </c>
      <c r="N140" s="45">
        <v>3.5790312707883745</v>
      </c>
      <c r="O140" s="46">
        <v>3.2156238078187627E-2</v>
      </c>
      <c r="P140" s="111">
        <v>0.14401396537196057</v>
      </c>
      <c r="Q140" s="92">
        <v>5.9511737220716236E-3</v>
      </c>
      <c r="R140" s="111">
        <v>0.33613620538888489</v>
      </c>
      <c r="S140" s="92">
        <v>8.0048093042382421E-3</v>
      </c>
      <c r="T140" s="111">
        <v>0.44604555289978853</v>
      </c>
      <c r="U140" s="92">
        <v>8.4230029339856776E-3</v>
      </c>
      <c r="V140" s="91">
        <v>7.3804276339382899E-2</v>
      </c>
      <c r="W140" s="92">
        <v>4.4336566255393272E-3</v>
      </c>
      <c r="X140" s="110">
        <v>13919</v>
      </c>
      <c r="Y140" s="45">
        <v>2.0177609801573295</v>
      </c>
      <c r="Z140" s="46">
        <v>2.0367340202541478E-2</v>
      </c>
      <c r="AA140" s="111">
        <v>0.68393995197501301</v>
      </c>
      <c r="AB140" s="92">
        <v>7.8809195994037958E-3</v>
      </c>
      <c r="AC140" s="111">
        <v>0.13351294498901081</v>
      </c>
      <c r="AD140" s="92">
        <v>5.7670152588268639E-3</v>
      </c>
      <c r="AE140" s="111">
        <v>0.14884870366073591</v>
      </c>
      <c r="AF140" s="92">
        <v>6.0347721819283343E-3</v>
      </c>
      <c r="AG140" s="91">
        <v>3.3698399375253284E-2</v>
      </c>
      <c r="AH140" s="92">
        <v>3.0644744644798606E-3</v>
      </c>
    </row>
    <row r="141" spans="1:45">
      <c r="A141" s="47" t="s">
        <v>349</v>
      </c>
      <c r="B141" s="112">
        <v>10153</v>
      </c>
      <c r="C141" s="49">
        <v>3.177751594024719</v>
      </c>
      <c r="D141" s="50">
        <v>4.03678665594569E-2</v>
      </c>
      <c r="E141" s="113">
        <v>0.58848719488128598</v>
      </c>
      <c r="F141" s="95">
        <v>9.7659159841971162E-3</v>
      </c>
      <c r="G141" s="113">
        <v>0.11527214411866142</v>
      </c>
      <c r="H141" s="95">
        <v>6.3410670281532685E-3</v>
      </c>
      <c r="I141" s="113">
        <v>0.27010593416162559</v>
      </c>
      <c r="J141" s="95">
        <v>8.8123164628331127E-3</v>
      </c>
      <c r="K141" s="94">
        <v>2.6134726838419383E-2</v>
      </c>
      <c r="L141" s="95">
        <v>3.1769407662610837E-3</v>
      </c>
      <c r="M141" s="112">
        <v>10152</v>
      </c>
      <c r="N141" s="49">
        <v>3.7864873783669335</v>
      </c>
      <c r="O141" s="50">
        <v>3.8269137389477188E-2</v>
      </c>
      <c r="P141" s="113">
        <v>0.19346062009017703</v>
      </c>
      <c r="Q141" s="95">
        <v>7.8411667617184523E-3</v>
      </c>
      <c r="R141" s="113">
        <v>0.3273272481485836</v>
      </c>
      <c r="S141" s="95">
        <v>9.3128970879132536E-3</v>
      </c>
      <c r="T141" s="113">
        <v>0.40498913371523143</v>
      </c>
      <c r="U141" s="95">
        <v>9.7422482007348092E-3</v>
      </c>
      <c r="V141" s="94">
        <v>7.4222998046008404E-2</v>
      </c>
      <c r="W141" s="95">
        <v>5.2076502345800519E-3</v>
      </c>
      <c r="X141" s="112">
        <v>10246</v>
      </c>
      <c r="Y141" s="49">
        <v>1.8433284416922264</v>
      </c>
      <c r="Z141" s="50">
        <v>2.2634443350480385E-2</v>
      </c>
      <c r="AA141" s="113">
        <v>0.74628473448186683</v>
      </c>
      <c r="AB141" s="95">
        <v>8.5970196021115299E-3</v>
      </c>
      <c r="AC141" s="113">
        <v>0.1025123468959812</v>
      </c>
      <c r="AD141" s="95">
        <v>5.9959939751275289E-3</v>
      </c>
      <c r="AE141" s="113">
        <v>0.12194513242785499</v>
      </c>
      <c r="AF141" s="95">
        <v>6.4675112093465943E-3</v>
      </c>
      <c r="AG141" s="94">
        <v>2.9257786194288496E-2</v>
      </c>
      <c r="AH141" s="95">
        <v>3.3393260083266017E-3</v>
      </c>
    </row>
    <row r="142" spans="1:45">
      <c r="A142" s="43" t="s">
        <v>350</v>
      </c>
      <c r="B142" s="81">
        <v>3707</v>
      </c>
      <c r="C142" s="45">
        <v>3.6431446113090811</v>
      </c>
      <c r="D142" s="46">
        <v>6.6689194060784218E-2</v>
      </c>
      <c r="E142" s="96">
        <v>0.47647208735410329</v>
      </c>
      <c r="F142" s="92">
        <v>1.6397370494217311E-2</v>
      </c>
      <c r="G142" s="96">
        <v>0.13780336209825444</v>
      </c>
      <c r="H142" s="92">
        <v>1.1330095210914055E-2</v>
      </c>
      <c r="I142" s="96">
        <v>0.35312213933774822</v>
      </c>
      <c r="J142" s="92">
        <v>1.5692867841079195E-2</v>
      </c>
      <c r="K142" s="91">
        <v>3.2602411209894024E-2</v>
      </c>
      <c r="L142" s="92">
        <v>5.8739280815192666E-3</v>
      </c>
      <c r="M142" s="81">
        <v>3775</v>
      </c>
      <c r="N142" s="45">
        <v>3.4146449559148517</v>
      </c>
      <c r="O142" s="46">
        <v>5.5997310724006197E-2</v>
      </c>
      <c r="P142" s="96">
        <v>0.10480111529791597</v>
      </c>
      <c r="Q142" s="92">
        <v>9.9826946460275529E-3</v>
      </c>
      <c r="R142" s="96">
        <v>0.34312200294264111</v>
      </c>
      <c r="S142" s="92">
        <v>1.5447505329471686E-2</v>
      </c>
      <c r="T142" s="96">
        <v>0.47860466573027421</v>
      </c>
      <c r="U142" s="92">
        <v>1.625228489954917E-2</v>
      </c>
      <c r="V142" s="91">
        <v>7.3472216029168771E-2</v>
      </c>
      <c r="W142" s="92">
        <v>8.5124926347808164E-3</v>
      </c>
      <c r="X142" s="81">
        <v>3673</v>
      </c>
      <c r="Y142" s="45">
        <v>2.163001839596332</v>
      </c>
      <c r="Z142" s="46">
        <v>4.2903441087517251E-2</v>
      </c>
      <c r="AA142" s="96">
        <v>0.63246224877067336</v>
      </c>
      <c r="AB142" s="92">
        <v>1.5903294473592011E-2</v>
      </c>
      <c r="AC142" s="96">
        <v>0.15910994803595579</v>
      </c>
      <c r="AD142" s="92">
        <v>1.2075668547078908E-2</v>
      </c>
      <c r="AE142" s="96">
        <v>0.17106281684510571</v>
      </c>
      <c r="AF142" s="92">
        <v>1.2430305465520444E-2</v>
      </c>
      <c r="AG142" s="91">
        <v>3.7364986348263976E-2</v>
      </c>
      <c r="AH142" s="92">
        <v>6.295614559716012E-3</v>
      </c>
    </row>
    <row r="143" spans="1:45">
      <c r="A143" s="47" t="s">
        <v>568</v>
      </c>
      <c r="B143" s="112">
        <v>11497</v>
      </c>
      <c r="C143" s="49">
        <v>3.4380236400621333</v>
      </c>
      <c r="D143" s="50">
        <v>3.8586175605815516E-2</v>
      </c>
      <c r="E143" s="113">
        <v>0.52568423304799794</v>
      </c>
      <c r="F143" s="95">
        <v>9.3123405555366016E-3</v>
      </c>
      <c r="G143" s="113">
        <v>0.12786534740091543</v>
      </c>
      <c r="H143" s="95">
        <v>6.2304276490707956E-3</v>
      </c>
      <c r="I143" s="113">
        <v>0.31664766445114612</v>
      </c>
      <c r="J143" s="95">
        <v>8.6755325153673735E-3</v>
      </c>
      <c r="K143" s="94">
        <v>2.9802755099959572E-2</v>
      </c>
      <c r="L143" s="95">
        <v>3.1795970150378956E-3</v>
      </c>
      <c r="M143" s="112">
        <v>11567</v>
      </c>
      <c r="N143" s="49">
        <v>3.5726260548544495</v>
      </c>
      <c r="O143" s="50">
        <v>3.4880582349017607E-2</v>
      </c>
      <c r="P143" s="113">
        <v>0.14266745852516022</v>
      </c>
      <c r="Q143" s="95">
        <v>6.5048653186364457E-3</v>
      </c>
      <c r="R143" s="113">
        <v>0.33616692773490769</v>
      </c>
      <c r="S143" s="95">
        <v>8.7835390792435093E-3</v>
      </c>
      <c r="T143" s="113">
        <v>0.44708774600151613</v>
      </c>
      <c r="U143" s="95">
        <v>9.2442299463239841E-3</v>
      </c>
      <c r="V143" s="94">
        <v>7.4077867738436123E-2</v>
      </c>
      <c r="W143" s="95">
        <v>4.8738556266048599E-3</v>
      </c>
      <c r="X143" s="112">
        <v>11532</v>
      </c>
      <c r="Y143" s="49">
        <v>2.0195334272651744</v>
      </c>
      <c r="Z143" s="50">
        <v>2.265110403900928E-2</v>
      </c>
      <c r="AA143" s="113">
        <v>0.68332295170890522</v>
      </c>
      <c r="AB143" s="95">
        <v>8.6625758872866596E-3</v>
      </c>
      <c r="AC143" s="113">
        <v>0.13388808183408088</v>
      </c>
      <c r="AD143" s="95">
        <v>6.3435782303477121E-3</v>
      </c>
      <c r="AE143" s="113">
        <v>0.14900633765286453</v>
      </c>
      <c r="AF143" s="95">
        <v>6.6330631899713952E-3</v>
      </c>
      <c r="AG143" s="94">
        <v>3.378262880416559E-2</v>
      </c>
      <c r="AH143" s="95">
        <v>3.3719940025486554E-3</v>
      </c>
    </row>
    <row r="144" spans="1:45">
      <c r="A144" s="43" t="s">
        <v>569</v>
      </c>
      <c r="B144" s="81">
        <v>2363</v>
      </c>
      <c r="C144" s="45">
        <v>2.9787899842448615</v>
      </c>
      <c r="D144" s="46">
        <v>7.9697253915734692E-2</v>
      </c>
      <c r="E144" s="96">
        <v>0.63415584317839357</v>
      </c>
      <c r="F144" s="92">
        <v>1.9803128521594559E-2</v>
      </c>
      <c r="G144" s="96">
        <v>0.11108973758888162</v>
      </c>
      <c r="H144" s="92">
        <v>1.2951410640555928E-2</v>
      </c>
      <c r="I144" s="96">
        <v>0.23658625829665134</v>
      </c>
      <c r="J144" s="92">
        <v>1.7481840003649617E-2</v>
      </c>
      <c r="K144" s="91">
        <v>1.8168160936071213E-2</v>
      </c>
      <c r="L144" s="92">
        <v>5.6097684790198778E-3</v>
      </c>
      <c r="M144" s="81">
        <v>2360</v>
      </c>
      <c r="N144" s="45">
        <v>4.3673368502562253</v>
      </c>
      <c r="O144" s="46">
        <v>7.7305647999934557E-2</v>
      </c>
      <c r="P144" s="96">
        <v>0.31603649449954108</v>
      </c>
      <c r="Q144" s="92">
        <v>1.9129616579817842E-2</v>
      </c>
      <c r="R144" s="96">
        <v>0.33221128241062764</v>
      </c>
      <c r="S144" s="92">
        <v>1.9378767064531927E-2</v>
      </c>
      <c r="T144" s="96">
        <v>0.31290052387582518</v>
      </c>
      <c r="U144" s="92">
        <v>1.907825855526802E-2</v>
      </c>
      <c r="V144" s="91">
        <v>3.8851699214004304E-2</v>
      </c>
      <c r="W144" s="92">
        <v>8.0250548682353796E-3</v>
      </c>
      <c r="X144" s="81">
        <v>2387</v>
      </c>
      <c r="Y144" s="45">
        <v>1.7987040066741067</v>
      </c>
      <c r="Z144" s="46">
        <v>4.5341704566789327E-2</v>
      </c>
      <c r="AA144" s="96">
        <v>0.76103232964021783</v>
      </c>
      <c r="AB144" s="92">
        <v>1.7453524993667625E-2</v>
      </c>
      <c r="AC144" s="96">
        <v>8.6640693995374191E-2</v>
      </c>
      <c r="AD144" s="92">
        <v>1.1547389518042421E-2</v>
      </c>
      <c r="AE144" s="96">
        <v>0.12915279764332963</v>
      </c>
      <c r="AF144" s="92">
        <v>1.374513296834348E-2</v>
      </c>
      <c r="AG144" s="91">
        <v>2.31741787210775E-2</v>
      </c>
      <c r="AH144" s="92">
        <v>6.2563699074024261E-3</v>
      </c>
    </row>
    <row r="145" spans="1:34">
      <c r="A145" s="47" t="s">
        <v>570</v>
      </c>
      <c r="B145" s="112">
        <v>607</v>
      </c>
      <c r="C145" s="49">
        <v>2.8900745517805277</v>
      </c>
      <c r="D145" s="50">
        <v>0.15990355748232035</v>
      </c>
      <c r="E145" s="113">
        <v>0.6631210638713767</v>
      </c>
      <c r="F145" s="95">
        <v>3.8271899215584312E-2</v>
      </c>
      <c r="G145" s="113">
        <v>7.524798306481513E-2</v>
      </c>
      <c r="H145" s="95">
        <v>2.170177396143393E-2</v>
      </c>
      <c r="I145" s="113">
        <v>0.23839175445749247</v>
      </c>
      <c r="J145" s="95">
        <v>3.4561009664825428E-2</v>
      </c>
      <c r="K145" s="94">
        <v>2.3239198606315754E-2</v>
      </c>
      <c r="L145" s="95">
        <v>1.2962368420441366E-2</v>
      </c>
      <c r="M145" s="112">
        <v>605</v>
      </c>
      <c r="N145" s="49">
        <v>4.232015048586538</v>
      </c>
      <c r="O145" s="50">
        <v>0.15238677789627095</v>
      </c>
      <c r="P145" s="113">
        <v>0.3213004461409894</v>
      </c>
      <c r="Q145" s="95">
        <v>3.7881899261712093E-2</v>
      </c>
      <c r="R145" s="113">
        <v>0.2925103666343738</v>
      </c>
      <c r="S145" s="95">
        <v>3.6918384008290388E-2</v>
      </c>
      <c r="T145" s="113">
        <v>0.36486075839037441</v>
      </c>
      <c r="U145" s="95">
        <v>3.9034025871167471E-2</v>
      </c>
      <c r="V145" s="94">
        <v>2.1328428834262447E-2</v>
      </c>
      <c r="W145" s="95">
        <v>1.2522167900436603E-2</v>
      </c>
      <c r="X145" s="112">
        <v>610</v>
      </c>
      <c r="Y145" s="49">
        <v>1.6313716788401036</v>
      </c>
      <c r="Z145" s="50">
        <v>8.7707161141628603E-2</v>
      </c>
      <c r="AA145" s="113">
        <v>0.81441523578860808</v>
      </c>
      <c r="AB145" s="95">
        <v>3.1512047461136103E-2</v>
      </c>
      <c r="AC145" s="113">
        <v>5.4823591500659088E-2</v>
      </c>
      <c r="AD145" s="95">
        <v>1.8824014509407141E-2</v>
      </c>
      <c r="AE145" s="113">
        <v>0.11335703453077535</v>
      </c>
      <c r="AF145" s="95">
        <v>2.5834434178970231E-2</v>
      </c>
      <c r="AG145" s="94">
        <v>1.7404138179958253E-2</v>
      </c>
      <c r="AH145" s="95">
        <v>1.1450463017437604E-2</v>
      </c>
    </row>
    <row r="146" spans="1:34">
      <c r="A146" s="43" t="s">
        <v>571</v>
      </c>
      <c r="B146" s="81">
        <v>1270</v>
      </c>
      <c r="C146" s="45">
        <v>2.4369729817375085</v>
      </c>
      <c r="D146" s="46">
        <v>0.1012671252992129</v>
      </c>
      <c r="E146" s="96">
        <v>0.76092422620119948</v>
      </c>
      <c r="F146" s="92">
        <v>2.3927243859350054E-2</v>
      </c>
      <c r="G146" s="96">
        <v>8.4333075275496661E-2</v>
      </c>
      <c r="H146" s="92">
        <v>1.5679708100749885E-2</v>
      </c>
      <c r="I146" s="96">
        <v>0.14297144386601629</v>
      </c>
      <c r="J146" s="92">
        <v>1.9677923885016557E-2</v>
      </c>
      <c r="K146" s="91">
        <v>1.1771254657288219E-2</v>
      </c>
      <c r="L146" s="92">
        <v>6.4199342263798094E-3</v>
      </c>
      <c r="M146" s="81">
        <v>1263</v>
      </c>
      <c r="N146" s="45">
        <v>4.282623614900122</v>
      </c>
      <c r="O146" s="46">
        <v>0.10421124692810994</v>
      </c>
      <c r="P146" s="96">
        <v>0.29012172238421113</v>
      </c>
      <c r="Q146" s="92">
        <v>2.5516220439956751E-2</v>
      </c>
      <c r="R146" s="96">
        <v>0.34167537168395173</v>
      </c>
      <c r="S146" s="92">
        <v>2.6657601909079929E-2</v>
      </c>
      <c r="T146" s="96">
        <v>0.3168966790820259</v>
      </c>
      <c r="U146" s="92">
        <v>2.6155055370979331E-2</v>
      </c>
      <c r="V146" s="91">
        <v>5.1306226849811586E-2</v>
      </c>
      <c r="W146" s="92">
        <v>1.2556812023914277E-2</v>
      </c>
      <c r="X146" s="81">
        <v>1281</v>
      </c>
      <c r="Y146" s="45">
        <v>1.4735822448978018</v>
      </c>
      <c r="Z146" s="46">
        <v>5.4918302906345896E-2</v>
      </c>
      <c r="AA146" s="96">
        <v>0.86952306749424024</v>
      </c>
      <c r="AB146" s="92">
        <v>1.8862721713818191E-2</v>
      </c>
      <c r="AC146" s="96">
        <v>5.1744366909022552E-2</v>
      </c>
      <c r="AD146" s="92">
        <v>1.2515004019733532E-2</v>
      </c>
      <c r="AE146" s="96">
        <v>5.8372932057943423E-2</v>
      </c>
      <c r="AF146" s="92">
        <v>1.3223945429157559E-2</v>
      </c>
      <c r="AG146" s="91">
        <v>2.0359633538794455E-2</v>
      </c>
      <c r="AH146" s="92">
        <v>8.1570456939322657E-3</v>
      </c>
    </row>
    <row r="147" spans="1:34">
      <c r="A147" s="47" t="s">
        <v>582</v>
      </c>
      <c r="B147" s="112">
        <v>867</v>
      </c>
      <c r="C147" s="49">
        <v>3.1577239169098901</v>
      </c>
      <c r="D147" s="50">
        <v>0.13510036043308798</v>
      </c>
      <c r="E147" s="113">
        <v>0.57149019095899145</v>
      </c>
      <c r="F147" s="95">
        <v>3.3538776649467736E-2</v>
      </c>
      <c r="G147" s="113">
        <v>0.13936646223482588</v>
      </c>
      <c r="H147" s="95">
        <v>2.3586103610934356E-2</v>
      </c>
      <c r="I147" s="113">
        <v>0.26491042443212665</v>
      </c>
      <c r="J147" s="95">
        <v>2.9943639801458061E-2</v>
      </c>
      <c r="K147" s="94">
        <v>2.4232922374057414E-2</v>
      </c>
      <c r="L147" s="95">
        <v>1.0868157436459532E-2</v>
      </c>
      <c r="M147" s="112">
        <v>865</v>
      </c>
      <c r="N147" s="49">
        <v>4.6200861065195751</v>
      </c>
      <c r="O147" s="50">
        <v>0.12536019015523114</v>
      </c>
      <c r="P147" s="113">
        <v>0.34945543340768892</v>
      </c>
      <c r="Q147" s="95">
        <v>3.2363335363697218E-2</v>
      </c>
      <c r="R147" s="113">
        <v>0.34483723114463011</v>
      </c>
      <c r="S147" s="95">
        <v>3.2263703689630018E-2</v>
      </c>
      <c r="T147" s="113">
        <v>0.24789023015125561</v>
      </c>
      <c r="U147" s="95">
        <v>2.934062042505314E-2</v>
      </c>
      <c r="V147" s="94">
        <v>5.7817105296428049E-2</v>
      </c>
      <c r="W147" s="95">
        <v>1.6093820366876281E-2</v>
      </c>
      <c r="X147" s="112">
        <v>873</v>
      </c>
      <c r="Y147" s="49">
        <v>1.8146604586409534</v>
      </c>
      <c r="Z147" s="50">
        <v>7.7309567619526634E-2</v>
      </c>
      <c r="AA147" s="113">
        <v>0.73683289624021953</v>
      </c>
      <c r="AB147" s="95">
        <v>2.9778403488412188E-2</v>
      </c>
      <c r="AC147" s="113">
        <v>8.9842357291425798E-2</v>
      </c>
      <c r="AD147" s="95">
        <v>1.9492044074386528E-2</v>
      </c>
      <c r="AE147" s="113">
        <v>0.13987864550332449</v>
      </c>
      <c r="AF147" s="95">
        <v>2.3539958162284904E-2</v>
      </c>
      <c r="AG147" s="94">
        <v>3.3446100965031429E-2</v>
      </c>
      <c r="AH147" s="95">
        <v>1.2509251584374676E-2</v>
      </c>
    </row>
    <row r="148" spans="1:34">
      <c r="A148" s="43" t="s">
        <v>583</v>
      </c>
      <c r="B148" s="81">
        <v>1496</v>
      </c>
      <c r="C148" s="45">
        <v>2.9069344846720915</v>
      </c>
      <c r="D148" s="46">
        <v>9.8468788791745532E-2</v>
      </c>
      <c r="E148" s="96">
        <v>0.65954060836458839</v>
      </c>
      <c r="F148" s="92">
        <v>2.4477601391888901E-2</v>
      </c>
      <c r="G148" s="96">
        <v>9.963532851549059E-2</v>
      </c>
      <c r="H148" s="92">
        <v>1.5540217068244344E-2</v>
      </c>
      <c r="I148" s="96">
        <v>0.22511263150144345</v>
      </c>
      <c r="J148" s="92">
        <v>2.1592554291875014E-2</v>
      </c>
      <c r="K148" s="91">
        <v>1.5711431618477281E-2</v>
      </c>
      <c r="L148" s="92">
        <v>6.676080743944623E-3</v>
      </c>
      <c r="M148" s="81">
        <v>1495</v>
      </c>
      <c r="N148" s="45">
        <v>4.2682950960549766</v>
      </c>
      <c r="O148" s="46">
        <v>9.7373563363331264E-2</v>
      </c>
      <c r="P148" s="96">
        <v>0.30257121145907856</v>
      </c>
      <c r="Q148" s="92">
        <v>2.3741414258250697E-2</v>
      </c>
      <c r="R148" s="96">
        <v>0.32712398823216843</v>
      </c>
      <c r="S148" s="92">
        <v>2.4244318506482364E-2</v>
      </c>
      <c r="T148" s="96">
        <v>0.33909471298371474</v>
      </c>
      <c r="U148" s="92">
        <v>2.4462056449371297E-2</v>
      </c>
      <c r="V148" s="91">
        <v>3.121008732503729E-2</v>
      </c>
      <c r="W148" s="92">
        <v>9.1547090356678042E-3</v>
      </c>
      <c r="X148" s="81">
        <v>1514</v>
      </c>
      <c r="Y148" s="45">
        <v>1.7923404992452803</v>
      </c>
      <c r="Z148" s="46">
        <v>5.5837612374702847E-2</v>
      </c>
      <c r="AA148" s="96">
        <v>0.77082725284122011</v>
      </c>
      <c r="AB148" s="92">
        <v>2.1598726198251109E-2</v>
      </c>
      <c r="AC148" s="96">
        <v>8.5344793980612496E-2</v>
      </c>
      <c r="AD148" s="92">
        <v>1.4424945486090166E-2</v>
      </c>
      <c r="AE148" s="96">
        <v>0.12481142095414341</v>
      </c>
      <c r="AF148" s="92">
        <v>1.7023149782671086E-2</v>
      </c>
      <c r="AG148" s="91">
        <v>1.9016532224023858E-2</v>
      </c>
      <c r="AH148" s="92">
        <v>7.2363646494498562E-3</v>
      </c>
    </row>
    <row r="149" spans="1:34">
      <c r="A149" s="47" t="s">
        <v>572</v>
      </c>
      <c r="B149" s="112">
        <v>291</v>
      </c>
      <c r="C149" s="49">
        <v>4.253562900269042</v>
      </c>
      <c r="D149" s="50">
        <v>0.24110408678059697</v>
      </c>
      <c r="E149" s="113">
        <v>0.34824807533272645</v>
      </c>
      <c r="F149" s="95">
        <v>5.5551670873846937E-2</v>
      </c>
      <c r="G149" s="113">
        <v>0.1838877982562277</v>
      </c>
      <c r="H149" s="95">
        <v>4.5512462291807526E-2</v>
      </c>
      <c r="I149" s="113">
        <v>0.44064603833882204</v>
      </c>
      <c r="J149" s="95">
        <v>5.7821700882873313E-2</v>
      </c>
      <c r="K149" s="94">
        <v>2.7218088072223777E-2</v>
      </c>
      <c r="L149" s="95">
        <v>2.0991621075384336E-2</v>
      </c>
      <c r="M149" s="112">
        <v>294</v>
      </c>
      <c r="N149" s="49">
        <v>4.4960212191857289</v>
      </c>
      <c r="O149" s="50">
        <v>0.20271652841441345</v>
      </c>
      <c r="P149" s="113">
        <v>0.32635811429735645</v>
      </c>
      <c r="Q149" s="95">
        <v>5.4422224466405121E-2</v>
      </c>
      <c r="R149" s="113">
        <v>0.37586865240958789</v>
      </c>
      <c r="S149" s="95">
        <v>5.6163983994321917E-2</v>
      </c>
      <c r="T149" s="113">
        <v>0.29442596190997899</v>
      </c>
      <c r="U149" s="95">
        <v>5.2948780582533495E-2</v>
      </c>
      <c r="V149" s="94">
        <v>3.3472713830764848E-3</v>
      </c>
      <c r="W149" s="95">
        <v>1.1535457885910119E-2</v>
      </c>
      <c r="X149" s="112">
        <v>295</v>
      </c>
      <c r="Y149" s="49">
        <v>2.6954135235762462</v>
      </c>
      <c r="Z149" s="50">
        <v>0.17685247250037206</v>
      </c>
      <c r="AA149" s="113">
        <v>0.49431199767457401</v>
      </c>
      <c r="AB149" s="95">
        <v>5.782785044747453E-2</v>
      </c>
      <c r="AC149" s="113">
        <v>0.14263765591087751</v>
      </c>
      <c r="AD149" s="95">
        <v>4.1005135757890963E-2</v>
      </c>
      <c r="AE149" s="113">
        <v>0.33164654577747404</v>
      </c>
      <c r="AF149" s="95">
        <v>5.4547132824813944E-2</v>
      </c>
      <c r="AG149" s="94">
        <v>3.1403800637074243E-2</v>
      </c>
      <c r="AH149" s="95">
        <v>2.2022614660823243E-2</v>
      </c>
    </row>
    <row r="150" spans="1:34">
      <c r="A150" s="43" t="s">
        <v>573</v>
      </c>
      <c r="B150" s="110">
        <v>448</v>
      </c>
      <c r="C150" s="45">
        <v>3.1266539386390462</v>
      </c>
      <c r="D150" s="46">
        <v>0.1910847259675669</v>
      </c>
      <c r="E150" s="111">
        <v>0.59829912094401871</v>
      </c>
      <c r="F150" s="92">
        <v>4.6134427245555096E-2</v>
      </c>
      <c r="G150" s="111">
        <v>0.11584623967576983</v>
      </c>
      <c r="H150" s="92">
        <v>3.0486652002945498E-2</v>
      </c>
      <c r="I150" s="111">
        <v>0.26109885827639123</v>
      </c>
      <c r="J150" s="92">
        <v>4.1427186334261783E-2</v>
      </c>
      <c r="K150" s="91">
        <v>2.4755781103821362E-2</v>
      </c>
      <c r="L150" s="92">
        <v>1.5775727605431566E-2</v>
      </c>
      <c r="M150" s="110">
        <v>449</v>
      </c>
      <c r="N150" s="45">
        <v>4.5793166128901293</v>
      </c>
      <c r="O150" s="46">
        <v>0.16108669045865009</v>
      </c>
      <c r="P150" s="111">
        <v>0.32171239343416219</v>
      </c>
      <c r="Q150" s="92">
        <v>4.3951850179835196E-2</v>
      </c>
      <c r="R150" s="111">
        <v>0.39534493556998584</v>
      </c>
      <c r="S150" s="92">
        <v>4.59618700181696E-2</v>
      </c>
      <c r="T150" s="111">
        <v>0.25129875921901162</v>
      </c>
      <c r="U150" s="92">
        <v>4.0877265790816596E-2</v>
      </c>
      <c r="V150" s="91">
        <v>3.1643911776841241E-2</v>
      </c>
      <c r="W150" s="92">
        <v>1.745364932040451E-2</v>
      </c>
      <c r="X150" s="110">
        <v>448</v>
      </c>
      <c r="Y150" s="45">
        <v>1.5261936656170334</v>
      </c>
      <c r="Z150" s="46">
        <v>8.8295893661259575E-2</v>
      </c>
      <c r="AA150" s="111">
        <v>0.82988865831785941</v>
      </c>
      <c r="AB150" s="92">
        <v>3.5585007733460211E-2</v>
      </c>
      <c r="AC150" s="111">
        <v>0.11207837143365441</v>
      </c>
      <c r="AD150" s="92">
        <v>3.0069012706283312E-2</v>
      </c>
      <c r="AE150" s="111">
        <v>3.8796551856905497E-2</v>
      </c>
      <c r="AF150" s="92">
        <v>1.9057313548007555E-2</v>
      </c>
      <c r="AG150" s="91">
        <v>1.9236418391581106E-2</v>
      </c>
      <c r="AH150" s="92">
        <v>1.424784970638952E-2</v>
      </c>
    </row>
    <row r="151" spans="1:34">
      <c r="A151" s="47" t="s">
        <v>574</v>
      </c>
      <c r="B151" s="112">
        <v>676</v>
      </c>
      <c r="C151" s="49">
        <v>2.7179413423249086</v>
      </c>
      <c r="D151" s="50">
        <v>0.14353462829578228</v>
      </c>
      <c r="E151" s="113">
        <v>0.69806528442385096</v>
      </c>
      <c r="F151" s="95">
        <v>3.5249556809877097E-2</v>
      </c>
      <c r="G151" s="113">
        <v>0.11246495523993326</v>
      </c>
      <c r="H151" s="95">
        <v>2.4444204904813343E-2</v>
      </c>
      <c r="I151" s="113">
        <v>0.17451627058914085</v>
      </c>
      <c r="J151" s="95">
        <v>2.9235657627553473E-2</v>
      </c>
      <c r="K151" s="94">
        <v>1.495348974707392E-2</v>
      </c>
      <c r="L151" s="95">
        <v>1.0142985344169048E-2</v>
      </c>
      <c r="M151" s="112">
        <v>667</v>
      </c>
      <c r="N151" s="49">
        <v>4.545461565365871</v>
      </c>
      <c r="O151" s="50">
        <v>0.14439464353756029</v>
      </c>
      <c r="P151" s="113">
        <v>0.35251032043260094</v>
      </c>
      <c r="Q151" s="95">
        <v>3.6907696850520227E-2</v>
      </c>
      <c r="R151" s="113">
        <v>0.30865327270554838</v>
      </c>
      <c r="S151" s="95">
        <v>3.5702167088061398E-2</v>
      </c>
      <c r="T151" s="113">
        <v>0.27707058581624083</v>
      </c>
      <c r="U151" s="95">
        <v>3.4605998560506286E-2</v>
      </c>
      <c r="V151" s="94">
        <v>6.1765821045608169E-2</v>
      </c>
      <c r="W151" s="95">
        <v>1.8949094388780268E-2</v>
      </c>
      <c r="X151" s="112">
        <v>680</v>
      </c>
      <c r="Y151" s="49">
        <v>1.5598340099872086</v>
      </c>
      <c r="Z151" s="50">
        <v>7.4198370664220151E-2</v>
      </c>
      <c r="AA151" s="113">
        <v>0.8272546906465047</v>
      </c>
      <c r="AB151" s="95">
        <v>2.9034491026876191E-2</v>
      </c>
      <c r="AC151" s="113">
        <v>8.3611024038192774E-2</v>
      </c>
      <c r="AD151" s="95">
        <v>2.1445173537247692E-2</v>
      </c>
      <c r="AE151" s="113">
        <v>6.8517224969087284E-2</v>
      </c>
      <c r="AF151" s="95">
        <v>1.9645061151921422E-2</v>
      </c>
      <c r="AG151" s="94">
        <v>2.061706034621482E-2</v>
      </c>
      <c r="AH151" s="95">
        <v>1.1565210729304864E-2</v>
      </c>
    </row>
    <row r="152" spans="1:34">
      <c r="A152" s="43" t="s">
        <v>575</v>
      </c>
      <c r="B152" s="81">
        <v>925</v>
      </c>
      <c r="C152" s="45">
        <v>2.1836915173177078</v>
      </c>
      <c r="D152" s="46">
        <v>0.11313894127738408</v>
      </c>
      <c r="E152" s="96">
        <v>0.81257533980718055</v>
      </c>
      <c r="F152" s="92">
        <v>2.567799350746567E-2</v>
      </c>
      <c r="G152" s="96">
        <v>5.8289327523750274E-2</v>
      </c>
      <c r="H152" s="92">
        <v>1.560660377931648E-2</v>
      </c>
      <c r="I152" s="96">
        <v>0.11852923163889814</v>
      </c>
      <c r="J152" s="92">
        <v>2.1336454552848549E-2</v>
      </c>
      <c r="K152" s="96">
        <v>1.0606101030169108E-2</v>
      </c>
      <c r="L152" s="92">
        <v>7.3514449141661147E-3</v>
      </c>
      <c r="M152" s="81">
        <v>924</v>
      </c>
      <c r="N152" s="45">
        <v>4.0230429662968366</v>
      </c>
      <c r="O152" s="46">
        <v>0.12976975186690326</v>
      </c>
      <c r="P152" s="96">
        <v>0.27682892751805233</v>
      </c>
      <c r="Q152" s="92">
        <v>2.9406712767461683E-2</v>
      </c>
      <c r="R152" s="96">
        <v>0.28052663248825011</v>
      </c>
      <c r="S152" s="92">
        <v>2.9525397616565568E-2</v>
      </c>
      <c r="T152" s="96">
        <v>0.39103283542422718</v>
      </c>
      <c r="U152" s="92">
        <v>3.204443958668033E-2</v>
      </c>
      <c r="V152" s="96">
        <v>5.1611604569466243E-2</v>
      </c>
      <c r="W152" s="92">
        <v>1.4779604962052471E-2</v>
      </c>
      <c r="X152" s="81">
        <v>937</v>
      </c>
      <c r="Y152" s="45">
        <v>1.542017651263224</v>
      </c>
      <c r="Z152" s="46">
        <v>6.7921720927854548E-2</v>
      </c>
      <c r="AA152" s="96">
        <v>0.85138506235655054</v>
      </c>
      <c r="AB152" s="92">
        <v>2.3287329787423285E-2</v>
      </c>
      <c r="AC152" s="96">
        <v>3.6425898941028295E-2</v>
      </c>
      <c r="AD152" s="92">
        <v>1.2527914902433081E-2</v>
      </c>
      <c r="AE152" s="96">
        <v>8.9127692810956505E-2</v>
      </c>
      <c r="AF152" s="92">
        <v>1.8739911473810173E-2</v>
      </c>
      <c r="AG152" s="96">
        <v>2.306134589146247E-2</v>
      </c>
      <c r="AH152" s="92">
        <v>1.0196636662388079E-2</v>
      </c>
    </row>
    <row r="153" spans="1:34">
      <c r="A153" s="47" t="s">
        <v>576</v>
      </c>
      <c r="B153" s="112">
        <v>753</v>
      </c>
      <c r="C153" s="49">
        <v>2.9985022044853773</v>
      </c>
      <c r="D153" s="50">
        <v>0.13793059112407008</v>
      </c>
      <c r="E153" s="113">
        <v>0.61996322661198144</v>
      </c>
      <c r="F153" s="95">
        <v>3.5295357570706683E-2</v>
      </c>
      <c r="G153" s="113">
        <v>0.13358501787846883</v>
      </c>
      <c r="H153" s="95">
        <v>2.4880711497221073E-2</v>
      </c>
      <c r="I153" s="113">
        <v>0.23231812422826181</v>
      </c>
      <c r="J153" s="95">
        <v>3.0763224122666688E-2</v>
      </c>
      <c r="K153" s="94">
        <v>1.4133631281287813E-2</v>
      </c>
      <c r="L153" s="95">
        <v>9.3152720203875383E-3</v>
      </c>
      <c r="M153" s="112">
        <v>745</v>
      </c>
      <c r="N153" s="49">
        <v>4.3935399651500662</v>
      </c>
      <c r="O153" s="50">
        <v>0.14109314990630487</v>
      </c>
      <c r="P153" s="113">
        <v>0.31190905511383915</v>
      </c>
      <c r="Q153" s="95">
        <v>3.3884958817826431E-2</v>
      </c>
      <c r="R153" s="113">
        <v>0.3411011361723108</v>
      </c>
      <c r="S153" s="95">
        <v>3.4665682471706219E-2</v>
      </c>
      <c r="T153" s="113">
        <v>0.29466353689308106</v>
      </c>
      <c r="U153" s="95">
        <v>3.3351794334394468E-2</v>
      </c>
      <c r="V153" s="94">
        <v>5.2326271820768454E-2</v>
      </c>
      <c r="W153" s="95">
        <v>1.6620012529249162E-2</v>
      </c>
      <c r="X153" s="112">
        <v>759</v>
      </c>
      <c r="Y153" s="49">
        <v>1.8198993565964414</v>
      </c>
      <c r="Z153" s="50">
        <v>7.820971831059742E-2</v>
      </c>
      <c r="AA153" s="113">
        <v>0.72755042491025168</v>
      </c>
      <c r="AB153" s="95">
        <v>3.2280088299153381E-2</v>
      </c>
      <c r="AC153" s="113">
        <v>0.1332404029230391</v>
      </c>
      <c r="AD153" s="95">
        <v>2.4755057576187487E-2</v>
      </c>
      <c r="AE153" s="113">
        <v>0.11378236037992266</v>
      </c>
      <c r="AF153" s="95">
        <v>2.3169081600560377E-2</v>
      </c>
      <c r="AG153" s="94">
        <v>2.5426811786786345E-2</v>
      </c>
      <c r="AH153" s="95">
        <v>1.1927151455001157E-2</v>
      </c>
    </row>
    <row r="154" spans="1:34">
      <c r="A154" s="55" t="s">
        <v>577</v>
      </c>
      <c r="B154" s="110">
        <v>767</v>
      </c>
      <c r="C154" s="45">
        <v>2.672485649315564</v>
      </c>
      <c r="D154" s="46">
        <v>0.13156688637246014</v>
      </c>
      <c r="E154" s="111">
        <v>0.70646102236816166</v>
      </c>
      <c r="F154" s="92">
        <v>3.2835319444810378E-2</v>
      </c>
      <c r="G154" s="111">
        <v>0.10256781037162305</v>
      </c>
      <c r="H154" s="92">
        <v>2.2046094623016616E-2</v>
      </c>
      <c r="I154" s="111">
        <v>0.1784763758448166</v>
      </c>
      <c r="J154" s="92">
        <v>2.768100997437874E-2</v>
      </c>
      <c r="K154" s="91">
        <v>1.2494791415397244E-2</v>
      </c>
      <c r="L154" s="92">
        <v>8.7621046757353667E-3</v>
      </c>
      <c r="M154" s="110">
        <v>762</v>
      </c>
      <c r="N154" s="45">
        <v>4.1199196716066266</v>
      </c>
      <c r="O154" s="46">
        <v>0.13482672199274859</v>
      </c>
      <c r="P154" s="111">
        <v>0.28435273217127394</v>
      </c>
      <c r="Q154" s="92">
        <v>3.2636991185054885E-2</v>
      </c>
      <c r="R154" s="111">
        <v>0.29301679482409265</v>
      </c>
      <c r="S154" s="92">
        <v>3.2925600209082174E-2</v>
      </c>
      <c r="T154" s="111">
        <v>0.38028035661806847</v>
      </c>
      <c r="U154" s="92">
        <v>3.5091562880095004E-2</v>
      </c>
      <c r="V154" s="91">
        <v>4.2350116386561457E-2</v>
      </c>
      <c r="W154" s="92">
        <v>1.4939088057376832E-2</v>
      </c>
      <c r="X154" s="110">
        <v>770</v>
      </c>
      <c r="Y154" s="45">
        <v>1.7280075677259976</v>
      </c>
      <c r="Z154" s="46">
        <v>7.6328279402904292E-2</v>
      </c>
      <c r="AA154" s="111">
        <v>0.79618605857922797</v>
      </c>
      <c r="AB154" s="92">
        <v>2.9039597512740253E-2</v>
      </c>
      <c r="AC154" s="111">
        <v>5.1847833893724625E-2</v>
      </c>
      <c r="AD154" s="92">
        <v>1.6271301507359798E-2</v>
      </c>
      <c r="AE154" s="111">
        <v>0.12728382805206762</v>
      </c>
      <c r="AF154" s="92">
        <v>2.4113725297210169E-2</v>
      </c>
      <c r="AG154" s="91">
        <v>2.4682279474978728E-2</v>
      </c>
      <c r="AH154" s="92">
        <v>1.1680986265858959E-2</v>
      </c>
    </row>
    <row r="155" spans="1:34">
      <c r="A155" s="47" t="s">
        <v>578</v>
      </c>
      <c r="B155" s="112">
        <v>253</v>
      </c>
      <c r="C155" s="49">
        <v>3.3001120160420196</v>
      </c>
      <c r="D155" s="50">
        <v>0.26711623306570698</v>
      </c>
      <c r="E155" s="113">
        <v>0.56147719978330879</v>
      </c>
      <c r="F155" s="95">
        <v>6.1919652529790023E-2</v>
      </c>
      <c r="G155" s="113">
        <v>9.5157739408497644E-2</v>
      </c>
      <c r="H155" s="95">
        <v>3.7668408040243302E-2</v>
      </c>
      <c r="I155" s="113">
        <v>0.30359195325972782</v>
      </c>
      <c r="J155" s="95">
        <v>5.7525544645745698E-2</v>
      </c>
      <c r="K155" s="94">
        <v>3.9773107548466094E-2</v>
      </c>
      <c r="L155" s="95">
        <v>2.6386285725172747E-2</v>
      </c>
      <c r="M155" s="112">
        <v>261</v>
      </c>
      <c r="N155" s="49">
        <v>4.6305401606497689</v>
      </c>
      <c r="O155" s="50">
        <v>0.22863519568375629</v>
      </c>
      <c r="P155" s="113">
        <v>0.35997078158167178</v>
      </c>
      <c r="Q155" s="95">
        <v>5.9046421852019644E-2</v>
      </c>
      <c r="R155" s="113">
        <v>0.37535703103491469</v>
      </c>
      <c r="S155" s="95">
        <v>5.9549199319328311E-2</v>
      </c>
      <c r="T155" s="113">
        <v>0.24994736965547509</v>
      </c>
      <c r="U155" s="95">
        <v>5.3460904152789313E-2</v>
      </c>
      <c r="V155" s="94">
        <v>1.4724817727938237E-2</v>
      </c>
      <c r="W155" s="95">
        <v>1.8041267460290888E-2</v>
      </c>
      <c r="X155" s="112">
        <v>260</v>
      </c>
      <c r="Y155" s="49">
        <v>1.876304389830969</v>
      </c>
      <c r="Z155" s="50">
        <v>0.14574474929511358</v>
      </c>
      <c r="AA155" s="113">
        <v>0.74368548194330009</v>
      </c>
      <c r="AB155" s="95">
        <v>5.3992595826919967E-2</v>
      </c>
      <c r="AC155" s="113">
        <v>8.519969568081906E-2</v>
      </c>
      <c r="AD155" s="95">
        <v>3.5486900295766989E-2</v>
      </c>
      <c r="AE155" s="113">
        <v>0.15109733483446447</v>
      </c>
      <c r="AF155" s="95">
        <v>4.4709138289472691E-2</v>
      </c>
      <c r="AG155" s="94">
        <v>2.0017487541416558E-2</v>
      </c>
      <c r="AH155" s="95">
        <v>2.005492778879267E-2</v>
      </c>
    </row>
    <row r="156" spans="1:34">
      <c r="A156" s="55" t="s">
        <v>579</v>
      </c>
      <c r="B156" s="110">
        <v>217</v>
      </c>
      <c r="C156" s="45">
        <v>3.0263503899279343</v>
      </c>
      <c r="D156" s="46">
        <v>0.25779515941715109</v>
      </c>
      <c r="E156" s="111">
        <v>0.63693518491170142</v>
      </c>
      <c r="F156" s="92">
        <v>6.4789445322163394E-2</v>
      </c>
      <c r="G156" s="111">
        <v>0.10982571102921529</v>
      </c>
      <c r="H156" s="92">
        <v>4.3224125416279957E-2</v>
      </c>
      <c r="I156" s="111">
        <v>0.2387324941497245</v>
      </c>
      <c r="J156" s="92">
        <v>5.7738355787143578E-2</v>
      </c>
      <c r="K156" s="91">
        <v>1.4506609909359102E-2</v>
      </c>
      <c r="L156" s="92">
        <v>2.0292529669791916E-2</v>
      </c>
      <c r="M156" s="110">
        <v>220</v>
      </c>
      <c r="N156" s="45">
        <v>4.525902555729278</v>
      </c>
      <c r="O156" s="46">
        <v>0.25472097085455842</v>
      </c>
      <c r="P156" s="111">
        <v>0.34217768545753763</v>
      </c>
      <c r="Q156" s="92">
        <v>6.35235813520936E-2</v>
      </c>
      <c r="R156" s="111">
        <v>0.3352643425235613</v>
      </c>
      <c r="S156" s="92">
        <v>6.3220520793654977E-2</v>
      </c>
      <c r="T156" s="111">
        <v>0.28776391138080049</v>
      </c>
      <c r="U156" s="92">
        <v>6.0732169491056795E-2</v>
      </c>
      <c r="V156" s="91">
        <v>3.4794060638101067E-2</v>
      </c>
      <c r="W156" s="92">
        <v>2.7138397504372299E-2</v>
      </c>
      <c r="X156" s="110">
        <v>223</v>
      </c>
      <c r="Y156" s="45">
        <v>1.7223904175131453</v>
      </c>
      <c r="Z156" s="46">
        <v>0.14628066828801467</v>
      </c>
      <c r="AA156" s="111">
        <v>0.78544055871969509</v>
      </c>
      <c r="AB156" s="92">
        <v>5.4952089753711846E-2</v>
      </c>
      <c r="AC156" s="111">
        <v>0.10055591732059488</v>
      </c>
      <c r="AD156" s="92">
        <v>4.1133282025342749E-2</v>
      </c>
      <c r="AE156" s="111">
        <v>9.2081589221688492E-2</v>
      </c>
      <c r="AF156" s="92">
        <v>3.969379040332028E-2</v>
      </c>
      <c r="AG156" s="91">
        <v>2.1921934738021905E-2</v>
      </c>
      <c r="AH156" s="92">
        <v>2.2770769147673817E-2</v>
      </c>
    </row>
    <row r="157" spans="1:34">
      <c r="A157" s="47" t="s">
        <v>580</v>
      </c>
      <c r="B157" s="112">
        <v>223</v>
      </c>
      <c r="C157" s="49">
        <v>3.3247074654154134</v>
      </c>
      <c r="D157" s="50">
        <v>0.28655420438289037</v>
      </c>
      <c r="E157" s="113">
        <v>0.58287644939754446</v>
      </c>
      <c r="F157" s="95">
        <v>6.5486511818619378E-2</v>
      </c>
      <c r="G157" s="113">
        <v>7.9834952045771707E-2</v>
      </c>
      <c r="H157" s="95">
        <v>3.7458498251652241E-2</v>
      </c>
      <c r="I157" s="113">
        <v>0.327556262176178</v>
      </c>
      <c r="J157" s="95">
        <v>6.2446723486513991E-2</v>
      </c>
      <c r="K157" s="94">
        <v>9.7323363805057669E-3</v>
      </c>
      <c r="L157" s="95">
        <v>1.7826330718397631E-2</v>
      </c>
      <c r="M157" s="112">
        <v>223</v>
      </c>
      <c r="N157" s="49">
        <v>4.6374588143776343</v>
      </c>
      <c r="O157" s="50">
        <v>0.23220222614787903</v>
      </c>
      <c r="P157" s="113">
        <v>0.36185236461764458</v>
      </c>
      <c r="Q157" s="95">
        <v>6.388065633604588E-2</v>
      </c>
      <c r="R157" s="113">
        <v>0.35863357054210787</v>
      </c>
      <c r="S157" s="95">
        <v>6.3760789983965685E-2</v>
      </c>
      <c r="T157" s="113">
        <v>0.23821440411981612</v>
      </c>
      <c r="U157" s="95">
        <v>5.6919796174605318E-2</v>
      </c>
      <c r="V157" s="94">
        <v>4.129966072043121E-2</v>
      </c>
      <c r="W157" s="95">
        <v>2.8761163287768798E-2</v>
      </c>
      <c r="X157" s="112">
        <v>223</v>
      </c>
      <c r="Y157" s="49">
        <v>1.8690201181314781</v>
      </c>
      <c r="Z157" s="50">
        <v>0.16505751896654108</v>
      </c>
      <c r="AA157" s="113">
        <v>0.76437866037404556</v>
      </c>
      <c r="AB157" s="95">
        <v>5.6715616214802679E-2</v>
      </c>
      <c r="AC157" s="113">
        <v>5.7764224389737731E-2</v>
      </c>
      <c r="AD157" s="95">
        <v>3.2855098995887504E-2</v>
      </c>
      <c r="AE157" s="113">
        <v>0.15705799148784957</v>
      </c>
      <c r="AF157" s="95">
        <v>4.9043553231024696E-2</v>
      </c>
      <c r="AG157" s="94">
        <v>2.0799123748366878E-2</v>
      </c>
      <c r="AH157" s="95">
        <v>2.2365812398520212E-2</v>
      </c>
    </row>
    <row r="158" spans="1:34">
      <c r="A158" s="55" t="s">
        <v>581</v>
      </c>
      <c r="B158" s="110">
        <v>122</v>
      </c>
      <c r="C158" s="45">
        <v>2.5002722455491568</v>
      </c>
      <c r="D158" s="46">
        <v>0.33637094095939502</v>
      </c>
      <c r="E158" s="111">
        <v>0.74645518770896047</v>
      </c>
      <c r="F158" s="92">
        <v>7.8286235881070282E-2</v>
      </c>
      <c r="G158" s="111">
        <v>8.9580604048833154E-2</v>
      </c>
      <c r="H158" s="92">
        <v>5.4066690730805229E-2</v>
      </c>
      <c r="I158" s="111">
        <v>0.15692677334773614</v>
      </c>
      <c r="J158" s="92">
        <v>6.6584499403981881E-2</v>
      </c>
      <c r="K158" s="91">
        <v>7.0374348944711486E-3</v>
      </c>
      <c r="L158" s="92">
        <v>2.6530807696132006E-2</v>
      </c>
      <c r="M158" s="110">
        <v>121</v>
      </c>
      <c r="N158" s="45">
        <v>4.005969725892105</v>
      </c>
      <c r="O158" s="46">
        <v>0.33493440630086924</v>
      </c>
      <c r="P158" s="111">
        <v>0.23543576733811925</v>
      </c>
      <c r="Q158" s="92">
        <v>7.6819523273976842E-2</v>
      </c>
      <c r="R158" s="111">
        <v>0.31242673238250745</v>
      </c>
      <c r="S158" s="92">
        <v>8.333681057519117E-2</v>
      </c>
      <c r="T158" s="111">
        <v>0.42154015973836112</v>
      </c>
      <c r="U158" s="92">
        <v>8.840483794092463E-2</v>
      </c>
      <c r="V158" s="91">
        <v>3.0597340541012437E-2</v>
      </c>
      <c r="W158" s="92">
        <v>3.7325467180602798E-2</v>
      </c>
      <c r="X158" s="110">
        <v>123</v>
      </c>
      <c r="Y158" s="45">
        <v>1.4371583720172176</v>
      </c>
      <c r="Z158" s="46">
        <v>0.17222216804971271</v>
      </c>
      <c r="AA158" s="111">
        <v>0.89456512364346108</v>
      </c>
      <c r="AB158" s="92">
        <v>5.7224697049829187E-2</v>
      </c>
      <c r="AC158" s="111">
        <v>2.3805739985419554E-2</v>
      </c>
      <c r="AD158" s="92">
        <v>3.4274590662051296E-2</v>
      </c>
      <c r="AE158" s="111">
        <v>7.4067927535059544E-2</v>
      </c>
      <c r="AF158" s="92">
        <v>5.0143044586738961E-2</v>
      </c>
      <c r="AG158" s="91">
        <v>7.5612088360602495E-3</v>
      </c>
      <c r="AH158" s="92">
        <v>2.6643648242321856E-2</v>
      </c>
    </row>
    <row r="159" spans="1:34">
      <c r="A159" s="47" t="s">
        <v>584</v>
      </c>
      <c r="B159" s="112">
        <v>114</v>
      </c>
      <c r="C159" s="49">
        <v>4.7588245481351912</v>
      </c>
      <c r="D159" s="50">
        <v>0.35804272733096343</v>
      </c>
      <c r="E159" s="113">
        <v>0.23237817375226488</v>
      </c>
      <c r="F159" s="95">
        <v>7.8794293272663962E-2</v>
      </c>
      <c r="G159" s="113">
        <v>0.23472805188364526</v>
      </c>
      <c r="H159" s="95">
        <v>7.9045304814782641E-2</v>
      </c>
      <c r="I159" s="113">
        <v>0.51540061997935449</v>
      </c>
      <c r="J159" s="95">
        <v>9.2016694929873313E-2</v>
      </c>
      <c r="K159" s="94">
        <v>1.7493154384735522E-2</v>
      </c>
      <c r="L159" s="95">
        <v>3.3295565068493217E-2</v>
      </c>
      <c r="M159" s="112">
        <v>115</v>
      </c>
      <c r="N159" s="49">
        <v>4.6745648589355753</v>
      </c>
      <c r="O159" s="50">
        <v>0.31613222444624867</v>
      </c>
      <c r="P159" s="113">
        <v>0.36041616155296002</v>
      </c>
      <c r="Q159" s="95">
        <v>8.8270813861893171E-2</v>
      </c>
      <c r="R159" s="113">
        <v>0.39260572459003762</v>
      </c>
      <c r="S159" s="95">
        <v>8.9673319656012399E-2</v>
      </c>
      <c r="T159" s="113">
        <v>0.2327048054448887</v>
      </c>
      <c r="U159" s="95">
        <v>7.8489028258607652E-2</v>
      </c>
      <c r="V159" s="94">
        <v>1.4273308412113501E-2</v>
      </c>
      <c r="W159" s="95">
        <v>3.1576972973484198E-2</v>
      </c>
      <c r="X159" s="112">
        <v>118</v>
      </c>
      <c r="Y159" s="49">
        <v>3.0690175202699068</v>
      </c>
      <c r="Z159" s="50">
        <v>0.29067489037048222</v>
      </c>
      <c r="AA159" s="113">
        <v>0.34634126430049783</v>
      </c>
      <c r="AB159" s="95">
        <v>8.6443741649162076E-2</v>
      </c>
      <c r="AC159" s="113">
        <v>0.22191477843830115</v>
      </c>
      <c r="AD159" s="95">
        <v>7.6320375362553997E-2</v>
      </c>
      <c r="AE159" s="113">
        <v>0.37958145286238687</v>
      </c>
      <c r="AF159" s="95">
        <v>8.8045190776922064E-2</v>
      </c>
      <c r="AG159" s="94">
        <v>5.2162504398814195E-2</v>
      </c>
      <c r="AH159" s="95">
        <v>4.5223435545330981E-2</v>
      </c>
    </row>
    <row r="160" spans="1:34">
      <c r="A160" s="55" t="s">
        <v>585</v>
      </c>
      <c r="B160" s="110">
        <v>2249</v>
      </c>
      <c r="C160" s="45">
        <v>2.6647188695772162</v>
      </c>
      <c r="D160" s="46">
        <v>7.9406662628411812E-2</v>
      </c>
      <c r="E160" s="111">
        <v>0.70498861558376236</v>
      </c>
      <c r="F160" s="92">
        <v>1.9222746074562272E-2</v>
      </c>
      <c r="G160" s="111">
        <v>8.929249686733215E-2</v>
      </c>
      <c r="H160" s="92">
        <v>1.2059754318221146E-2</v>
      </c>
      <c r="I160" s="111">
        <v>0.18743172401746275</v>
      </c>
      <c r="J160" s="92">
        <v>1.6462451124966644E-2</v>
      </c>
      <c r="K160" s="91">
        <v>1.8287163531439898E-2</v>
      </c>
      <c r="L160" s="92">
        <v>5.7736518402767573E-3</v>
      </c>
      <c r="M160" s="110">
        <v>2245</v>
      </c>
      <c r="N160" s="45">
        <v>4.3111430218671858</v>
      </c>
      <c r="O160" s="46">
        <v>7.9651037646896461E-2</v>
      </c>
      <c r="P160" s="111">
        <v>0.30815752195065832</v>
      </c>
      <c r="Q160" s="92">
        <v>1.9478631787311813E-2</v>
      </c>
      <c r="R160" s="111">
        <v>0.32148911652632983</v>
      </c>
      <c r="S160" s="92">
        <v>1.9701964153452042E-2</v>
      </c>
      <c r="T160" s="111">
        <v>0.32713812199242936</v>
      </c>
      <c r="U160" s="92">
        <v>1.9791036781668062E-2</v>
      </c>
      <c r="V160" s="91">
        <v>4.3215239530580263E-2</v>
      </c>
      <c r="W160" s="92">
        <v>8.6520843462209261E-3</v>
      </c>
      <c r="X160" s="110">
        <v>2269</v>
      </c>
      <c r="Y160" s="45">
        <v>1.5786832102577388</v>
      </c>
      <c r="Z160" s="46">
        <v>4.3555964261710704E-2</v>
      </c>
      <c r="AA160" s="111">
        <v>0.83544851012023702</v>
      </c>
      <c r="AB160" s="92">
        <v>1.5576330455107156E-2</v>
      </c>
      <c r="AC160" s="111">
        <v>6.2365802338550998E-2</v>
      </c>
      <c r="AD160" s="92">
        <v>1.0202507254460022E-2</v>
      </c>
      <c r="AE160" s="111">
        <v>8.4213454692009401E-2</v>
      </c>
      <c r="AF160" s="92">
        <v>1.1695617003616194E-2</v>
      </c>
      <c r="AG160" s="91">
        <v>1.7972232849200936E-2</v>
      </c>
      <c r="AH160" s="92">
        <v>5.7005936986479584E-3</v>
      </c>
    </row>
    <row r="161" spans="1:34">
      <c r="A161" s="47" t="s">
        <v>620</v>
      </c>
      <c r="B161" s="112">
        <v>156</v>
      </c>
      <c r="C161" s="49">
        <v>2.4535727621638599</v>
      </c>
      <c r="D161" s="50">
        <v>0.28508589358702568</v>
      </c>
      <c r="E161" s="113">
        <v>0.75831282339733019</v>
      </c>
      <c r="F161" s="95">
        <v>6.8295142132945214E-2</v>
      </c>
      <c r="G161" s="113">
        <v>8.5867270115989158E-2</v>
      </c>
      <c r="H161" s="95">
        <v>4.6626759145942775E-2</v>
      </c>
      <c r="I161" s="113">
        <v>0.13087446198963587</v>
      </c>
      <c r="J161" s="95">
        <v>5.4880292863165855E-2</v>
      </c>
      <c r="K161" s="94">
        <v>2.4945444497044819E-2</v>
      </c>
      <c r="L161" s="95">
        <v>2.97766531077223E-2</v>
      </c>
      <c r="M161" s="112">
        <v>155</v>
      </c>
      <c r="N161" s="49">
        <v>4.2584337242991204</v>
      </c>
      <c r="O161" s="50">
        <v>0.29696620506387128</v>
      </c>
      <c r="P161" s="113">
        <v>0.34143178041359945</v>
      </c>
      <c r="Q161" s="95">
        <v>7.5420049285767302E-2</v>
      </c>
      <c r="R161" s="113">
        <v>0.25787532950261993</v>
      </c>
      <c r="S161" s="95">
        <v>6.991246899640588E-2</v>
      </c>
      <c r="T161" s="113">
        <v>0.37510347977463387</v>
      </c>
      <c r="U161" s="95">
        <v>7.6917966459678563E-2</v>
      </c>
      <c r="V161" s="94">
        <v>2.5589410309146739E-2</v>
      </c>
      <c r="W161" s="95">
        <v>3.0142720150836719E-2</v>
      </c>
      <c r="X161" s="112">
        <v>156</v>
      </c>
      <c r="Y161" s="49">
        <v>1.4621912621109463</v>
      </c>
      <c r="Z161" s="50">
        <v>0.15687366300065131</v>
      </c>
      <c r="AA161" s="113">
        <v>0.88727150027462243</v>
      </c>
      <c r="AB161" s="95">
        <v>5.1823259452673097E-2</v>
      </c>
      <c r="AC161" s="113">
        <v>4.8096131877457676E-2</v>
      </c>
      <c r="AD161" s="95">
        <v>3.7371818789639008E-2</v>
      </c>
      <c r="AE161" s="113">
        <v>6.463236784791998E-2</v>
      </c>
      <c r="AF161" s="95">
        <v>4.1777328786413277E-2</v>
      </c>
      <c r="AG161" s="94">
        <v>0</v>
      </c>
      <c r="AH161" s="95">
        <v>1.7566836653193994E-2</v>
      </c>
    </row>
    <row r="162" spans="1:34">
      <c r="A162" s="55" t="s">
        <v>621</v>
      </c>
      <c r="B162" s="110">
        <v>163</v>
      </c>
      <c r="C162" s="45">
        <v>2.9500243465072513</v>
      </c>
      <c r="D162" s="46">
        <v>0.29718388684975183</v>
      </c>
      <c r="E162" s="111">
        <v>0.67854206376266601</v>
      </c>
      <c r="F162" s="92">
        <v>7.2530232914385512E-2</v>
      </c>
      <c r="G162" s="111">
        <v>3.2262288524813311E-2</v>
      </c>
      <c r="H162" s="92">
        <v>3.1556936377384541E-2</v>
      </c>
      <c r="I162" s="111">
        <v>0.25022418702384075</v>
      </c>
      <c r="J162" s="92">
        <v>6.7560555358650215E-2</v>
      </c>
      <c r="K162" s="91">
        <v>3.8971460688680765E-2</v>
      </c>
      <c r="L162" s="92">
        <v>3.3734665335678565E-2</v>
      </c>
      <c r="M162" s="110">
        <v>161</v>
      </c>
      <c r="N162" s="45">
        <v>4.6377903720272293</v>
      </c>
      <c r="O162" s="46">
        <v>0.27913805529146341</v>
      </c>
      <c r="P162" s="111">
        <v>0.36830943076665451</v>
      </c>
      <c r="Q162" s="92">
        <v>7.5235105580156655E-2</v>
      </c>
      <c r="R162" s="111">
        <v>0.35481585868846971</v>
      </c>
      <c r="S162" s="92">
        <v>7.4659820379833361E-2</v>
      </c>
      <c r="T162" s="111">
        <v>0.21171960902890677</v>
      </c>
      <c r="U162" s="92">
        <v>6.4361655641752974E-2</v>
      </c>
      <c r="V162" s="91">
        <v>6.5155101515969732E-2</v>
      </c>
      <c r="W162" s="92">
        <v>4.1184519332352398E-2</v>
      </c>
      <c r="X162" s="110">
        <v>163</v>
      </c>
      <c r="Y162" s="45">
        <v>1.698381919297091</v>
      </c>
      <c r="Z162" s="46">
        <v>0.18029177081673814</v>
      </c>
      <c r="AA162" s="111">
        <v>0.84631973048133036</v>
      </c>
      <c r="AB162" s="92">
        <v>5.7019660007295289E-2</v>
      </c>
      <c r="AC162" s="111">
        <v>3.3624239778755324E-2</v>
      </c>
      <c r="AD162" s="92">
        <v>3.2013594459204889E-2</v>
      </c>
      <c r="AE162" s="111">
        <v>0.10527900551174002</v>
      </c>
      <c r="AF162" s="92">
        <v>4.9323482492966322E-2</v>
      </c>
      <c r="AG162" s="91">
        <v>1.477702422817481E-2</v>
      </c>
      <c r="AH162" s="92">
        <v>2.4811730513282171E-2</v>
      </c>
    </row>
    <row r="163" spans="1:34">
      <c r="A163" s="47" t="s">
        <v>622</v>
      </c>
      <c r="B163" s="112">
        <v>986</v>
      </c>
      <c r="C163" s="49">
        <v>2.5288605014207222</v>
      </c>
      <c r="D163" s="50">
        <v>0.11853646608548656</v>
      </c>
      <c r="E163" s="113">
        <v>0.74088762864405344</v>
      </c>
      <c r="F163" s="95">
        <v>2.7884401122208368E-2</v>
      </c>
      <c r="G163" s="113">
        <v>7.2770833490439696E-2</v>
      </c>
      <c r="H163" s="95">
        <v>1.6690553446633904E-2</v>
      </c>
      <c r="I163" s="113">
        <v>0.17813216613603469</v>
      </c>
      <c r="J163" s="95">
        <v>2.4390474141024368E-2</v>
      </c>
      <c r="K163" s="94">
        <v>8.2093717294730202E-3</v>
      </c>
      <c r="L163" s="95">
        <v>6.3857283756875698E-3</v>
      </c>
      <c r="M163" s="112">
        <v>984</v>
      </c>
      <c r="N163" s="49">
        <v>4.3533129666722017</v>
      </c>
      <c r="O163" s="50">
        <v>0.11961274184834578</v>
      </c>
      <c r="P163" s="113">
        <v>0.2962400166510224</v>
      </c>
      <c r="Q163" s="95">
        <v>2.9076011500349719E-2</v>
      </c>
      <c r="R163" s="113">
        <v>0.34000167751939964</v>
      </c>
      <c r="S163" s="95">
        <v>3.0155293094890921E-2</v>
      </c>
      <c r="T163" s="113">
        <v>0.30691745274388471</v>
      </c>
      <c r="U163" s="95">
        <v>2.9367170815846902E-2</v>
      </c>
      <c r="V163" s="94">
        <v>5.6840853085692665E-2</v>
      </c>
      <c r="W163" s="95">
        <v>1.4948894606664691E-2</v>
      </c>
      <c r="X163" s="112">
        <v>999</v>
      </c>
      <c r="Y163" s="49">
        <v>1.5235056716940469</v>
      </c>
      <c r="Z163" s="50">
        <v>6.3962945420316192E-2</v>
      </c>
      <c r="AA163" s="113">
        <v>0.8452927908163298</v>
      </c>
      <c r="AB163" s="95">
        <v>2.2919683457914692E-2</v>
      </c>
      <c r="AC163" s="113">
        <v>5.910367456823553E-2</v>
      </c>
      <c r="AD163" s="95">
        <v>1.5097926109046655E-2</v>
      </c>
      <c r="AE163" s="113">
        <v>7.1610447283369683E-2</v>
      </c>
      <c r="AF163" s="95">
        <v>1.6460862917403642E-2</v>
      </c>
      <c r="AG163" s="94">
        <v>2.3993087332065257E-2</v>
      </c>
      <c r="AH163" s="95">
        <v>1.0029081214835251E-2</v>
      </c>
    </row>
    <row r="164" spans="1:34">
      <c r="A164" s="55" t="s">
        <v>623</v>
      </c>
      <c r="B164" s="110">
        <v>300</v>
      </c>
      <c r="C164" s="45">
        <v>2.5888127825216634</v>
      </c>
      <c r="D164" s="46">
        <v>0.21779862168715947</v>
      </c>
      <c r="E164" s="111">
        <v>0.74875523055489979</v>
      </c>
      <c r="F164" s="92">
        <v>4.9965583048364799E-2</v>
      </c>
      <c r="G164" s="111">
        <v>7.6306627744091415E-2</v>
      </c>
      <c r="H164" s="92">
        <v>3.1451080195705902E-2</v>
      </c>
      <c r="I164" s="111">
        <v>0.16937418846126367</v>
      </c>
      <c r="J164" s="92">
        <v>4.3459648015474812E-2</v>
      </c>
      <c r="K164" s="91">
        <v>5.563953239744626E-3</v>
      </c>
      <c r="L164" s="92">
        <v>1.2525769891030939E-2</v>
      </c>
      <c r="M164" s="110">
        <v>299</v>
      </c>
      <c r="N164" s="45">
        <v>3.589229170916616</v>
      </c>
      <c r="O164" s="46">
        <v>0.22165101270832491</v>
      </c>
      <c r="P164" s="111">
        <v>0.197237751010433</v>
      </c>
      <c r="Q164" s="92">
        <v>4.6064847842598504E-2</v>
      </c>
      <c r="R164" s="111">
        <v>0.28266080494790236</v>
      </c>
      <c r="S164" s="92">
        <v>5.1895122201627973E-2</v>
      </c>
      <c r="T164" s="111">
        <v>0.49257996186424768</v>
      </c>
      <c r="U164" s="92">
        <v>5.7442338669247625E-2</v>
      </c>
      <c r="V164" s="91">
        <v>2.7521482177417428E-2</v>
      </c>
      <c r="W164" s="92">
        <v>2.0751289835598537E-2</v>
      </c>
      <c r="X164" s="110">
        <v>302</v>
      </c>
      <c r="Y164" s="45">
        <v>1.6346472471698379</v>
      </c>
      <c r="Z164" s="46">
        <v>0.12850524494528096</v>
      </c>
      <c r="AA164" s="111">
        <v>0.82716776526183655</v>
      </c>
      <c r="AB164" s="92">
        <v>4.3647632701078236E-2</v>
      </c>
      <c r="AC164" s="111">
        <v>5.1302655223073736E-2</v>
      </c>
      <c r="AD164" s="92">
        <v>2.6543786012618715E-2</v>
      </c>
      <c r="AE164" s="111">
        <v>0.11573430610902762</v>
      </c>
      <c r="AF164" s="92">
        <v>3.7254651074592991E-2</v>
      </c>
      <c r="AG164" s="91">
        <v>5.7952734060617043E-3</v>
      </c>
      <c r="AH164" s="92">
        <v>1.2579301115219269E-2</v>
      </c>
    </row>
    <row r="165" spans="1:34">
      <c r="A165" s="47" t="s">
        <v>624</v>
      </c>
      <c r="B165" s="112">
        <v>319</v>
      </c>
      <c r="C165" s="49">
        <v>2.6985469560788546</v>
      </c>
      <c r="D165" s="50">
        <v>0.20722158224278794</v>
      </c>
      <c r="E165" s="113">
        <v>0.68502769400956187</v>
      </c>
      <c r="F165" s="95">
        <v>5.1792325707323006E-2</v>
      </c>
      <c r="G165" s="113">
        <v>0.11812063132223569</v>
      </c>
      <c r="H165" s="95">
        <v>3.6530273679560188E-2</v>
      </c>
      <c r="I165" s="113">
        <v>0.18693400288536074</v>
      </c>
      <c r="J165" s="95">
        <v>4.3727576387393975E-2</v>
      </c>
      <c r="K165" s="94">
        <v>9.9176717828427519E-3</v>
      </c>
      <c r="L165" s="95">
        <v>1.3957576110783567E-2</v>
      </c>
      <c r="M165" s="112">
        <v>317</v>
      </c>
      <c r="N165" s="49">
        <v>5.0470057580657857</v>
      </c>
      <c r="O165" s="50">
        <v>0.18258926109367943</v>
      </c>
      <c r="P165" s="113">
        <v>0.43371753110681566</v>
      </c>
      <c r="Q165" s="95">
        <v>5.5334209065325414E-2</v>
      </c>
      <c r="R165" s="113">
        <v>0.37663515359340366</v>
      </c>
      <c r="S165" s="95">
        <v>5.4132413905168618E-2</v>
      </c>
      <c r="T165" s="113">
        <v>0.1791927860359076</v>
      </c>
      <c r="U165" s="95">
        <v>4.3180656080901776E-2</v>
      </c>
      <c r="V165" s="94">
        <v>1.0454529263874322E-2</v>
      </c>
      <c r="W165" s="95">
        <v>1.4243421596184072E-2</v>
      </c>
      <c r="X165" s="112">
        <v>319</v>
      </c>
      <c r="Y165" s="49">
        <v>1.3989772676219276</v>
      </c>
      <c r="Z165" s="50">
        <v>9.963065867037664E-2</v>
      </c>
      <c r="AA165" s="113">
        <v>0.87156406713982182</v>
      </c>
      <c r="AB165" s="95">
        <v>3.7793378319925873E-2</v>
      </c>
      <c r="AC165" s="113">
        <v>4.8926662909721863E-2</v>
      </c>
      <c r="AD165" s="95">
        <v>2.5264195305890542E-2</v>
      </c>
      <c r="AE165" s="113">
        <v>5.0827777164834512E-2</v>
      </c>
      <c r="AF165" s="95">
        <v>2.5670070905298208E-2</v>
      </c>
      <c r="AG165" s="94">
        <v>2.8681492785622084E-2</v>
      </c>
      <c r="AH165" s="95">
        <v>2.0315390798821525E-2</v>
      </c>
    </row>
    <row r="166" spans="1:34">
      <c r="A166" s="55" t="s">
        <v>625</v>
      </c>
      <c r="B166" s="110">
        <v>1185</v>
      </c>
      <c r="C166" s="45">
        <v>3.0787222231719316</v>
      </c>
      <c r="D166" s="46">
        <v>0.11436136133517277</v>
      </c>
      <c r="E166" s="111">
        <v>0.60818182415763689</v>
      </c>
      <c r="F166" s="92">
        <v>2.8318464338412563E-2</v>
      </c>
      <c r="G166" s="111">
        <v>0.12305718956781879</v>
      </c>
      <c r="H166" s="92">
        <v>1.9137720704627981E-2</v>
      </c>
      <c r="I166" s="111">
        <v>0.25216507898703067</v>
      </c>
      <c r="J166" s="92">
        <v>2.5214999878576332E-2</v>
      </c>
      <c r="K166" s="91">
        <v>1.6595907287513666E-2</v>
      </c>
      <c r="L166" s="92">
        <v>7.757925906390125E-3</v>
      </c>
      <c r="M166" s="110">
        <v>1191</v>
      </c>
      <c r="N166" s="45">
        <v>4.2022524085496249</v>
      </c>
      <c r="O166" s="46">
        <v>0.11083006025346682</v>
      </c>
      <c r="P166" s="111">
        <v>0.29249980363158967</v>
      </c>
      <c r="Q166" s="92">
        <v>2.6337457889548541E-2</v>
      </c>
      <c r="R166" s="111">
        <v>0.31912879322432985</v>
      </c>
      <c r="S166" s="92">
        <v>2.6982358936099442E-2</v>
      </c>
      <c r="T166" s="111">
        <v>0.3488454645242941</v>
      </c>
      <c r="U166" s="92">
        <v>2.7583574378807117E-2</v>
      </c>
      <c r="V166" s="91">
        <v>3.9525938619785671E-2</v>
      </c>
      <c r="W166" s="92">
        <v>1.1481220375159501E-2</v>
      </c>
      <c r="X166" s="110">
        <v>1202</v>
      </c>
      <c r="Y166" s="45">
        <v>1.8772425817280938</v>
      </c>
      <c r="Z166" s="46">
        <v>6.6626201660852424E-2</v>
      </c>
      <c r="AA166" s="111">
        <v>0.73655025496184234</v>
      </c>
      <c r="AB166" s="92">
        <v>2.5393392119662593E-2</v>
      </c>
      <c r="AC166" s="111">
        <v>9.5512902780000422E-2</v>
      </c>
      <c r="AD166" s="92">
        <v>1.70331540809174E-2</v>
      </c>
      <c r="AE166" s="111">
        <v>0.14483994857736132</v>
      </c>
      <c r="AF166" s="92">
        <v>2.0336855657266943E-2</v>
      </c>
      <c r="AG166" s="91">
        <v>2.3096893680796468E-2</v>
      </c>
      <c r="AH166" s="92">
        <v>8.9349269963566284E-3</v>
      </c>
    </row>
    <row r="167" spans="1:34">
      <c r="A167" s="47" t="s">
        <v>626</v>
      </c>
      <c r="B167" s="112">
        <v>1177</v>
      </c>
      <c r="C167" s="49">
        <v>2.7645274275664038</v>
      </c>
      <c r="D167" s="50">
        <v>0.11093343817446469</v>
      </c>
      <c r="E167" s="113">
        <v>0.68876135471471389</v>
      </c>
      <c r="F167" s="95">
        <v>2.6960635698450992E-2</v>
      </c>
      <c r="G167" s="113">
        <v>8.7928345054967411E-2</v>
      </c>
      <c r="H167" s="95">
        <v>1.6598586560586374E-2</v>
      </c>
      <c r="I167" s="113">
        <v>0.20193693793516893</v>
      </c>
      <c r="J167" s="95">
        <v>2.3406664974864436E-2</v>
      </c>
      <c r="K167" s="94">
        <v>2.137336229515098E-2</v>
      </c>
      <c r="L167" s="95">
        <v>8.7229842988330482E-3</v>
      </c>
      <c r="M167" s="112">
        <v>1168</v>
      </c>
      <c r="N167" s="49">
        <v>4.6971275738482436</v>
      </c>
      <c r="O167" s="50">
        <v>0.10663933282967977</v>
      </c>
      <c r="P167" s="113">
        <v>0.36519049532982623</v>
      </c>
      <c r="Q167" s="95">
        <v>2.8136080685776679E-2</v>
      </c>
      <c r="R167" s="113">
        <v>0.35532670527794896</v>
      </c>
      <c r="S167" s="95">
        <v>2.7969526527739694E-2</v>
      </c>
      <c r="T167" s="113">
        <v>0.2418002938934779</v>
      </c>
      <c r="U167" s="95">
        <v>2.5045160620128834E-2</v>
      </c>
      <c r="V167" s="94">
        <v>3.7682505498747368E-2</v>
      </c>
      <c r="W167" s="95">
        <v>1.1346091837811286E-2</v>
      </c>
      <c r="X167" s="112">
        <v>1184</v>
      </c>
      <c r="Y167" s="49">
        <v>1.6295657686858689</v>
      </c>
      <c r="Z167" s="50">
        <v>6.1231721386338429E-2</v>
      </c>
      <c r="AA167" s="113">
        <v>0.81402621740438308</v>
      </c>
      <c r="AB167" s="95">
        <v>2.2626410616697925E-2</v>
      </c>
      <c r="AC167" s="113">
        <v>6.9221348171841515E-2</v>
      </c>
      <c r="AD167" s="95">
        <v>1.4870629614578308E-2</v>
      </c>
      <c r="AE167" s="113">
        <v>9.3308638637169358E-2</v>
      </c>
      <c r="AF167" s="95">
        <v>1.6988216539165959E-2</v>
      </c>
      <c r="AG167" s="94">
        <v>2.3443795786606502E-2</v>
      </c>
      <c r="AH167" s="95">
        <v>9.0678218376787963E-3</v>
      </c>
    </row>
    <row r="168" spans="1:34">
      <c r="A168" s="55" t="s">
        <v>627</v>
      </c>
      <c r="B168" s="110">
        <v>346</v>
      </c>
      <c r="C168" s="45">
        <v>2.5977765233364614</v>
      </c>
      <c r="D168" s="46">
        <v>0.19862810988499141</v>
      </c>
      <c r="E168" s="111">
        <v>0.71830693611787777</v>
      </c>
      <c r="F168" s="92">
        <v>4.8216793847702374E-2</v>
      </c>
      <c r="G168" s="111">
        <v>8.179036372171801E-2</v>
      </c>
      <c r="H168" s="92">
        <v>3.0061946409121756E-2</v>
      </c>
      <c r="I168" s="111">
        <v>0.1704258214897568</v>
      </c>
      <c r="J168" s="92">
        <v>4.0546184890116209E-2</v>
      </c>
      <c r="K168" s="91">
        <v>2.947687867064562E-2</v>
      </c>
      <c r="L168" s="92">
        <v>1.960742265714914E-2</v>
      </c>
      <c r="M168" s="110">
        <v>343</v>
      </c>
      <c r="N168" s="45">
        <v>4.6704777437473153</v>
      </c>
      <c r="O168" s="46">
        <v>0.20494354085778851</v>
      </c>
      <c r="P168" s="111">
        <v>0.36757708007408674</v>
      </c>
      <c r="Q168" s="92">
        <v>5.1810575441595778E-2</v>
      </c>
      <c r="R168" s="111">
        <v>0.33785156886729112</v>
      </c>
      <c r="S168" s="92">
        <v>5.0849900701249749E-2</v>
      </c>
      <c r="T168" s="111">
        <v>0.25377826498606298</v>
      </c>
      <c r="U168" s="92">
        <v>4.6893649881098669E-2</v>
      </c>
      <c r="V168" s="91">
        <v>4.0793086072556377E-2</v>
      </c>
      <c r="W168" s="92">
        <v>2.2511621997064881E-2</v>
      </c>
      <c r="X168" s="110">
        <v>348</v>
      </c>
      <c r="Y168" s="45">
        <v>1.5744328992183023</v>
      </c>
      <c r="Z168" s="46">
        <v>0.11094059140482566</v>
      </c>
      <c r="AA168" s="111">
        <v>0.81758654492849014</v>
      </c>
      <c r="AB168" s="92">
        <v>4.1480836533009179E-2</v>
      </c>
      <c r="AC168" s="111">
        <v>7.7607141355666834E-2</v>
      </c>
      <c r="AD168" s="92">
        <v>2.9313380561003088E-2</v>
      </c>
      <c r="AE168" s="111">
        <v>7.5646975924149859E-2</v>
      </c>
      <c r="AF168" s="92">
        <v>2.8997233833380435E-2</v>
      </c>
      <c r="AG168" s="91">
        <v>2.9159337791691803E-2</v>
      </c>
      <c r="AH168" s="92">
        <v>1.945825180637582E-2</v>
      </c>
    </row>
    <row r="169" spans="1:34">
      <c r="A169" s="47" t="s">
        <v>628</v>
      </c>
      <c r="B169" s="112">
        <v>831</v>
      </c>
      <c r="C169" s="49">
        <v>2.8637878584899235</v>
      </c>
      <c r="D169" s="50">
        <v>0.13358739295207217</v>
      </c>
      <c r="E169" s="113">
        <v>0.67093856977026922</v>
      </c>
      <c r="F169" s="95">
        <v>3.2541767678892143E-2</v>
      </c>
      <c r="G169" s="113">
        <v>9.1630960339558726E-2</v>
      </c>
      <c r="H169" s="95">
        <v>2.0158491961027813E-2</v>
      </c>
      <c r="I169" s="113">
        <v>0.22094539284090597</v>
      </c>
      <c r="J169" s="95">
        <v>2.8777304199347414E-2</v>
      </c>
      <c r="K169" s="94">
        <v>1.6485077049265284E-2</v>
      </c>
      <c r="L169" s="95">
        <v>9.4006820265328615E-3</v>
      </c>
      <c r="M169" s="112">
        <v>825</v>
      </c>
      <c r="N169" s="49">
        <v>4.7131160793526439</v>
      </c>
      <c r="O169" s="50">
        <v>0.12469572636545916</v>
      </c>
      <c r="P169" s="113">
        <v>0.36375122579755292</v>
      </c>
      <c r="Q169" s="95">
        <v>3.3429975257554159E-2</v>
      </c>
      <c r="R169" s="113">
        <v>0.36586537626737919</v>
      </c>
      <c r="S169" s="95">
        <v>3.3470806164044735E-2</v>
      </c>
      <c r="T169" s="113">
        <v>0.23457677966736365</v>
      </c>
      <c r="U169" s="95">
        <v>2.9489318401032194E-2</v>
      </c>
      <c r="V169" s="94">
        <v>3.5806618267704204E-2</v>
      </c>
      <c r="W169" s="95">
        <v>1.3288823729559673E-2</v>
      </c>
      <c r="X169" s="112">
        <v>836</v>
      </c>
      <c r="Y169" s="49">
        <v>1.6624301208734376</v>
      </c>
      <c r="Z169" s="50">
        <v>7.3431077660687391E-2</v>
      </c>
      <c r="AA169" s="113">
        <v>0.81188391646049096</v>
      </c>
      <c r="AB169" s="95">
        <v>2.7049567633486222E-2</v>
      </c>
      <c r="AC169" s="113">
        <v>6.4175494235275368E-2</v>
      </c>
      <c r="AD169" s="95">
        <v>1.7163315534419101E-2</v>
      </c>
      <c r="AE169" s="113">
        <v>0.10393591841538759</v>
      </c>
      <c r="AF169" s="95">
        <v>2.1227077869109164E-2</v>
      </c>
      <c r="AG169" s="94">
        <v>2.0004670888845513E-2</v>
      </c>
      <c r="AH169" s="95">
        <v>1.0187177433416537E-2</v>
      </c>
    </row>
    <row r="170" spans="1:34">
      <c r="A170" s="55" t="s">
        <v>629</v>
      </c>
      <c r="B170" s="110">
        <v>216</v>
      </c>
      <c r="C170" s="45">
        <v>2.956253209436654</v>
      </c>
      <c r="D170" s="46">
        <v>0.2700562461925981</v>
      </c>
      <c r="E170" s="111">
        <v>0.64660532432774653</v>
      </c>
      <c r="F170" s="92">
        <v>6.4565870769952557E-2</v>
      </c>
      <c r="G170" s="111">
        <v>7.1893307697898298E-2</v>
      </c>
      <c r="H170" s="92">
        <v>3.6513666416551863E-2</v>
      </c>
      <c r="I170" s="111">
        <v>0.26790447055476191</v>
      </c>
      <c r="J170" s="92">
        <v>6.0011015054861887E-2</v>
      </c>
      <c r="K170" s="91">
        <v>1.3596897419592651E-2</v>
      </c>
      <c r="L170" s="92">
        <v>1.9971347705940501E-2</v>
      </c>
      <c r="M170" s="110">
        <v>217</v>
      </c>
      <c r="N170" s="45">
        <v>3.7335006897119514</v>
      </c>
      <c r="O170" s="46">
        <v>0.25785130372881054</v>
      </c>
      <c r="P170" s="111">
        <v>0.24631186455721246</v>
      </c>
      <c r="Q170" s="92">
        <v>5.8325182377100229E-2</v>
      </c>
      <c r="R170" s="111">
        <v>0.25368486718441829</v>
      </c>
      <c r="S170" s="92">
        <v>5.8874084580844012E-2</v>
      </c>
      <c r="T170" s="111">
        <v>0.48127685930251451</v>
      </c>
      <c r="U170" s="92">
        <v>6.722179389276027E-2</v>
      </c>
      <c r="V170" s="91">
        <v>1.8726408955855187E-2</v>
      </c>
      <c r="W170" s="92">
        <v>2.1976721896790868E-2</v>
      </c>
      <c r="X170" s="110">
        <v>217</v>
      </c>
      <c r="Y170" s="45">
        <v>1.6291665124747767</v>
      </c>
      <c r="Z170" s="46">
        <v>0.13849937815209779</v>
      </c>
      <c r="AA170" s="111">
        <v>0.82484021593486356</v>
      </c>
      <c r="AB170" s="92">
        <v>5.1802625199740382E-2</v>
      </c>
      <c r="AC170" s="111">
        <v>4.1308022234631148E-2</v>
      </c>
      <c r="AD170" s="92">
        <v>2.9212584389243672E-2</v>
      </c>
      <c r="AE170" s="111">
        <v>0.12262755759017796</v>
      </c>
      <c r="AF170" s="92">
        <v>4.5164054661676903E-2</v>
      </c>
      <c r="AG170" s="91">
        <v>1.1224204240326441E-2</v>
      </c>
      <c r="AH170" s="92">
        <v>1.8867476367662745E-2</v>
      </c>
    </row>
    <row r="171" spans="1:34">
      <c r="A171" s="47" t="s">
        <v>630</v>
      </c>
      <c r="B171" s="112">
        <v>391</v>
      </c>
      <c r="C171" s="49">
        <v>2.8073470442650388</v>
      </c>
      <c r="D171" s="50">
        <v>0.19861398360296209</v>
      </c>
      <c r="E171" s="113">
        <v>0.68331816530036615</v>
      </c>
      <c r="F171" s="95">
        <v>4.6884897876602466E-2</v>
      </c>
      <c r="G171" s="113">
        <v>7.9350416290282416E-2</v>
      </c>
      <c r="H171" s="95">
        <v>2.7854868035724092E-2</v>
      </c>
      <c r="I171" s="113">
        <v>0.20230064761441979</v>
      </c>
      <c r="J171" s="95">
        <v>4.0648034450090152E-2</v>
      </c>
      <c r="K171" s="94">
        <v>3.5030770794932831E-2</v>
      </c>
      <c r="L171" s="95">
        <v>1.9657859935092521E-2</v>
      </c>
      <c r="M171" s="112">
        <v>388</v>
      </c>
      <c r="N171" s="49">
        <v>4.85636444861907</v>
      </c>
      <c r="O171" s="50">
        <v>0.18005062147954717</v>
      </c>
      <c r="P171" s="113">
        <v>0.41465857097497072</v>
      </c>
      <c r="Q171" s="95">
        <v>4.9781637264281198E-2</v>
      </c>
      <c r="R171" s="113">
        <v>0.34084673662346704</v>
      </c>
      <c r="S171" s="95">
        <v>4.7935387554674906E-2</v>
      </c>
      <c r="T171" s="113">
        <v>0.21992684109126193</v>
      </c>
      <c r="U171" s="95">
        <v>4.2033962742757676E-2</v>
      </c>
      <c r="V171" s="94">
        <v>2.4567851310302452E-2</v>
      </c>
      <c r="W171" s="95">
        <v>1.7069399297032155E-2</v>
      </c>
      <c r="X171" s="112">
        <v>393</v>
      </c>
      <c r="Y171" s="49">
        <v>1.6341205146465823</v>
      </c>
      <c r="Z171" s="50">
        <v>0.11265091576265242</v>
      </c>
      <c r="AA171" s="113">
        <v>0.80160110056328282</v>
      </c>
      <c r="AB171" s="95">
        <v>4.0258679166760021E-2</v>
      </c>
      <c r="AC171" s="113">
        <v>7.143660464719466E-2</v>
      </c>
      <c r="AD171" s="95">
        <v>2.6560298912873152E-2</v>
      </c>
      <c r="AE171" s="113">
        <v>0.10196193023071222</v>
      </c>
      <c r="AF171" s="95">
        <v>3.0896306963902172E-2</v>
      </c>
      <c r="AG171" s="94">
        <v>2.5000364558811855E-2</v>
      </c>
      <c r="AH171" s="95">
        <v>1.7063825687732296E-2</v>
      </c>
    </row>
    <row r="172" spans="1:34">
      <c r="A172" s="55" t="s">
        <v>631</v>
      </c>
      <c r="B172" s="110">
        <v>56</v>
      </c>
      <c r="C172" s="45">
        <v>2.8469043397499805</v>
      </c>
      <c r="D172" s="46">
        <v>0.58564163318535845</v>
      </c>
      <c r="E172" s="111">
        <v>0.67680757219173937</v>
      </c>
      <c r="F172" s="92">
        <v>0.12186557275642021</v>
      </c>
      <c r="G172" s="111">
        <v>9.9298345535536597E-3</v>
      </c>
      <c r="H172" s="92">
        <v>5.2144874130676637E-2</v>
      </c>
      <c r="I172" s="111">
        <v>0.23259654058728682</v>
      </c>
      <c r="J172" s="92">
        <v>0.11186645003190021</v>
      </c>
      <c r="K172" s="91">
        <v>8.0666052667420371E-2</v>
      </c>
      <c r="L172" s="92">
        <v>8.03421792463683E-2</v>
      </c>
      <c r="M172" s="110">
        <v>56</v>
      </c>
      <c r="N172" s="45">
        <v>4.4800768524735766</v>
      </c>
      <c r="O172" s="46">
        <v>0.57437635412906751</v>
      </c>
      <c r="P172" s="111">
        <v>0.34102460409906415</v>
      </c>
      <c r="Q172" s="92">
        <v>0.12328402306223844</v>
      </c>
      <c r="R172" s="111">
        <v>0.2835699325775492</v>
      </c>
      <c r="S172" s="92">
        <v>0.11809471789164973</v>
      </c>
      <c r="T172" s="111">
        <v>0.32666864136951673</v>
      </c>
      <c r="U172" s="92">
        <v>0.1221552419246081</v>
      </c>
      <c r="V172" s="91">
        <v>4.8736821953870059E-2</v>
      </c>
      <c r="W172" s="92">
        <v>6.9574074889328846E-2</v>
      </c>
      <c r="X172" s="110">
        <v>56</v>
      </c>
      <c r="Y172" s="45">
        <v>1.8853349036617859</v>
      </c>
      <c r="Z172" s="46">
        <v>0.38350889420121087</v>
      </c>
      <c r="AA172" s="111">
        <v>0.70875855638427465</v>
      </c>
      <c r="AB172" s="92">
        <v>0.11889403133226298</v>
      </c>
      <c r="AC172" s="111">
        <v>0.12129579874031739</v>
      </c>
      <c r="AD172" s="92">
        <v>9.1311908400067129E-2</v>
      </c>
      <c r="AE172" s="111">
        <v>0.15136908815397354</v>
      </c>
      <c r="AF172" s="92">
        <v>9.8021118679689503E-2</v>
      </c>
      <c r="AG172" s="91">
        <v>1.8576556721434517E-2</v>
      </c>
      <c r="AH172" s="92">
        <v>5.6629707631804208E-2</v>
      </c>
    </row>
    <row r="173" spans="1:34">
      <c r="A173" s="47" t="s">
        <v>632</v>
      </c>
      <c r="B173" s="112">
        <v>335</v>
      </c>
      <c r="C173" s="49">
        <v>2.7967463379317352</v>
      </c>
      <c r="D173" s="50">
        <v>0.21090163695492647</v>
      </c>
      <c r="E173" s="113">
        <v>0.68517419507251343</v>
      </c>
      <c r="F173" s="95">
        <v>5.0544519914787409E-2</v>
      </c>
      <c r="G173" s="113">
        <v>9.9140727918336266E-2</v>
      </c>
      <c r="H173" s="95">
        <v>3.3140715965076867E-2</v>
      </c>
      <c r="I173" s="113">
        <v>0.19366394149667202</v>
      </c>
      <c r="J173" s="95">
        <v>4.322674105920795E-2</v>
      </c>
      <c r="K173" s="94">
        <v>2.2021135512479098E-2</v>
      </c>
      <c r="L173" s="95">
        <v>1.7814472579535365E-2</v>
      </c>
      <c r="M173" s="112">
        <v>332</v>
      </c>
      <c r="N173" s="49">
        <v>4.9610221101587193</v>
      </c>
      <c r="O173" s="50">
        <v>0.18594398833034773</v>
      </c>
      <c r="P173" s="113">
        <v>0.43580833701845739</v>
      </c>
      <c r="Q173" s="95">
        <v>5.4113742117724864E-2</v>
      </c>
      <c r="R173" s="113">
        <v>0.35729826105826057</v>
      </c>
      <c r="S173" s="95">
        <v>5.2340253530960522E-2</v>
      </c>
      <c r="T173" s="113">
        <v>0.1892675652335554</v>
      </c>
      <c r="U173" s="95">
        <v>4.3057352405566622E-2</v>
      </c>
      <c r="V173" s="94">
        <v>1.7625836689729269E-2</v>
      </c>
      <c r="W173" s="95">
        <v>1.6483146073691911E-2</v>
      </c>
      <c r="X173" s="112">
        <v>337</v>
      </c>
      <c r="Y173" s="49">
        <v>1.5622974734621744</v>
      </c>
      <c r="Z173" s="50">
        <v>0.1140561842692856</v>
      </c>
      <c r="AA173" s="113">
        <v>0.82792210022076229</v>
      </c>
      <c r="AB173" s="95">
        <v>4.123817750803762E-2</v>
      </c>
      <c r="AC173" s="113">
        <v>5.730144880617144E-2</v>
      </c>
      <c r="AD173" s="95">
        <v>2.6215628399567398E-2</v>
      </c>
      <c r="AE173" s="113">
        <v>8.7954927317609038E-2</v>
      </c>
      <c r="AF173" s="95">
        <v>3.1423440804072243E-2</v>
      </c>
      <c r="AG173" s="94">
        <v>2.6821523655457549E-2</v>
      </c>
      <c r="AH173" s="95">
        <v>1.9168662614468791E-2</v>
      </c>
    </row>
    <row r="174" spans="1:34">
      <c r="A174" s="55" t="s">
        <v>633</v>
      </c>
      <c r="B174" s="110">
        <v>660</v>
      </c>
      <c r="C174" s="45">
        <v>2.3892625391308364</v>
      </c>
      <c r="D174" s="46">
        <v>0.14041753332744114</v>
      </c>
      <c r="E174" s="111">
        <v>0.77304665426365604</v>
      </c>
      <c r="F174" s="92">
        <v>3.2592876164201041E-2</v>
      </c>
      <c r="G174" s="111">
        <v>7.8388176324083791E-2</v>
      </c>
      <c r="H174" s="92">
        <v>2.1167528032202232E-2</v>
      </c>
      <c r="I174" s="111">
        <v>0.13766035582540531</v>
      </c>
      <c r="J174" s="92">
        <v>2.6918778461633167E-2</v>
      </c>
      <c r="K174" s="91">
        <v>1.0904813586854765E-2</v>
      </c>
      <c r="L174" s="92">
        <v>9.0711097132999061E-3</v>
      </c>
      <c r="M174" s="110">
        <v>659</v>
      </c>
      <c r="N174" s="45">
        <v>4.0921006119537333</v>
      </c>
      <c r="O174" s="46">
        <v>0.14553544185480111</v>
      </c>
      <c r="P174" s="111">
        <v>0.25636781240997847</v>
      </c>
      <c r="Q174" s="92">
        <v>3.3977848834988195E-2</v>
      </c>
      <c r="R174" s="111">
        <v>0.33494313205983195</v>
      </c>
      <c r="S174" s="92">
        <v>3.6686595869677339E-2</v>
      </c>
      <c r="T174" s="111">
        <v>0.35362847090416588</v>
      </c>
      <c r="U174" s="92">
        <v>3.7156317544212142E-2</v>
      </c>
      <c r="V174" s="91">
        <v>5.5060584626020849E-2</v>
      </c>
      <c r="W174" s="92">
        <v>1.8118181162605468E-2</v>
      </c>
      <c r="X174" s="110">
        <v>669</v>
      </c>
      <c r="Y174" s="45">
        <v>1.4743075272535677</v>
      </c>
      <c r="Z174" s="46">
        <v>7.8777302224186913E-2</v>
      </c>
      <c r="AA174" s="111">
        <v>0.87082458375199012</v>
      </c>
      <c r="AB174" s="92">
        <v>2.6043610947183334E-2</v>
      </c>
      <c r="AC174" s="111">
        <v>4.8920757946070183E-2</v>
      </c>
      <c r="AD174" s="92">
        <v>1.7054936461801968E-2</v>
      </c>
      <c r="AE174" s="111">
        <v>6.2693370229882583E-2</v>
      </c>
      <c r="AF174" s="92">
        <v>1.9045484804322457E-2</v>
      </c>
      <c r="AG174" s="91">
        <v>1.7561288072056883E-2</v>
      </c>
      <c r="AH174" s="92">
        <v>1.090587833033674E-2</v>
      </c>
    </row>
    <row r="175" spans="1:34">
      <c r="A175" s="47" t="s">
        <v>634</v>
      </c>
      <c r="B175" s="112">
        <v>610</v>
      </c>
      <c r="C175" s="49">
        <v>2.5181732285207152</v>
      </c>
      <c r="D175" s="50">
        <v>0.14611650660072337</v>
      </c>
      <c r="E175" s="113">
        <v>0.74034135713776539</v>
      </c>
      <c r="F175" s="95">
        <v>3.545756793300358E-2</v>
      </c>
      <c r="G175" s="113">
        <v>9.4427016529000957E-2</v>
      </c>
      <c r="H175" s="95">
        <v>2.3895368961067476E-2</v>
      </c>
      <c r="I175" s="113">
        <v>0.15198922719795588</v>
      </c>
      <c r="J175" s="95">
        <v>2.9153235713880732E-2</v>
      </c>
      <c r="K175" s="94">
        <v>1.3242399135278077E-2</v>
      </c>
      <c r="L175" s="95">
        <v>1.0255389242427589E-2</v>
      </c>
      <c r="M175" s="112">
        <v>604</v>
      </c>
      <c r="N175" s="49">
        <v>4.6072756061064188</v>
      </c>
      <c r="O175" s="50">
        <v>0.14860584722761255</v>
      </c>
      <c r="P175" s="113">
        <v>0.34826065985026244</v>
      </c>
      <c r="Q175" s="95">
        <v>3.866838896072379E-2</v>
      </c>
      <c r="R175" s="113">
        <v>0.35327122113700571</v>
      </c>
      <c r="S175" s="95">
        <v>3.8793737144319398E-2</v>
      </c>
      <c r="T175" s="113">
        <v>0.25362853179497691</v>
      </c>
      <c r="U175" s="95">
        <v>3.5364376049545065E-2</v>
      </c>
      <c r="V175" s="94">
        <v>4.4839587217755342E-2</v>
      </c>
      <c r="W175" s="95">
        <v>1.7310243008012975E-2</v>
      </c>
      <c r="X175" s="112">
        <v>612</v>
      </c>
      <c r="Y175" s="49">
        <v>1.4723212286802356</v>
      </c>
      <c r="Z175" s="50">
        <v>7.6172859525638403E-2</v>
      </c>
      <c r="AA175" s="113">
        <v>0.86727774409965752</v>
      </c>
      <c r="AB175" s="95">
        <v>2.7546092096128939E-2</v>
      </c>
      <c r="AC175" s="113">
        <v>5.6615543295730042E-2</v>
      </c>
      <c r="AD175" s="95">
        <v>1.9061596702342878E-2</v>
      </c>
      <c r="AE175" s="113">
        <v>5.0919486244619075E-2</v>
      </c>
      <c r="AF175" s="95">
        <v>1.8186858812154268E-2</v>
      </c>
      <c r="AG175" s="94">
        <v>2.5187226359993736E-2</v>
      </c>
      <c r="AH175" s="95">
        <v>1.3356065111860388E-2</v>
      </c>
    </row>
    <row r="176" spans="1:34">
      <c r="A176" s="55" t="s">
        <v>635</v>
      </c>
      <c r="B176" s="110">
        <v>229</v>
      </c>
      <c r="C176" s="45">
        <v>2.5177588216941982</v>
      </c>
      <c r="D176" s="46">
        <v>0.22897118310080625</v>
      </c>
      <c r="E176" s="111">
        <v>0.73205125845471397</v>
      </c>
      <c r="F176" s="92">
        <v>5.8299978213017155E-2</v>
      </c>
      <c r="G176" s="111">
        <v>0.11547069114339806</v>
      </c>
      <c r="H176" s="92">
        <v>4.2893313429110513E-2</v>
      </c>
      <c r="I176" s="111">
        <v>0.13196231754481086</v>
      </c>
      <c r="J176" s="92">
        <v>4.5228850123648558E-2</v>
      </c>
      <c r="K176" s="91">
        <v>2.0515732857076308E-2</v>
      </c>
      <c r="L176" s="92">
        <v>2.1893546435718659E-2</v>
      </c>
      <c r="M176" s="110">
        <v>226</v>
      </c>
      <c r="N176" s="45">
        <v>4.6900413813209489</v>
      </c>
      <c r="O176" s="46">
        <v>0.24486614672205367</v>
      </c>
      <c r="P176" s="111">
        <v>0.38192284667054915</v>
      </c>
      <c r="Q176" s="92">
        <v>6.4138235969501439E-2</v>
      </c>
      <c r="R176" s="111">
        <v>0.3326391535714483</v>
      </c>
      <c r="S176" s="92">
        <v>6.2269557661225695E-2</v>
      </c>
      <c r="T176" s="111">
        <v>0.23546303405610192</v>
      </c>
      <c r="U176" s="92">
        <v>5.6327166656662923E-2</v>
      </c>
      <c r="V176" s="91">
        <v>4.9974965701900534E-2</v>
      </c>
      <c r="W176" s="92">
        <v>3.0775618813590828E-2</v>
      </c>
      <c r="X176" s="110">
        <v>230</v>
      </c>
      <c r="Y176" s="45">
        <v>1.4746429631377371</v>
      </c>
      <c r="Z176" s="46">
        <v>0.11959992046542646</v>
      </c>
      <c r="AA176" s="111">
        <v>0.8598585766888972</v>
      </c>
      <c r="AB176" s="92">
        <v>4.6204904729884914E-2</v>
      </c>
      <c r="AC176" s="111">
        <v>7.216282156662554E-2</v>
      </c>
      <c r="AD176" s="92">
        <v>3.5363750551800334E-2</v>
      </c>
      <c r="AE176" s="111">
        <v>3.8846259866554878E-2</v>
      </c>
      <c r="AF176" s="92">
        <v>2.7594626278310892E-2</v>
      </c>
      <c r="AG176" s="91">
        <v>2.9132341877921596E-2</v>
      </c>
      <c r="AH176" s="92">
        <v>2.4737565474838338E-2</v>
      </c>
    </row>
    <row r="177" spans="1:34">
      <c r="A177" s="47" t="s">
        <v>636</v>
      </c>
      <c r="B177" s="112">
        <v>381</v>
      </c>
      <c r="C177" s="49">
        <v>2.5185258300095872</v>
      </c>
      <c r="D177" s="50">
        <v>0.18929778796100538</v>
      </c>
      <c r="E177" s="113">
        <v>0.74749261800942624</v>
      </c>
      <c r="F177" s="95">
        <v>4.4431599074476004E-2</v>
      </c>
      <c r="G177" s="113">
        <v>7.6274179920003543E-2</v>
      </c>
      <c r="H177" s="95">
        <v>2.775922904701764E-2</v>
      </c>
      <c r="I177" s="113">
        <v>0.16926497515444511</v>
      </c>
      <c r="J177" s="95">
        <v>3.8528179537007608E-2</v>
      </c>
      <c r="K177" s="94">
        <v>6.9682269161265463E-3</v>
      </c>
      <c r="L177" s="95">
        <v>1.1139937044153735E-2</v>
      </c>
      <c r="M177" s="112">
        <v>378</v>
      </c>
      <c r="N177" s="49">
        <v>4.5369040307139672</v>
      </c>
      <c r="O177" s="50">
        <v>0.18680082935299994</v>
      </c>
      <c r="P177" s="113">
        <v>0.31935181664837037</v>
      </c>
      <c r="Q177" s="95">
        <v>4.7782895288288732E-2</v>
      </c>
      <c r="R177" s="113">
        <v>0.37098989192235465</v>
      </c>
      <c r="S177" s="95">
        <v>4.9468708639628163E-2</v>
      </c>
      <c r="T177" s="113">
        <v>0.26922893020703165</v>
      </c>
      <c r="U177" s="95">
        <v>4.5516715538686504E-2</v>
      </c>
      <c r="V177" s="94">
        <v>4.0429361222245809E-2</v>
      </c>
      <c r="W177" s="95">
        <v>2.1267386508535553E-2</v>
      </c>
      <c r="X177" s="112">
        <v>382</v>
      </c>
      <c r="Y177" s="49">
        <v>1.4703389163968836</v>
      </c>
      <c r="Z177" s="50">
        <v>9.8610672616058659E-2</v>
      </c>
      <c r="AA177" s="113">
        <v>0.87366016221201892</v>
      </c>
      <c r="AB177" s="95">
        <v>3.4258512545872526E-2</v>
      </c>
      <c r="AC177" s="113">
        <v>4.3240830886602792E-2</v>
      </c>
      <c r="AD177" s="95">
        <v>2.1755250345312664E-2</v>
      </c>
      <c r="AE177" s="113">
        <v>6.1305608358299984E-2</v>
      </c>
      <c r="AF177" s="95">
        <v>2.5248038460379846E-2</v>
      </c>
      <c r="AG177" s="94">
        <v>2.1793398543079566E-2</v>
      </c>
      <c r="AH177" s="95">
        <v>1.6424865302928734E-2</v>
      </c>
    </row>
    <row r="179" spans="1:34" ht="18.75">
      <c r="A179" s="343" t="s">
        <v>476</v>
      </c>
      <c r="B179" s="343"/>
      <c r="C179" s="343"/>
      <c r="D179" s="343"/>
      <c r="E179" s="343"/>
      <c r="F179" s="343"/>
      <c r="G179" s="343"/>
      <c r="H179" s="343"/>
      <c r="I179" s="343"/>
      <c r="J179" s="343"/>
      <c r="K179" s="343"/>
      <c r="L179" s="343"/>
    </row>
    <row r="180" spans="1:34" ht="59.25" customHeight="1">
      <c r="A180" s="370" t="s">
        <v>477</v>
      </c>
      <c r="B180" s="370"/>
      <c r="C180" s="370"/>
      <c r="D180" s="370"/>
      <c r="E180" s="370"/>
      <c r="F180" s="370"/>
      <c r="G180" s="370"/>
      <c r="H180" s="370"/>
      <c r="I180" s="370"/>
      <c r="J180" s="370"/>
      <c r="K180" s="370"/>
      <c r="L180" s="370"/>
    </row>
    <row r="181" spans="1:34" ht="45" customHeight="1">
      <c r="A181" s="368" t="s">
        <v>475</v>
      </c>
      <c r="B181" s="369"/>
      <c r="C181" s="369"/>
      <c r="D181" s="369"/>
      <c r="E181" s="369"/>
      <c r="F181" s="369"/>
      <c r="G181" s="369"/>
      <c r="H181" s="369"/>
      <c r="I181" s="369"/>
      <c r="J181" s="369"/>
      <c r="K181" s="369"/>
      <c r="L181" s="369"/>
    </row>
    <row r="182" spans="1:34" ht="72">
      <c r="A182" s="35" t="s">
        <v>70</v>
      </c>
      <c r="B182" s="63" t="s">
        <v>71</v>
      </c>
      <c r="C182" s="63" t="s">
        <v>551</v>
      </c>
      <c r="D182" s="86" t="s">
        <v>72</v>
      </c>
      <c r="E182" s="63" t="s">
        <v>155</v>
      </c>
      <c r="F182" s="86" t="s">
        <v>84</v>
      </c>
      <c r="G182" s="63" t="s">
        <v>156</v>
      </c>
      <c r="H182" s="86" t="s">
        <v>85</v>
      </c>
      <c r="I182" s="63" t="s">
        <v>157</v>
      </c>
      <c r="J182" s="86" t="s">
        <v>86</v>
      </c>
      <c r="K182" s="63" t="s">
        <v>300</v>
      </c>
      <c r="L182" s="86" t="s">
        <v>299</v>
      </c>
    </row>
    <row r="183" spans="1:34" ht="72">
      <c r="A183" s="39"/>
      <c r="B183" s="66" t="s">
        <v>73</v>
      </c>
      <c r="C183" s="66" t="s">
        <v>301</v>
      </c>
      <c r="D183" s="88" t="s">
        <v>75</v>
      </c>
      <c r="E183" s="66" t="s">
        <v>158</v>
      </c>
      <c r="F183" s="88" t="s">
        <v>87</v>
      </c>
      <c r="G183" s="66" t="s">
        <v>159</v>
      </c>
      <c r="H183" s="88" t="s">
        <v>87</v>
      </c>
      <c r="I183" s="66" t="s">
        <v>160</v>
      </c>
      <c r="J183" s="88" t="s">
        <v>87</v>
      </c>
      <c r="K183" s="66" t="s">
        <v>300</v>
      </c>
      <c r="L183" s="88" t="s">
        <v>87</v>
      </c>
    </row>
    <row r="184" spans="1:34">
      <c r="A184" s="43" t="s">
        <v>348</v>
      </c>
      <c r="B184" s="110">
        <v>13874</v>
      </c>
      <c r="C184" s="45">
        <v>5.0634827782403242</v>
      </c>
      <c r="D184" s="46">
        <v>2.7159998507101851E-2</v>
      </c>
      <c r="E184" s="111">
        <v>0.15727631081079141</v>
      </c>
      <c r="F184" s="92">
        <v>6.1823231189941574E-3</v>
      </c>
      <c r="G184" s="111">
        <v>0.16470468259302579</v>
      </c>
      <c r="H184" s="92">
        <v>6.2985676792330471E-3</v>
      </c>
      <c r="I184" s="111">
        <v>0.66027281990802011</v>
      </c>
      <c r="J184" s="92">
        <v>8.040957064815564E-3</v>
      </c>
      <c r="K184" s="91">
        <v>1.7746186688175177E-2</v>
      </c>
      <c r="L184" s="92">
        <v>2.2500615627494983E-3</v>
      </c>
    </row>
    <row r="185" spans="1:34">
      <c r="A185" s="47" t="s">
        <v>349</v>
      </c>
      <c r="B185" s="112">
        <v>10169</v>
      </c>
      <c r="C185" s="49">
        <v>5.1868473565848552</v>
      </c>
      <c r="D185" s="50">
        <v>3.1449030036259353E-2</v>
      </c>
      <c r="E185" s="113">
        <v>0.14559714006374416</v>
      </c>
      <c r="F185" s="95">
        <v>6.9965759779157316E-3</v>
      </c>
      <c r="G185" s="113">
        <v>0.14989961557926051</v>
      </c>
      <c r="H185" s="95">
        <v>7.0811696047721308E-3</v>
      </c>
      <c r="I185" s="113">
        <v>0.69324695550056037</v>
      </c>
      <c r="J185" s="95">
        <v>9.1447930053415571E-3</v>
      </c>
      <c r="K185" s="94">
        <v>1.1256288856427257E-2</v>
      </c>
      <c r="L185" s="95">
        <v>2.1094959711019522E-3</v>
      </c>
    </row>
    <row r="186" spans="1:34">
      <c r="A186" s="43" t="s">
        <v>350</v>
      </c>
      <c r="B186" s="110">
        <v>3705</v>
      </c>
      <c r="C186" s="45">
        <v>4.9626142427155866</v>
      </c>
      <c r="D186" s="46">
        <v>5.2884839506120052E-2</v>
      </c>
      <c r="E186" s="111">
        <v>0.16671241382169902</v>
      </c>
      <c r="F186" s="92">
        <v>1.2250589576164537E-2</v>
      </c>
      <c r="G186" s="111">
        <v>0.17666633127948095</v>
      </c>
      <c r="H186" s="92">
        <v>1.2534372739120028E-2</v>
      </c>
      <c r="I186" s="111">
        <v>0.63363160137579666</v>
      </c>
      <c r="J186" s="92">
        <v>1.5823953681712175E-2</v>
      </c>
      <c r="K186" s="91">
        <v>2.2989653523023176E-2</v>
      </c>
      <c r="L186" s="92">
        <v>4.9751766494316842E-3</v>
      </c>
    </row>
    <row r="187" spans="1:34">
      <c r="A187" s="47" t="s">
        <v>568</v>
      </c>
      <c r="B187" s="112">
        <v>11506</v>
      </c>
      <c r="C187" s="49">
        <v>5.0613476568938509</v>
      </c>
      <c r="D187" s="50">
        <v>3.0006186194206051E-2</v>
      </c>
      <c r="E187" s="113">
        <v>0.15748611201440255</v>
      </c>
      <c r="F187" s="95">
        <v>6.7925896769581899E-3</v>
      </c>
      <c r="G187" s="113">
        <v>0.16500491974901388</v>
      </c>
      <c r="H187" s="95">
        <v>6.9215859258730016E-3</v>
      </c>
      <c r="I187" s="113">
        <v>0.65973201881948584</v>
      </c>
      <c r="J187" s="95">
        <v>8.832910042964718E-3</v>
      </c>
      <c r="K187" s="94">
        <v>1.7776949417113913E-2</v>
      </c>
      <c r="L187" s="95">
        <v>2.4747220516619802E-3</v>
      </c>
    </row>
    <row r="188" spans="1:34">
      <c r="A188" s="43" t="s">
        <v>569</v>
      </c>
      <c r="B188" s="110">
        <v>2368</v>
      </c>
      <c r="C188" s="45">
        <v>5.3349843431403903</v>
      </c>
      <c r="D188" s="46">
        <v>6.3506630561855848E-2</v>
      </c>
      <c r="E188" s="111">
        <v>0.13049052341062661</v>
      </c>
      <c r="F188" s="92">
        <v>1.3860474033195742E-2</v>
      </c>
      <c r="G188" s="111">
        <v>0.12637273553308895</v>
      </c>
      <c r="H188" s="92">
        <v>1.3673689829609788E-2</v>
      </c>
      <c r="I188" s="111">
        <v>0.72931810055478108</v>
      </c>
      <c r="J188" s="92">
        <v>1.8253896888164461E-2</v>
      </c>
      <c r="K188" s="91">
        <v>1.3818640501501165E-2</v>
      </c>
      <c r="L188" s="92">
        <v>4.9319521212461449E-3</v>
      </c>
    </row>
    <row r="189" spans="1:34">
      <c r="A189" s="47" t="s">
        <v>570</v>
      </c>
      <c r="B189" s="112">
        <v>608</v>
      </c>
      <c r="C189" s="49">
        <v>5.4364666314662795</v>
      </c>
      <c r="D189" s="50">
        <v>0.12437334381392229</v>
      </c>
      <c r="E189" s="113">
        <v>0.11520676481667383</v>
      </c>
      <c r="F189" s="95">
        <v>2.6054661254986948E-2</v>
      </c>
      <c r="G189" s="113">
        <v>0.11044827059939789</v>
      </c>
      <c r="H189" s="95">
        <v>2.559445340070135E-2</v>
      </c>
      <c r="I189" s="113">
        <v>0.74818211622850328</v>
      </c>
      <c r="J189" s="95">
        <v>3.516610082512063E-2</v>
      </c>
      <c r="K189" s="94">
        <v>2.6162848355425608E-2</v>
      </c>
      <c r="L189" s="95">
        <v>1.3625160777109345E-2</v>
      </c>
    </row>
    <row r="190" spans="1:34">
      <c r="A190" s="43" t="s">
        <v>571</v>
      </c>
      <c r="B190" s="110">
        <v>1274</v>
      </c>
      <c r="C190" s="45">
        <v>5.408431716076687</v>
      </c>
      <c r="D190" s="46">
        <v>8.4947119668416074E-2</v>
      </c>
      <c r="E190" s="111">
        <v>0.11551694861297274</v>
      </c>
      <c r="F190" s="92">
        <v>1.7963334334190988E-2</v>
      </c>
      <c r="G190" s="111">
        <v>0.12872378829504463</v>
      </c>
      <c r="H190" s="92">
        <v>1.8807609269080334E-2</v>
      </c>
      <c r="I190" s="111">
        <v>0.74495669899253358</v>
      </c>
      <c r="J190" s="92">
        <v>2.4409857058254516E-2</v>
      </c>
      <c r="K190" s="91">
        <v>1.0802564099450029E-2</v>
      </c>
      <c r="L190" s="92">
        <v>6.1747069436376197E-3</v>
      </c>
    </row>
    <row r="191" spans="1:34">
      <c r="A191" s="47" t="s">
        <v>582</v>
      </c>
      <c r="B191" s="112">
        <v>867</v>
      </c>
      <c r="C191" s="49">
        <v>5.2006325914103781</v>
      </c>
      <c r="D191" s="50">
        <v>0.10760807554044374</v>
      </c>
      <c r="E191" s="113">
        <v>0.14153076738358886</v>
      </c>
      <c r="F191" s="95">
        <v>2.3735758651376469E-2</v>
      </c>
      <c r="G191" s="113">
        <v>0.15341065458013411</v>
      </c>
      <c r="H191" s="95">
        <v>2.4525495916731522E-2</v>
      </c>
      <c r="I191" s="113">
        <v>0.69778762314235676</v>
      </c>
      <c r="J191" s="95">
        <v>3.1146374305447859E-2</v>
      </c>
      <c r="K191" s="94">
        <v>7.270954893921636E-3</v>
      </c>
      <c r="L191" s="95">
        <v>6.5852641346208097E-3</v>
      </c>
    </row>
    <row r="192" spans="1:34">
      <c r="A192" s="43" t="s">
        <v>583</v>
      </c>
      <c r="B192" s="110">
        <v>1501</v>
      </c>
      <c r="C192" s="45">
        <v>5.3900504772013713</v>
      </c>
      <c r="D192" s="46">
        <v>7.818270469027859E-2</v>
      </c>
      <c r="E192" s="111">
        <v>0.12600747394691458</v>
      </c>
      <c r="F192" s="92">
        <v>1.7166149152172586E-2</v>
      </c>
      <c r="G192" s="111">
        <v>0.11539360058094442</v>
      </c>
      <c r="H192" s="92">
        <v>1.6534523986120368E-2</v>
      </c>
      <c r="I192" s="111">
        <v>0.74212150328759852</v>
      </c>
      <c r="J192" s="92">
        <v>2.2571459347166541E-2</v>
      </c>
      <c r="K192" s="91">
        <v>1.6477422184542349E-2</v>
      </c>
      <c r="L192" s="92">
        <v>6.8096129983929669E-3</v>
      </c>
    </row>
    <row r="193" spans="1:12">
      <c r="A193" s="47" t="s">
        <v>572</v>
      </c>
      <c r="B193" s="112">
        <v>289</v>
      </c>
      <c r="C193" s="49">
        <v>5.039162507420377</v>
      </c>
      <c r="D193" s="50">
        <v>0.1952129037873481</v>
      </c>
      <c r="E193" s="113">
        <v>0.19448912533168677</v>
      </c>
      <c r="F193" s="95">
        <v>4.6618655912753187E-2</v>
      </c>
      <c r="G193" s="113">
        <v>0.12731387538975106</v>
      </c>
      <c r="H193" s="95">
        <v>3.9600654951251237E-2</v>
      </c>
      <c r="I193" s="113">
        <v>0.65200295532414787</v>
      </c>
      <c r="J193" s="95">
        <v>5.5732374387630797E-2</v>
      </c>
      <c r="K193" s="94">
        <v>2.6194043954413836E-2</v>
      </c>
      <c r="L193" s="95">
        <v>2.0768693057903961E-2</v>
      </c>
    </row>
    <row r="194" spans="1:12">
      <c r="A194" s="43" t="s">
        <v>573</v>
      </c>
      <c r="B194" s="110">
        <v>447</v>
      </c>
      <c r="C194" s="45">
        <v>5.1965880910585325</v>
      </c>
      <c r="D194" s="46">
        <v>0.14110323687566537</v>
      </c>
      <c r="E194" s="111">
        <v>0.12950868643761809</v>
      </c>
      <c r="F194" s="92">
        <v>3.1958984788755057E-2</v>
      </c>
      <c r="G194" s="111">
        <v>0.16298347670880539</v>
      </c>
      <c r="H194" s="92">
        <v>3.5038863923758067E-2</v>
      </c>
      <c r="I194" s="111">
        <v>0.69150644631761404</v>
      </c>
      <c r="J194" s="92">
        <v>4.3563338747421583E-2</v>
      </c>
      <c r="K194" s="91">
        <v>1.6001390535963503E-2</v>
      </c>
      <c r="L194" s="92">
        <v>1.3279266206297146E-2</v>
      </c>
    </row>
    <row r="195" spans="1:12">
      <c r="A195" s="47" t="s">
        <v>574</v>
      </c>
      <c r="B195" s="112">
        <v>677</v>
      </c>
      <c r="C195" s="49">
        <v>5.3543274405480323</v>
      </c>
      <c r="D195" s="50">
        <v>0.1135844803108884</v>
      </c>
      <c r="E195" s="113">
        <v>0.10723882566494815</v>
      </c>
      <c r="F195" s="95">
        <v>2.3936469041800142E-2</v>
      </c>
      <c r="G195" s="113">
        <v>0.14000964113235989</v>
      </c>
      <c r="H195" s="95">
        <v>2.6761013998744563E-2</v>
      </c>
      <c r="I195" s="113">
        <v>0.74639115568722347</v>
      </c>
      <c r="J195" s="95">
        <v>3.3406891582231459E-2</v>
      </c>
      <c r="K195" s="94">
        <v>6.3603775154677869E-3</v>
      </c>
      <c r="L195" s="95">
        <v>7.3407241069846918E-3</v>
      </c>
    </row>
    <row r="196" spans="1:12">
      <c r="A196" s="43" t="s">
        <v>575</v>
      </c>
      <c r="B196" s="110">
        <v>931</v>
      </c>
      <c r="C196" s="45">
        <v>5.6261492103737547</v>
      </c>
      <c r="D196" s="46">
        <v>0.10026098969303542</v>
      </c>
      <c r="E196" s="111">
        <v>0.10220277647884089</v>
      </c>
      <c r="F196" s="92">
        <v>1.9958075894467863E-2</v>
      </c>
      <c r="G196" s="111">
        <v>8.6074043860049368E-2</v>
      </c>
      <c r="H196" s="92">
        <v>1.8514700897247598E-2</v>
      </c>
      <c r="I196" s="111">
        <v>0.80146036801596054</v>
      </c>
      <c r="J196" s="92">
        <v>2.6154420251295992E-2</v>
      </c>
      <c r="K196" s="91">
        <v>1.0262811645147009E-2</v>
      </c>
      <c r="L196" s="92">
        <v>7.2259855562418754E-3</v>
      </c>
    </row>
    <row r="197" spans="1:12">
      <c r="A197" s="47" t="s">
        <v>576</v>
      </c>
      <c r="B197" s="112">
        <v>753</v>
      </c>
      <c r="C197" s="49">
        <v>5.2489003253121034</v>
      </c>
      <c r="D197" s="50">
        <v>0.11828087007897357</v>
      </c>
      <c r="E197" s="113">
        <v>0.1428055418023933</v>
      </c>
      <c r="F197" s="95">
        <v>2.5572122933177222E-2</v>
      </c>
      <c r="G197" s="113">
        <v>0.13503643305762428</v>
      </c>
      <c r="H197" s="95">
        <v>2.499199562899156E-2</v>
      </c>
      <c r="I197" s="113">
        <v>0.70105797616400944</v>
      </c>
      <c r="J197" s="95">
        <v>3.3311449464207887E-2</v>
      </c>
      <c r="K197" s="94">
        <v>2.1100048975973326E-2</v>
      </c>
      <c r="L197" s="95">
        <v>1.1041451945876593E-2</v>
      </c>
    </row>
    <row r="198" spans="1:12">
      <c r="A198" s="43" t="s">
        <v>577</v>
      </c>
      <c r="B198" s="110">
        <v>770</v>
      </c>
      <c r="C198" s="45">
        <v>5.4373377486223617</v>
      </c>
      <c r="D198" s="46">
        <v>0.10499834450645477</v>
      </c>
      <c r="E198" s="111">
        <v>0.10895674171316098</v>
      </c>
      <c r="F198" s="92">
        <v>2.2580502115781147E-2</v>
      </c>
      <c r="G198" s="111">
        <v>0.11916127381463967</v>
      </c>
      <c r="H198" s="92">
        <v>2.3455614597327392E-2</v>
      </c>
      <c r="I198" s="111">
        <v>0.76251767256894964</v>
      </c>
      <c r="J198" s="92">
        <v>3.0651406399462199E-2</v>
      </c>
      <c r="K198" s="91">
        <v>9.3643119032484224E-3</v>
      </c>
      <c r="L198" s="92">
        <v>7.7952776102380933E-3</v>
      </c>
    </row>
    <row r="199" spans="1:12">
      <c r="A199" s="47" t="s">
        <v>578</v>
      </c>
      <c r="B199" s="112">
        <v>255</v>
      </c>
      <c r="C199" s="49">
        <v>5.3790258106509645</v>
      </c>
      <c r="D199" s="50">
        <v>0.19122991407050799</v>
      </c>
      <c r="E199" s="113">
        <v>0.12353895599901069</v>
      </c>
      <c r="F199" s="95">
        <v>4.1705127930323244E-2</v>
      </c>
      <c r="G199" s="113">
        <v>0.12823527776313681</v>
      </c>
      <c r="H199" s="95">
        <v>4.2331114390171599E-2</v>
      </c>
      <c r="I199" s="113">
        <v>0.73907091707090433</v>
      </c>
      <c r="J199" s="95">
        <v>5.4821136551830844E-2</v>
      </c>
      <c r="K199" s="94">
        <v>9.15484916694876E-3</v>
      </c>
      <c r="L199" s="95">
        <v>1.5941685878874786E-2</v>
      </c>
    </row>
    <row r="200" spans="1:12">
      <c r="A200" s="43" t="s">
        <v>579</v>
      </c>
      <c r="B200" s="110">
        <v>219</v>
      </c>
      <c r="C200" s="45">
        <v>5.3635640516203509</v>
      </c>
      <c r="D200" s="46">
        <v>0.20125271971348818</v>
      </c>
      <c r="E200" s="111">
        <v>0.14507930380983958</v>
      </c>
      <c r="F200" s="92">
        <v>4.8011550606539895E-2</v>
      </c>
      <c r="G200" s="111">
        <v>9.6853241022047259E-2</v>
      </c>
      <c r="H200" s="92">
        <v>4.0898205620412575E-2</v>
      </c>
      <c r="I200" s="111">
        <v>0.74746220791354456</v>
      </c>
      <c r="J200" s="92">
        <v>5.8522865935324936E-2</v>
      </c>
      <c r="K200" s="91">
        <v>1.0605247254568516E-2</v>
      </c>
      <c r="L200" s="92">
        <v>1.8464802739717841E-2</v>
      </c>
    </row>
    <row r="201" spans="1:12">
      <c r="A201" s="47" t="s">
        <v>580</v>
      </c>
      <c r="B201" s="112">
        <v>221</v>
      </c>
      <c r="C201" s="49">
        <v>5.04939699608782</v>
      </c>
      <c r="D201" s="50">
        <v>0.22926738397874522</v>
      </c>
      <c r="E201" s="113">
        <v>0.18634389945370153</v>
      </c>
      <c r="F201" s="95">
        <v>5.2508068116138014E-2</v>
      </c>
      <c r="G201" s="113">
        <v>0.14803074758092857</v>
      </c>
      <c r="H201" s="95">
        <v>4.8163277546815146E-2</v>
      </c>
      <c r="I201" s="113">
        <v>0.64436713995750095</v>
      </c>
      <c r="J201" s="95">
        <v>6.3929487009187588E-2</v>
      </c>
      <c r="K201" s="94">
        <v>2.1258213007869321E-2</v>
      </c>
      <c r="L201" s="95">
        <v>2.2659988876964857E-2</v>
      </c>
    </row>
    <row r="202" spans="1:12" ht="17.25" customHeight="1">
      <c r="A202" s="43" t="s">
        <v>581</v>
      </c>
      <c r="B202" s="110">
        <v>122</v>
      </c>
      <c r="C202" s="45">
        <v>5.7298457480629432</v>
      </c>
      <c r="D202" s="46">
        <v>0.22797890788842901</v>
      </c>
      <c r="E202" s="111">
        <v>6.7548773645541738E-2</v>
      </c>
      <c r="F202" s="92">
        <v>4.8687983216467716E-2</v>
      </c>
      <c r="G202" s="111">
        <v>8.0374643221436143E-2</v>
      </c>
      <c r="H202" s="92">
        <v>5.1920918843611538E-2</v>
      </c>
      <c r="I202" s="111">
        <v>0.84448204811427585</v>
      </c>
      <c r="J202" s="92">
        <v>6.6367661003106537E-2</v>
      </c>
      <c r="K202" s="91">
        <v>7.5945350187466695E-3</v>
      </c>
      <c r="L202" s="92">
        <v>2.683694820452619E-2</v>
      </c>
    </row>
    <row r="203" spans="1:12">
      <c r="A203" s="47" t="s">
        <v>584</v>
      </c>
      <c r="B203" s="112">
        <v>112</v>
      </c>
      <c r="C203" s="49">
        <v>5.0307126116175276</v>
      </c>
      <c r="D203" s="50">
        <v>0.33227803290038693</v>
      </c>
      <c r="E203" s="113">
        <v>0.20560814465531288</v>
      </c>
      <c r="F203" s="95">
        <v>7.6385453605653394E-2</v>
      </c>
      <c r="G203" s="113">
        <v>9.625031316239252E-2</v>
      </c>
      <c r="H203" s="95">
        <v>5.8142123364730756E-2</v>
      </c>
      <c r="I203" s="113">
        <v>0.68678341960766021</v>
      </c>
      <c r="J203" s="95">
        <v>8.6597870142718678E-2</v>
      </c>
      <c r="K203" s="94">
        <v>1.1358122574634699E-2</v>
      </c>
      <c r="L203" s="95">
        <v>3.0744867868978492E-2</v>
      </c>
    </row>
    <row r="204" spans="1:12">
      <c r="A204" s="43" t="s">
        <v>585</v>
      </c>
      <c r="B204" s="110">
        <v>2256</v>
      </c>
      <c r="C204" s="45">
        <v>5.3872800997413952</v>
      </c>
      <c r="D204" s="46">
        <v>6.452243120795513E-2</v>
      </c>
      <c r="E204" s="111">
        <v>0.11761755429365914</v>
      </c>
      <c r="F204" s="92">
        <v>1.3586874661069826E-2</v>
      </c>
      <c r="G204" s="111">
        <v>0.13153484006303848</v>
      </c>
      <c r="H204" s="92">
        <v>1.4248961474645268E-2</v>
      </c>
      <c r="I204" s="111">
        <v>0.73660730414189612</v>
      </c>
      <c r="J204" s="92">
        <v>1.8540316186386175E-2</v>
      </c>
      <c r="K204" s="91">
        <v>1.4240301501403202E-2</v>
      </c>
      <c r="L204" s="92">
        <v>5.1305162972468147E-3</v>
      </c>
    </row>
    <row r="205" spans="1:12">
      <c r="A205" s="47" t="s">
        <v>620</v>
      </c>
      <c r="B205" s="112">
        <v>156</v>
      </c>
      <c r="C205" s="49">
        <v>5.4195484745433173</v>
      </c>
      <c r="D205" s="50">
        <v>0.21822272627563988</v>
      </c>
      <c r="E205" s="113">
        <v>0.11679659806059522</v>
      </c>
      <c r="F205" s="95">
        <v>5.2537038619298725E-2</v>
      </c>
      <c r="G205" s="113">
        <v>9.6061598654741134E-2</v>
      </c>
      <c r="H205" s="95">
        <v>4.8705774972700587E-2</v>
      </c>
      <c r="I205" s="113">
        <v>0.78125174625905003</v>
      </c>
      <c r="J205" s="95">
        <v>6.6106569903157053E-2</v>
      </c>
      <c r="K205" s="94">
        <v>5.8900570256139309E-3</v>
      </c>
      <c r="L205" s="95">
        <v>2.116010730349397E-2</v>
      </c>
    </row>
    <row r="206" spans="1:12">
      <c r="A206" s="43" t="s">
        <v>621</v>
      </c>
      <c r="B206" s="110">
        <v>163</v>
      </c>
      <c r="C206" s="45">
        <v>5.1986879181935146</v>
      </c>
      <c r="D206" s="46">
        <v>0.22697295972810128</v>
      </c>
      <c r="E206" s="111">
        <v>0.15807708879768298</v>
      </c>
      <c r="F206" s="92">
        <v>5.7621974908799584E-2</v>
      </c>
      <c r="G206" s="111">
        <v>0.14568342585405364</v>
      </c>
      <c r="H206" s="92">
        <v>5.5887321615370175E-2</v>
      </c>
      <c r="I206" s="111">
        <v>0.6962394853482643</v>
      </c>
      <c r="J206" s="92">
        <v>7.1479281109037396E-2</v>
      </c>
      <c r="K206" s="91">
        <v>0</v>
      </c>
      <c r="L206" s="92">
        <v>1.6834966591550982E-2</v>
      </c>
    </row>
    <row r="207" spans="1:12">
      <c r="A207" s="47" t="s">
        <v>622</v>
      </c>
      <c r="B207" s="112">
        <v>990</v>
      </c>
      <c r="C207" s="49">
        <v>5.4336515990948575</v>
      </c>
      <c r="D207" s="50">
        <v>9.7977614489111853E-2</v>
      </c>
      <c r="E207" s="113">
        <v>0.10589310593355761</v>
      </c>
      <c r="F207" s="95">
        <v>1.96475282115742E-2</v>
      </c>
      <c r="G207" s="113">
        <v>0.13177408853097114</v>
      </c>
      <c r="H207" s="95">
        <v>2.1558843027709749E-2</v>
      </c>
      <c r="I207" s="113">
        <v>0.74908159297160737</v>
      </c>
      <c r="J207" s="95">
        <v>2.7538645569478964E-2</v>
      </c>
      <c r="K207" s="94">
        <v>1.3251212563865203E-2</v>
      </c>
      <c r="L207" s="95">
        <v>7.7637700891126224E-3</v>
      </c>
    </row>
    <row r="208" spans="1:12">
      <c r="A208" s="43" t="s">
        <v>623</v>
      </c>
      <c r="B208" s="110">
        <v>301</v>
      </c>
      <c r="C208" s="45">
        <v>5.7027963008106077</v>
      </c>
      <c r="D208" s="46">
        <v>0.1673279908077169</v>
      </c>
      <c r="E208" s="111">
        <v>7.8387816646793992E-2</v>
      </c>
      <c r="F208" s="92">
        <v>3.1752127603070071E-2</v>
      </c>
      <c r="G208" s="111">
        <v>8.9429583731543361E-2</v>
      </c>
      <c r="H208" s="92">
        <v>3.3549454098101228E-2</v>
      </c>
      <c r="I208" s="111">
        <v>0.79521988721844405</v>
      </c>
      <c r="J208" s="92">
        <v>4.6534493451938913E-2</v>
      </c>
      <c r="K208" s="91">
        <v>3.6962712403218342E-2</v>
      </c>
      <c r="L208" s="92">
        <v>2.3240240036893428E-2</v>
      </c>
    </row>
    <row r="209" spans="1:12">
      <c r="A209" s="47" t="s">
        <v>624</v>
      </c>
      <c r="B209" s="112">
        <v>320</v>
      </c>
      <c r="C209" s="49">
        <v>5.2009587317706956</v>
      </c>
      <c r="D209" s="50">
        <v>0.17949040165719796</v>
      </c>
      <c r="E209" s="113">
        <v>0.14935228101320111</v>
      </c>
      <c r="F209" s="95">
        <v>4.0071438355981717E-2</v>
      </c>
      <c r="G209" s="113">
        <v>0.14691930806376421</v>
      </c>
      <c r="H209" s="95">
        <v>3.9813329262080387E-2</v>
      </c>
      <c r="I209" s="113">
        <v>0.69396021410187769</v>
      </c>
      <c r="J209" s="95">
        <v>5.1316327655579148E-2</v>
      </c>
      <c r="K209" s="94">
        <v>9.7681968211584362E-3</v>
      </c>
      <c r="L209" s="95">
        <v>1.3864491879746329E-2</v>
      </c>
    </row>
    <row r="210" spans="1:12">
      <c r="A210" s="43" t="s">
        <v>625</v>
      </c>
      <c r="B210" s="110">
        <v>1186</v>
      </c>
      <c r="C210" s="45">
        <v>5.3243092975267299</v>
      </c>
      <c r="D210" s="46">
        <v>8.9005367891127618E-2</v>
      </c>
      <c r="E210" s="111">
        <v>0.12874001050674277</v>
      </c>
      <c r="F210" s="92">
        <v>1.9497129963805315E-2</v>
      </c>
      <c r="G210" s="111">
        <v>0.13253105996695744</v>
      </c>
      <c r="H210" s="92">
        <v>1.9735463973361032E-2</v>
      </c>
      <c r="I210" s="111">
        <v>0.72415596858777964</v>
      </c>
      <c r="J210" s="92">
        <v>2.5934067765829752E-2</v>
      </c>
      <c r="K210" s="91">
        <v>1.4572960938520358E-2</v>
      </c>
      <c r="L210" s="92">
        <v>7.3202970580562013E-3</v>
      </c>
    </row>
    <row r="211" spans="1:12">
      <c r="A211" s="47" t="s">
        <v>626</v>
      </c>
      <c r="B211" s="112">
        <v>1181</v>
      </c>
      <c r="C211" s="49">
        <v>5.3575832174136684</v>
      </c>
      <c r="D211" s="50">
        <v>9.0710890651113568E-2</v>
      </c>
      <c r="E211" s="113">
        <v>0.13457330221542027</v>
      </c>
      <c r="F211" s="95">
        <v>1.9903846533526989E-2</v>
      </c>
      <c r="G211" s="113">
        <v>0.11489820084770314</v>
      </c>
      <c r="H211" s="95">
        <v>1.8618634905568282E-2</v>
      </c>
      <c r="I211" s="113">
        <v>0.73812354183928675</v>
      </c>
      <c r="J211" s="95">
        <v>2.5568924743889512E-2</v>
      </c>
      <c r="K211" s="94">
        <v>1.2404955097591193E-2</v>
      </c>
      <c r="L211" s="95">
        <v>6.8383182683501489E-3</v>
      </c>
    </row>
    <row r="212" spans="1:12">
      <c r="A212" s="43" t="s">
        <v>627</v>
      </c>
      <c r="B212" s="110">
        <v>347</v>
      </c>
      <c r="C212" s="45">
        <v>5.3294740127880003</v>
      </c>
      <c r="D212" s="46">
        <v>0.17685426676906651</v>
      </c>
      <c r="E212" s="111">
        <v>0.13428030920831657</v>
      </c>
      <c r="F212" s="92">
        <v>3.6868935657090263E-2</v>
      </c>
      <c r="G212" s="111">
        <v>0.12207524655014998</v>
      </c>
      <c r="H212" s="92">
        <v>3.5471532803766817E-2</v>
      </c>
      <c r="I212" s="111">
        <v>0.72813937182719579</v>
      </c>
      <c r="J212" s="92">
        <v>4.7637273481470462E-2</v>
      </c>
      <c r="K212" s="91">
        <v>1.5505072414335548E-2</v>
      </c>
      <c r="L212" s="92">
        <v>1.5315959456499382E-2</v>
      </c>
    </row>
    <row r="213" spans="1:12">
      <c r="A213" s="47" t="s">
        <v>628</v>
      </c>
      <c r="B213" s="112">
        <v>834</v>
      </c>
      <c r="C213" s="49">
        <v>5.3744257864708471</v>
      </c>
      <c r="D213" s="50">
        <v>0.1053531265753853</v>
      </c>
      <c r="E213" s="113">
        <v>0.13474974449183741</v>
      </c>
      <c r="F213" s="95">
        <v>2.3718998719748766E-2</v>
      </c>
      <c r="G213" s="113">
        <v>0.11057613768923792</v>
      </c>
      <c r="H213" s="95">
        <v>2.1825227017122872E-2</v>
      </c>
      <c r="I213" s="113">
        <v>0.74413607334126264</v>
      </c>
      <c r="J213" s="95">
        <v>3.0191529939423461E-2</v>
      </c>
      <c r="K213" s="94">
        <v>1.053804447766127E-2</v>
      </c>
      <c r="L213" s="95">
        <v>7.7885629310404042E-3</v>
      </c>
    </row>
    <row r="214" spans="1:12">
      <c r="A214" s="43" t="s">
        <v>629</v>
      </c>
      <c r="B214" s="110">
        <v>216</v>
      </c>
      <c r="C214" s="45">
        <v>5.5270503054013753</v>
      </c>
      <c r="D214" s="46">
        <v>0.19806461766252781</v>
      </c>
      <c r="E214" s="111">
        <v>8.8236721833117149E-2</v>
      </c>
      <c r="F214" s="92">
        <v>3.9671462511637355E-2</v>
      </c>
      <c r="G214" s="111">
        <v>0.11947232789238196</v>
      </c>
      <c r="H214" s="92">
        <v>4.4805909657528731E-2</v>
      </c>
      <c r="I214" s="111">
        <v>0.74933626660718378</v>
      </c>
      <c r="J214" s="92">
        <v>5.878644710418137E-2</v>
      </c>
      <c r="K214" s="91">
        <v>4.2954683667316952E-2</v>
      </c>
      <c r="L214" s="92">
        <v>2.9737194172638298E-2</v>
      </c>
    </row>
    <row r="215" spans="1:12">
      <c r="A215" s="47" t="s">
        <v>630</v>
      </c>
      <c r="B215" s="112">
        <v>392</v>
      </c>
      <c r="C215" s="49">
        <v>5.3308222388031909</v>
      </c>
      <c r="D215" s="50">
        <v>0.15789367932670764</v>
      </c>
      <c r="E215" s="113">
        <v>0.14788141907808572</v>
      </c>
      <c r="F215" s="95">
        <v>3.6028138884219484E-2</v>
      </c>
      <c r="G215" s="113">
        <v>9.9515475562208078E-2</v>
      </c>
      <c r="H215" s="95">
        <v>3.0622487927662975E-2</v>
      </c>
      <c r="I215" s="113">
        <v>0.74678384390791164</v>
      </c>
      <c r="J215" s="95">
        <v>4.3845673951687127E-2</v>
      </c>
      <c r="K215" s="94">
        <v>5.8192614517957727E-3</v>
      </c>
      <c r="L215" s="95">
        <v>1.0393329573879291E-2</v>
      </c>
    </row>
    <row r="216" spans="1:12">
      <c r="A216" s="43" t="s">
        <v>631</v>
      </c>
      <c r="B216" s="110">
        <v>56</v>
      </c>
      <c r="C216" s="45">
        <v>5.4874551412283106</v>
      </c>
      <c r="D216" s="46">
        <v>0.45944964881690775</v>
      </c>
      <c r="E216" s="111">
        <v>0.13719610608916452</v>
      </c>
      <c r="F216" s="92">
        <v>9.4987209391384997E-2</v>
      </c>
      <c r="G216" s="111">
        <v>4.6356892300278035E-2</v>
      </c>
      <c r="H216" s="92">
        <v>6.8669373072795886E-2</v>
      </c>
      <c r="I216" s="111">
        <v>0.79590886016151285</v>
      </c>
      <c r="J216" s="92">
        <v>0.10761775636179663</v>
      </c>
      <c r="K216" s="91">
        <v>2.0538141449044575E-2</v>
      </c>
      <c r="L216" s="92">
        <v>5.758806443775389E-2</v>
      </c>
    </row>
    <row r="217" spans="1:12">
      <c r="A217" s="47" t="s">
        <v>632</v>
      </c>
      <c r="B217" s="112">
        <v>336</v>
      </c>
      <c r="C217" s="49">
        <v>5.2871519821793074</v>
      </c>
      <c r="D217" s="50">
        <v>0.16783202725589913</v>
      </c>
      <c r="E217" s="113">
        <v>0.15091804453182012</v>
      </c>
      <c r="F217" s="95">
        <v>3.9256647877103389E-2</v>
      </c>
      <c r="G217" s="113">
        <v>0.11462244596026837</v>
      </c>
      <c r="H217" s="95">
        <v>3.5139733806251114E-2</v>
      </c>
      <c r="I217" s="113">
        <v>0.73282316021755267</v>
      </c>
      <c r="J217" s="95">
        <v>4.8149439358327988E-2</v>
      </c>
      <c r="K217" s="94">
        <v>1.6363492903596673E-3</v>
      </c>
      <c r="L217" s="95">
        <v>9.3577330696009136E-3</v>
      </c>
    </row>
    <row r="218" spans="1:12">
      <c r="A218" s="43" t="s">
        <v>633</v>
      </c>
      <c r="B218" s="110">
        <v>662</v>
      </c>
      <c r="C218" s="45">
        <v>5.4526939816906568</v>
      </c>
      <c r="D218" s="46">
        <v>0.11489496697993455</v>
      </c>
      <c r="E218" s="111">
        <v>0.10484024747094561</v>
      </c>
      <c r="F218" s="92">
        <v>2.3976819101394639E-2</v>
      </c>
      <c r="G218" s="111">
        <v>0.13228924071280537</v>
      </c>
      <c r="H218" s="92">
        <v>2.6441399737138872E-2</v>
      </c>
      <c r="I218" s="111">
        <v>0.7550757426178869</v>
      </c>
      <c r="J218" s="92">
        <v>3.3397736315756585E-2</v>
      </c>
      <c r="K218" s="91">
        <v>7.7947691983617957E-3</v>
      </c>
      <c r="L218" s="92">
        <v>7.9922536442394929E-3</v>
      </c>
    </row>
    <row r="219" spans="1:12">
      <c r="A219" s="47" t="s">
        <v>634</v>
      </c>
      <c r="B219" s="112">
        <v>612</v>
      </c>
      <c r="C219" s="49">
        <v>5.3327122616364671</v>
      </c>
      <c r="D219" s="50">
        <v>0.12578941379614159</v>
      </c>
      <c r="E219" s="113">
        <v>0.13363226914053528</v>
      </c>
      <c r="F219" s="95">
        <v>2.7623654928681678E-2</v>
      </c>
      <c r="G219" s="113">
        <v>0.12267423117863632</v>
      </c>
      <c r="H219" s="95">
        <v>2.6661451744664694E-2</v>
      </c>
      <c r="I219" s="113">
        <v>0.72778756441929759</v>
      </c>
      <c r="J219" s="95">
        <v>3.5927822399939337E-2</v>
      </c>
      <c r="K219" s="94">
        <v>1.5905935261531372E-2</v>
      </c>
      <c r="L219" s="95">
        <v>1.1015491880698343E-2</v>
      </c>
    </row>
    <row r="220" spans="1:12">
      <c r="A220" s="43" t="s">
        <v>635</v>
      </c>
      <c r="B220" s="110">
        <v>229</v>
      </c>
      <c r="C220" s="45">
        <v>5.1977415166965422</v>
      </c>
      <c r="D220" s="46">
        <v>0.22778840396873332</v>
      </c>
      <c r="E220" s="111">
        <v>0.16101583694395902</v>
      </c>
      <c r="F220" s="92">
        <v>4.8849648934141926E-2</v>
      </c>
      <c r="G220" s="111">
        <v>0.13211708591363439</v>
      </c>
      <c r="H220" s="92">
        <v>4.5249725321582335E-2</v>
      </c>
      <c r="I220" s="111">
        <v>0.68841075586082368</v>
      </c>
      <c r="J220" s="92">
        <v>6.085369233233337E-2</v>
      </c>
      <c r="K220" s="91">
        <v>1.8456321281582092E-2</v>
      </c>
      <c r="L220" s="92">
        <v>2.1130714367673258E-2</v>
      </c>
    </row>
    <row r="221" spans="1:12">
      <c r="A221" s="47" t="s">
        <v>636</v>
      </c>
      <c r="B221" s="112">
        <v>383</v>
      </c>
      <c r="C221" s="49">
        <v>5.4476878705715226</v>
      </c>
      <c r="D221" s="50">
        <v>0.14716401416407976</v>
      </c>
      <c r="E221" s="113">
        <v>0.11019292661953252</v>
      </c>
      <c r="F221" s="95">
        <v>3.2337894452122151E-2</v>
      </c>
      <c r="G221" s="113">
        <v>0.11459148943736402</v>
      </c>
      <c r="H221" s="95">
        <v>3.2867284589180583E-2</v>
      </c>
      <c r="I221" s="113">
        <v>0.76149268676900883</v>
      </c>
      <c r="J221" s="95">
        <v>4.3494367132565145E-2</v>
      </c>
      <c r="K221" s="94">
        <v>1.3722897174095887E-2</v>
      </c>
      <c r="L221" s="95">
        <v>1.3789668250813861E-2</v>
      </c>
    </row>
  </sheetData>
  <mergeCells count="23">
    <mergeCell ref="A181:L181"/>
    <mergeCell ref="A179:L179"/>
    <mergeCell ref="A180:L180"/>
    <mergeCell ref="AT49:BD49"/>
    <mergeCell ref="X137:AH137"/>
    <mergeCell ref="A92:AS92"/>
    <mergeCell ref="B137:L137"/>
    <mergeCell ref="AI49:AS49"/>
    <mergeCell ref="M137:W137"/>
    <mergeCell ref="B93:L93"/>
    <mergeCell ref="M93:W93"/>
    <mergeCell ref="X93:AH93"/>
    <mergeCell ref="AI93:AS93"/>
    <mergeCell ref="A136:AH136"/>
    <mergeCell ref="A135:AH135"/>
    <mergeCell ref="A3:D3"/>
    <mergeCell ref="A4:D4"/>
    <mergeCell ref="A5:D5"/>
    <mergeCell ref="M49:W49"/>
    <mergeCell ref="X49:AH49"/>
    <mergeCell ref="B49:L49"/>
    <mergeCell ref="A48:BD48"/>
    <mergeCell ref="A47:BD47"/>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221"/>
  <sheetViews>
    <sheetView zoomScaleNormal="100" zoomScalePageLayoutView="75" workbookViewId="0"/>
  </sheetViews>
  <sheetFormatPr defaultColWidth="22.85546875" defaultRowHeight="15"/>
  <cols>
    <col min="1" max="1" width="45.42578125" customWidth="1"/>
    <col min="9" max="9" width="25.5703125" customWidth="1"/>
    <col min="10" max="10" width="26.7109375" customWidth="1"/>
  </cols>
  <sheetData>
    <row r="1" spans="1:6" ht="31.5">
      <c r="A1" s="31" t="s">
        <v>41</v>
      </c>
    </row>
    <row r="3" spans="1:6" ht="18.75">
      <c r="A3" s="343" t="s">
        <v>1</v>
      </c>
      <c r="B3" s="343"/>
      <c r="C3" s="343"/>
      <c r="D3" s="343"/>
    </row>
    <row r="4" spans="1:6" ht="201" customHeight="1">
      <c r="A4" s="381" t="s">
        <v>546</v>
      </c>
      <c r="B4" s="381"/>
      <c r="C4" s="381"/>
      <c r="D4" s="381"/>
      <c r="F4" s="232"/>
    </row>
    <row r="5" spans="1:6" ht="34.5" customHeight="1">
      <c r="A5" s="360" t="s">
        <v>104</v>
      </c>
      <c r="B5" s="361"/>
      <c r="C5" s="361"/>
      <c r="D5" s="361"/>
    </row>
    <row r="6" spans="1:6" ht="43.5" customHeight="1">
      <c r="A6" s="35" t="s">
        <v>70</v>
      </c>
      <c r="B6" s="36" t="s">
        <v>71</v>
      </c>
      <c r="C6" s="37" t="s">
        <v>550</v>
      </c>
      <c r="D6" s="38" t="s">
        <v>72</v>
      </c>
    </row>
    <row r="7" spans="1:6" ht="56.25" customHeight="1">
      <c r="A7" s="39"/>
      <c r="B7" s="40" t="s">
        <v>73</v>
      </c>
      <c r="C7" s="41" t="s">
        <v>105</v>
      </c>
      <c r="D7" s="42" t="s">
        <v>75</v>
      </c>
    </row>
    <row r="8" spans="1:6">
      <c r="A8" s="43" t="s">
        <v>348</v>
      </c>
      <c r="B8" s="81">
        <v>13277</v>
      </c>
      <c r="C8" s="82">
        <v>3.677282666426394</v>
      </c>
      <c r="D8" s="83">
        <v>2.0993451205933784E-2</v>
      </c>
    </row>
    <row r="9" spans="1:6">
      <c r="A9" s="47" t="s">
        <v>349</v>
      </c>
      <c r="B9" s="117">
        <v>9829</v>
      </c>
      <c r="C9" s="118">
        <v>3.6556820477485221</v>
      </c>
      <c r="D9" s="119">
        <v>2.4262117158797572E-2</v>
      </c>
    </row>
    <row r="10" spans="1:6">
      <c r="A10" s="43" t="s">
        <v>350</v>
      </c>
      <c r="B10" s="81">
        <v>3448</v>
      </c>
      <c r="C10" s="82">
        <v>3.6954697037798288</v>
      </c>
      <c r="D10" s="83">
        <v>4.1708570481464757E-2</v>
      </c>
    </row>
    <row r="11" spans="1:6">
      <c r="A11" s="47" t="s">
        <v>568</v>
      </c>
      <c r="B11" s="117">
        <v>10935</v>
      </c>
      <c r="C11" s="118">
        <v>3.6746865783296583</v>
      </c>
      <c r="D11" s="119">
        <v>2.2618306522994788E-2</v>
      </c>
    </row>
    <row r="12" spans="1:6">
      <c r="A12" s="43" t="s">
        <v>569</v>
      </c>
      <c r="B12" s="81">
        <v>2342</v>
      </c>
      <c r="C12" s="82">
        <v>3.9867597548917311</v>
      </c>
      <c r="D12" s="83">
        <v>5.3305863274120451E-2</v>
      </c>
    </row>
    <row r="13" spans="1:6">
      <c r="A13" s="47" t="s">
        <v>570</v>
      </c>
      <c r="B13" s="117">
        <v>598</v>
      </c>
      <c r="C13" s="118">
        <v>4.0383033839744549</v>
      </c>
      <c r="D13" s="119">
        <v>0.10491063338858982</v>
      </c>
    </row>
    <row r="14" spans="1:6">
      <c r="A14" s="43" t="s">
        <v>571</v>
      </c>
      <c r="B14" s="81">
        <v>1261</v>
      </c>
      <c r="C14" s="82">
        <v>4.0197037612223836</v>
      </c>
      <c r="D14" s="83">
        <v>7.1832304857702409E-2</v>
      </c>
    </row>
    <row r="15" spans="1:6">
      <c r="A15" s="47" t="s">
        <v>582</v>
      </c>
      <c r="B15" s="117">
        <v>859</v>
      </c>
      <c r="C15" s="118">
        <v>3.9276269168593281</v>
      </c>
      <c r="D15" s="119">
        <v>8.9386359015942315E-2</v>
      </c>
    </row>
    <row r="16" spans="1:6">
      <c r="A16" s="43" t="s">
        <v>583</v>
      </c>
      <c r="B16" s="81">
        <v>1483</v>
      </c>
      <c r="C16" s="82">
        <v>4.0107824071555438</v>
      </c>
      <c r="D16" s="83">
        <v>6.6354491131182025E-2</v>
      </c>
    </row>
    <row r="17" spans="1:4">
      <c r="A17" s="47" t="s">
        <v>572</v>
      </c>
      <c r="B17" s="117">
        <v>295</v>
      </c>
      <c r="C17" s="118">
        <v>3.8139083469801092</v>
      </c>
      <c r="D17" s="119">
        <v>0.16090916191611107</v>
      </c>
    </row>
    <row r="18" spans="1:4">
      <c r="A18" s="43" t="s">
        <v>573</v>
      </c>
      <c r="B18" s="114">
        <v>446</v>
      </c>
      <c r="C18" s="115">
        <v>4.1273158406874533</v>
      </c>
      <c r="D18" s="116">
        <v>0.1239383740119462</v>
      </c>
    </row>
    <row r="19" spans="1:4">
      <c r="A19" s="47" t="s">
        <v>574</v>
      </c>
      <c r="B19" s="117">
        <v>671</v>
      </c>
      <c r="C19" s="118">
        <v>4.1020886663205598</v>
      </c>
      <c r="D19" s="119">
        <v>9.9562233409708434E-2</v>
      </c>
    </row>
    <row r="20" spans="1:4">
      <c r="A20" s="43" t="s">
        <v>575</v>
      </c>
      <c r="B20" s="81">
        <v>903</v>
      </c>
      <c r="C20" s="82">
        <v>3.9455597258221733</v>
      </c>
      <c r="D20" s="83">
        <v>8.2019799386753522E-2</v>
      </c>
    </row>
    <row r="21" spans="1:4">
      <c r="A21" s="47" t="s">
        <v>576</v>
      </c>
      <c r="B21" s="117">
        <v>744</v>
      </c>
      <c r="C21" s="118">
        <v>4.0706484795957074</v>
      </c>
      <c r="D21" s="119">
        <v>9.8377336536219856E-2</v>
      </c>
    </row>
    <row r="22" spans="1:4">
      <c r="A22" s="55" t="s">
        <v>577</v>
      </c>
      <c r="B22" s="114">
        <v>751</v>
      </c>
      <c r="C22" s="115">
        <v>4.0873197081004209</v>
      </c>
      <c r="D22" s="116">
        <v>8.9749743991705572E-2</v>
      </c>
    </row>
    <row r="23" spans="1:4">
      <c r="A23" s="47" t="s">
        <v>578</v>
      </c>
      <c r="B23" s="117">
        <v>260</v>
      </c>
      <c r="C23" s="118">
        <v>3.6277577478304046</v>
      </c>
      <c r="D23" s="119">
        <v>0.16308806648301769</v>
      </c>
    </row>
    <row r="24" spans="1:4">
      <c r="A24" s="55" t="s">
        <v>579</v>
      </c>
      <c r="B24" s="114">
        <v>220</v>
      </c>
      <c r="C24" s="115">
        <v>3.9217389365981412</v>
      </c>
      <c r="D24" s="116">
        <v>0.16366470520231058</v>
      </c>
    </row>
    <row r="25" spans="1:4">
      <c r="A25" s="47" t="s">
        <v>580</v>
      </c>
      <c r="B25" s="117">
        <v>218</v>
      </c>
      <c r="C25" s="118">
        <v>4.1297815608178148</v>
      </c>
      <c r="D25" s="119">
        <v>0.17458505809816852</v>
      </c>
    </row>
    <row r="26" spans="1:4">
      <c r="A26" s="55" t="s">
        <v>581</v>
      </c>
      <c r="B26" s="114">
        <v>120</v>
      </c>
      <c r="C26" s="115">
        <v>3.8582374182340775</v>
      </c>
      <c r="D26" s="116">
        <v>0.22956391263059653</v>
      </c>
    </row>
    <row r="27" spans="1:4">
      <c r="A27" s="47" t="s">
        <v>584</v>
      </c>
      <c r="B27" s="117">
        <v>117</v>
      </c>
      <c r="C27" s="118">
        <v>3.9048685077847809</v>
      </c>
      <c r="D27" s="119">
        <v>0.27603051766479997</v>
      </c>
    </row>
    <row r="28" spans="1:4">
      <c r="A28" s="55" t="s">
        <v>585</v>
      </c>
      <c r="B28" s="114">
        <v>2225</v>
      </c>
      <c r="C28" s="115">
        <v>4.0015895533254593</v>
      </c>
      <c r="D28" s="116">
        <v>5.4187291833509107E-2</v>
      </c>
    </row>
    <row r="29" spans="1:4">
      <c r="A29" s="47" t="s">
        <v>620</v>
      </c>
      <c r="B29" s="117">
        <v>155</v>
      </c>
      <c r="C29" s="118">
        <v>3.6610126363864244</v>
      </c>
      <c r="D29" s="119">
        <v>0.21538797122234693</v>
      </c>
    </row>
    <row r="30" spans="1:4">
      <c r="A30" s="55" t="s">
        <v>621</v>
      </c>
      <c r="B30" s="114">
        <v>158</v>
      </c>
      <c r="C30" s="115">
        <v>4.1292951548892294</v>
      </c>
      <c r="D30" s="116">
        <v>0.19806032627485867</v>
      </c>
    </row>
    <row r="31" spans="1:4">
      <c r="A31" s="47" t="s">
        <v>622</v>
      </c>
      <c r="B31" s="117">
        <v>981</v>
      </c>
      <c r="C31" s="118">
        <v>4.0382385645844519</v>
      </c>
      <c r="D31" s="119">
        <v>7.8341688659232411E-2</v>
      </c>
    </row>
    <row r="32" spans="1:4">
      <c r="A32" s="55" t="s">
        <v>623</v>
      </c>
      <c r="B32" s="114">
        <v>298</v>
      </c>
      <c r="C32" s="115">
        <v>4.2375354971032451</v>
      </c>
      <c r="D32" s="116">
        <v>0.14650036104458222</v>
      </c>
    </row>
    <row r="33" spans="1:17">
      <c r="A33" s="47" t="s">
        <v>624</v>
      </c>
      <c r="B33" s="117">
        <v>317</v>
      </c>
      <c r="C33" s="118">
        <v>4.0797623673068699</v>
      </c>
      <c r="D33" s="119">
        <v>0.15361293196675779</v>
      </c>
    </row>
    <row r="34" spans="1:17">
      <c r="A34" s="55" t="s">
        <v>625</v>
      </c>
      <c r="B34" s="114">
        <v>1182</v>
      </c>
      <c r="C34" s="115">
        <v>3.9948094624490089</v>
      </c>
      <c r="D34" s="116">
        <v>7.4555520692022217E-2</v>
      </c>
    </row>
    <row r="35" spans="1:17">
      <c r="A35" s="47" t="s">
        <v>626</v>
      </c>
      <c r="B35" s="117">
        <v>1159</v>
      </c>
      <c r="C35" s="118">
        <v>3.9651969047835887</v>
      </c>
      <c r="D35" s="119">
        <v>7.6260839846481521E-2</v>
      </c>
    </row>
    <row r="36" spans="1:17">
      <c r="A36" s="55" t="s">
        <v>627</v>
      </c>
      <c r="B36" s="114">
        <v>344</v>
      </c>
      <c r="C36" s="115">
        <v>3.8491752466908671</v>
      </c>
      <c r="D36" s="116">
        <v>0.14389010042391867</v>
      </c>
    </row>
    <row r="37" spans="1:17">
      <c r="A37" s="47" t="s">
        <v>628</v>
      </c>
      <c r="B37" s="117">
        <v>815</v>
      </c>
      <c r="C37" s="118">
        <v>4.035789040597149</v>
      </c>
      <c r="D37" s="119">
        <v>8.9639502734833301E-2</v>
      </c>
    </row>
    <row r="38" spans="1:17">
      <c r="A38" s="55" t="s">
        <v>629</v>
      </c>
      <c r="B38" s="114">
        <v>214</v>
      </c>
      <c r="C38" s="115">
        <v>4.1308194946988372</v>
      </c>
      <c r="D38" s="116">
        <v>0.18004749667491279</v>
      </c>
    </row>
    <row r="39" spans="1:17">
      <c r="A39" s="47" t="s">
        <v>630</v>
      </c>
      <c r="B39" s="117">
        <v>384</v>
      </c>
      <c r="C39" s="118">
        <v>3.922653418073216</v>
      </c>
      <c r="D39" s="119">
        <v>0.12845511432968781</v>
      </c>
    </row>
    <row r="40" spans="1:17">
      <c r="A40" s="55" t="s">
        <v>631</v>
      </c>
      <c r="B40" s="114">
        <v>56</v>
      </c>
      <c r="C40" s="115">
        <v>4.0925081281684736</v>
      </c>
      <c r="D40" s="116">
        <v>0.36272374156921311</v>
      </c>
    </row>
    <row r="41" spans="1:17">
      <c r="A41" s="47" t="s">
        <v>632</v>
      </c>
      <c r="B41" s="117">
        <v>328</v>
      </c>
      <c r="C41" s="118">
        <v>3.8731870643571571</v>
      </c>
      <c r="D41" s="119">
        <v>0.13681425012897902</v>
      </c>
    </row>
    <row r="42" spans="1:17">
      <c r="A42" s="55" t="s">
        <v>633</v>
      </c>
      <c r="B42" s="114">
        <v>656</v>
      </c>
      <c r="C42" s="115">
        <v>4.0772024416457802</v>
      </c>
      <c r="D42" s="116">
        <v>9.4281991291073883E-2</v>
      </c>
    </row>
    <row r="43" spans="1:17">
      <c r="A43" s="47" t="s">
        <v>634</v>
      </c>
      <c r="B43" s="117">
        <v>605</v>
      </c>
      <c r="C43" s="118">
        <v>3.9213365219610279</v>
      </c>
      <c r="D43" s="119">
        <v>0.10913179517224485</v>
      </c>
    </row>
    <row r="44" spans="1:17">
      <c r="A44" s="55" t="s">
        <v>635</v>
      </c>
      <c r="B44" s="114">
        <v>229</v>
      </c>
      <c r="C44" s="115">
        <v>3.7275808067719707</v>
      </c>
      <c r="D44" s="116">
        <v>0.17899441087990822</v>
      </c>
    </row>
    <row r="45" spans="1:17">
      <c r="A45" s="47" t="s">
        <v>636</v>
      </c>
      <c r="B45" s="117">
        <v>376</v>
      </c>
      <c r="C45" s="118">
        <v>4.0896585234063734</v>
      </c>
      <c r="D45" s="119">
        <v>0.13557374846958548</v>
      </c>
    </row>
    <row r="47" spans="1:17" ht="18.75">
      <c r="A47" s="343" t="s">
        <v>34</v>
      </c>
      <c r="B47" s="343"/>
      <c r="C47" s="343"/>
      <c r="D47" s="343"/>
      <c r="E47" s="343"/>
      <c r="F47" s="343"/>
      <c r="G47" s="343"/>
      <c r="H47" s="343"/>
      <c r="I47" s="343"/>
      <c r="J47" s="343"/>
      <c r="K47" s="343"/>
      <c r="L47" s="343"/>
      <c r="M47" s="343"/>
      <c r="N47" s="343"/>
      <c r="O47" s="343"/>
      <c r="P47" s="343"/>
      <c r="Q47" s="343"/>
    </row>
    <row r="48" spans="1:17" ht="58.5" customHeight="1">
      <c r="A48" s="383" t="s">
        <v>547</v>
      </c>
      <c r="B48" s="383"/>
      <c r="C48" s="383"/>
      <c r="D48" s="383"/>
      <c r="E48" s="383"/>
      <c r="F48" s="383"/>
      <c r="G48" s="383"/>
      <c r="H48" s="383"/>
      <c r="I48" s="383"/>
      <c r="J48" s="383"/>
      <c r="K48" s="383"/>
      <c r="L48" s="383"/>
      <c r="M48" s="383"/>
      <c r="N48" s="383"/>
      <c r="O48" s="383"/>
      <c r="P48" s="383"/>
      <c r="Q48" s="383"/>
    </row>
    <row r="49" spans="1:45" ht="39" customHeight="1">
      <c r="A49" s="107"/>
      <c r="B49" s="391" t="s">
        <v>106</v>
      </c>
      <c r="C49" s="379"/>
      <c r="D49" s="379"/>
      <c r="E49" s="379"/>
      <c r="F49" s="379"/>
      <c r="G49" s="379"/>
      <c r="H49" s="380"/>
      <c r="I49" s="375" t="s">
        <v>273</v>
      </c>
      <c r="J49" s="389"/>
      <c r="K49" s="389"/>
      <c r="L49" s="389"/>
      <c r="M49" s="389"/>
      <c r="N49" s="389"/>
      <c r="O49" s="389"/>
      <c r="P49" s="389"/>
      <c r="Q49" s="389"/>
      <c r="R49" s="297"/>
      <c r="S49" s="297"/>
      <c r="T49" s="297"/>
      <c r="U49" s="297"/>
      <c r="V49" s="297"/>
      <c r="W49" s="297"/>
      <c r="X49" s="297"/>
      <c r="Y49" s="297"/>
      <c r="Z49" s="297"/>
      <c r="AA49" s="297"/>
      <c r="AB49" s="297"/>
      <c r="AC49" s="297"/>
      <c r="AD49" s="297"/>
      <c r="AE49" s="297"/>
      <c r="AF49" s="297"/>
      <c r="AG49" s="297"/>
      <c r="AH49" s="297"/>
      <c r="AI49" s="297"/>
      <c r="AJ49" s="297"/>
      <c r="AK49" s="297"/>
      <c r="AL49" s="297"/>
      <c r="AM49" s="297"/>
      <c r="AN49" s="297"/>
      <c r="AO49" s="297"/>
      <c r="AP49" s="297"/>
      <c r="AQ49" s="297"/>
      <c r="AR49" s="297"/>
      <c r="AS49" s="297"/>
    </row>
    <row r="50" spans="1:45" ht="39.75" customHeight="1">
      <c r="A50" s="35" t="s">
        <v>70</v>
      </c>
      <c r="B50" s="36" t="s">
        <v>71</v>
      </c>
      <c r="C50" s="36" t="s">
        <v>173</v>
      </c>
      <c r="D50" s="87" t="s">
        <v>107</v>
      </c>
      <c r="E50" s="36" t="s">
        <v>186</v>
      </c>
      <c r="F50" s="87" t="s">
        <v>529</v>
      </c>
      <c r="G50" s="36" t="s">
        <v>188</v>
      </c>
      <c r="H50" s="87" t="s">
        <v>530</v>
      </c>
      <c r="I50" s="63" t="s">
        <v>71</v>
      </c>
      <c r="J50" s="63" t="s">
        <v>174</v>
      </c>
      <c r="K50" s="86" t="s">
        <v>108</v>
      </c>
      <c r="L50" s="63" t="s">
        <v>175</v>
      </c>
      <c r="M50" s="86" t="s">
        <v>109</v>
      </c>
      <c r="N50" s="63" t="s">
        <v>176</v>
      </c>
      <c r="O50" s="86" t="s">
        <v>110</v>
      </c>
      <c r="P50" s="63" t="s">
        <v>452</v>
      </c>
      <c r="Q50" s="86" t="s">
        <v>111</v>
      </c>
    </row>
    <row r="51" spans="1:45" ht="63" customHeight="1">
      <c r="A51" s="39"/>
      <c r="B51" s="40" t="s">
        <v>73</v>
      </c>
      <c r="C51" s="40" t="s">
        <v>185</v>
      </c>
      <c r="D51" s="89" t="s">
        <v>87</v>
      </c>
      <c r="E51" s="40" t="s">
        <v>187</v>
      </c>
      <c r="F51" s="89" t="s">
        <v>87</v>
      </c>
      <c r="G51" s="40" t="s">
        <v>189</v>
      </c>
      <c r="H51" s="89" t="s">
        <v>87</v>
      </c>
      <c r="I51" s="66" t="s">
        <v>73</v>
      </c>
      <c r="J51" s="66" t="s">
        <v>274</v>
      </c>
      <c r="K51" s="88" t="s">
        <v>87</v>
      </c>
      <c r="L51" s="66" t="s">
        <v>275</v>
      </c>
      <c r="M51" s="88" t="s">
        <v>87</v>
      </c>
      <c r="N51" s="66" t="s">
        <v>276</v>
      </c>
      <c r="O51" s="88" t="s">
        <v>87</v>
      </c>
      <c r="P51" s="66" t="s">
        <v>453</v>
      </c>
      <c r="Q51" s="88" t="s">
        <v>87</v>
      </c>
    </row>
    <row r="52" spans="1:45">
      <c r="A52" s="43" t="s">
        <v>348</v>
      </c>
      <c r="B52" s="120">
        <v>12826</v>
      </c>
      <c r="C52" s="121">
        <v>0.39013594225533765</v>
      </c>
      <c r="D52" s="92">
        <v>8.6128728508205275E-3</v>
      </c>
      <c r="E52" s="121">
        <v>0.39765529260872923</v>
      </c>
      <c r="F52" s="92">
        <v>8.6416867646339837E-3</v>
      </c>
      <c r="G52" s="121">
        <v>0.21220876513595732</v>
      </c>
      <c r="H52" s="92">
        <v>7.2205612906470363E-3</v>
      </c>
      <c r="I52" s="122">
        <v>13248</v>
      </c>
      <c r="J52" s="121">
        <v>8.6136148489609266E-2</v>
      </c>
      <c r="K52" s="92">
        <v>4.8776177899403084E-3</v>
      </c>
      <c r="L52" s="121">
        <v>0.36389344524439077</v>
      </c>
      <c r="M52" s="92">
        <v>8.358951838977384E-3</v>
      </c>
      <c r="N52" s="121">
        <v>0.41575309974401586</v>
      </c>
      <c r="O52" s="92">
        <v>8.5626672652034455E-3</v>
      </c>
      <c r="P52" s="121">
        <v>0.13421730652200231</v>
      </c>
      <c r="Q52" s="92">
        <v>5.9244610991499537E-3</v>
      </c>
    </row>
    <row r="53" spans="1:45">
      <c r="A53" s="47" t="s">
        <v>349</v>
      </c>
      <c r="B53" s="47">
        <v>9430</v>
      </c>
      <c r="C53" s="124">
        <v>0.4043696540164739</v>
      </c>
      <c r="D53" s="95">
        <v>1.0105707783584226E-2</v>
      </c>
      <c r="E53" s="124">
        <v>0.40056797631620755</v>
      </c>
      <c r="F53" s="95">
        <v>1.0090152347239631E-2</v>
      </c>
      <c r="G53" s="124">
        <v>0.19506236966732188</v>
      </c>
      <c r="H53" s="95">
        <v>8.161292155039029E-3</v>
      </c>
      <c r="I53" s="47">
        <v>9814</v>
      </c>
      <c r="J53" s="124">
        <v>9.1078975540440338E-2</v>
      </c>
      <c r="K53" s="95">
        <v>5.8122951467587669E-3</v>
      </c>
      <c r="L53" s="124">
        <v>0.35863998213530723</v>
      </c>
      <c r="M53" s="95">
        <v>9.6808645333178039E-3</v>
      </c>
      <c r="N53" s="124">
        <v>0.41783543704047538</v>
      </c>
      <c r="O53" s="95">
        <v>9.9551752429515861E-3</v>
      </c>
      <c r="P53" s="124">
        <v>0.13244560528377944</v>
      </c>
      <c r="Q53" s="95">
        <v>6.8453160618524248E-3</v>
      </c>
    </row>
    <row r="54" spans="1:45">
      <c r="A54" s="43" t="s">
        <v>350</v>
      </c>
      <c r="B54" s="51">
        <v>3396</v>
      </c>
      <c r="C54" s="121">
        <v>0.37826662069572459</v>
      </c>
      <c r="D54" s="92">
        <v>1.6635038574700226E-2</v>
      </c>
      <c r="E54" s="121">
        <v>0.39522644059136169</v>
      </c>
      <c r="F54" s="92">
        <v>1.6770012293092443E-2</v>
      </c>
      <c r="G54" s="121">
        <v>0.226506938712913</v>
      </c>
      <c r="H54" s="92">
        <v>1.4364066205567778E-2</v>
      </c>
      <c r="I54" s="51">
        <v>3434</v>
      </c>
      <c r="J54" s="121">
        <v>8.1964834065367226E-2</v>
      </c>
      <c r="K54" s="92">
        <v>9.3818858774779128E-3</v>
      </c>
      <c r="L54" s="121">
        <v>0.36832690937710238</v>
      </c>
      <c r="M54" s="92">
        <v>1.6454231396449841E-2</v>
      </c>
      <c r="N54" s="121">
        <v>0.41399578889506777</v>
      </c>
      <c r="O54" s="92">
        <v>1.6801218734391991E-2</v>
      </c>
      <c r="P54" s="121">
        <v>0.13571246766246228</v>
      </c>
      <c r="Q54" s="92">
        <v>1.1697327494316968E-2</v>
      </c>
    </row>
    <row r="55" spans="1:45">
      <c r="A55" s="47" t="s">
        <v>568</v>
      </c>
      <c r="B55" s="47">
        <v>10623</v>
      </c>
      <c r="C55" s="124">
        <v>0.39051149622197018</v>
      </c>
      <c r="D55" s="95">
        <v>9.4652602139483882E-3</v>
      </c>
      <c r="E55" s="124">
        <v>0.39763478475449204</v>
      </c>
      <c r="F55" s="95">
        <v>9.4951959650209482E-3</v>
      </c>
      <c r="G55" s="124">
        <v>0.21185371902356498</v>
      </c>
      <c r="H55" s="95">
        <v>7.9291634885388963E-3</v>
      </c>
      <c r="I55" s="47">
        <v>10914</v>
      </c>
      <c r="J55" s="124">
        <v>8.6418007796404558E-2</v>
      </c>
      <c r="K55" s="95">
        <v>5.3824342036670626E-3</v>
      </c>
      <c r="L55" s="124">
        <v>0.36461059289309838</v>
      </c>
      <c r="M55" s="95">
        <v>9.2130974179645501E-3</v>
      </c>
      <c r="N55" s="124">
        <v>0.41543458197499605</v>
      </c>
      <c r="O55" s="95">
        <v>9.4325913068096529E-3</v>
      </c>
      <c r="P55" s="124">
        <v>0.13353681733552342</v>
      </c>
      <c r="Q55" s="95">
        <v>6.5135624583850821E-3</v>
      </c>
    </row>
    <row r="56" spans="1:45">
      <c r="A56" s="43" t="s">
        <v>569</v>
      </c>
      <c r="B56" s="51">
        <v>2203</v>
      </c>
      <c r="C56" s="121">
        <v>0.3441680156648575</v>
      </c>
      <c r="D56" s="92">
        <v>2.0229957411592538E-2</v>
      </c>
      <c r="E56" s="121">
        <v>0.40016546057905811</v>
      </c>
      <c r="F56" s="92">
        <v>2.0859169632625497E-2</v>
      </c>
      <c r="G56" s="121">
        <v>0.25566652375608279</v>
      </c>
      <c r="H56" s="92">
        <v>1.8582155934965476E-2</v>
      </c>
      <c r="I56" s="51">
        <v>2334</v>
      </c>
      <c r="J56" s="121">
        <v>5.2329017793825636E-2</v>
      </c>
      <c r="K56" s="92">
        <v>9.2744349277685562E-3</v>
      </c>
      <c r="L56" s="121">
        <v>0.27787640162189503</v>
      </c>
      <c r="M56" s="92">
        <v>1.8536246917307195E-2</v>
      </c>
      <c r="N56" s="121">
        <v>0.45395716676136283</v>
      </c>
      <c r="O56" s="92">
        <v>2.0593723875912434E-2</v>
      </c>
      <c r="P56" s="121">
        <v>0.21583741382291399</v>
      </c>
      <c r="Q56" s="92">
        <v>1.7030525968879006E-2</v>
      </c>
    </row>
    <row r="57" spans="1:45">
      <c r="A57" s="47" t="s">
        <v>570</v>
      </c>
      <c r="B57" s="47">
        <v>555</v>
      </c>
      <c r="C57" s="124">
        <v>0.32837728375998859</v>
      </c>
      <c r="D57" s="95">
        <v>3.9763672561869842E-2</v>
      </c>
      <c r="E57" s="124">
        <v>0.38869879530078222</v>
      </c>
      <c r="F57" s="95">
        <v>4.1249595428914418E-2</v>
      </c>
      <c r="G57" s="124">
        <v>0.28292392093922819</v>
      </c>
      <c r="H57" s="95">
        <v>3.8164500276655709E-2</v>
      </c>
      <c r="I57" s="47">
        <v>596</v>
      </c>
      <c r="J57" s="124">
        <v>3.9526555683635348E-2</v>
      </c>
      <c r="K57" s="95">
        <v>1.6488769344013682E-2</v>
      </c>
      <c r="L57" s="124">
        <v>0.29150413571010986</v>
      </c>
      <c r="M57" s="95">
        <v>3.7157964561794758E-2</v>
      </c>
      <c r="N57" s="124">
        <v>0.44657507686671832</v>
      </c>
      <c r="O57" s="95">
        <v>4.0594228410181454E-2</v>
      </c>
      <c r="P57" s="124">
        <v>0.22239423173953651</v>
      </c>
      <c r="Q57" s="95">
        <v>3.4054774031781664E-2</v>
      </c>
    </row>
    <row r="58" spans="1:45">
      <c r="A58" s="43" t="s">
        <v>571</v>
      </c>
      <c r="B58" s="51">
        <v>1187</v>
      </c>
      <c r="C58" s="121">
        <v>0.35167319791041263</v>
      </c>
      <c r="D58" s="92">
        <v>2.7680963534673735E-2</v>
      </c>
      <c r="E58" s="121">
        <v>0.38787219651939575</v>
      </c>
      <c r="F58" s="92">
        <v>2.824337464243248E-2</v>
      </c>
      <c r="G58" s="121">
        <v>0.26045460557019334</v>
      </c>
      <c r="H58" s="92">
        <v>2.5459854253304052E-2</v>
      </c>
      <c r="I58" s="51">
        <v>1258</v>
      </c>
      <c r="J58" s="121">
        <v>3.8405028643628186E-2</v>
      </c>
      <c r="K58" s="92">
        <v>1.1014847034530572E-2</v>
      </c>
      <c r="L58" s="121">
        <v>0.2626679913835353</v>
      </c>
      <c r="M58" s="92">
        <v>2.4799034636534375E-2</v>
      </c>
      <c r="N58" s="121">
        <v>0.4879576155888834</v>
      </c>
      <c r="O58" s="92">
        <v>2.814136257987503E-2</v>
      </c>
      <c r="P58" s="121">
        <v>0.21096936438395555</v>
      </c>
      <c r="Q58" s="92">
        <v>2.3006236069742798E-2</v>
      </c>
    </row>
    <row r="59" spans="1:45">
      <c r="A59" s="47" t="s">
        <v>582</v>
      </c>
      <c r="B59" s="47">
        <v>802</v>
      </c>
      <c r="C59" s="124">
        <v>0.33555682389568892</v>
      </c>
      <c r="D59" s="95">
        <v>3.3283963484387981E-2</v>
      </c>
      <c r="E59" s="124">
        <v>0.40777972760870235</v>
      </c>
      <c r="F59" s="95">
        <v>3.4625226721441901E-2</v>
      </c>
      <c r="G59" s="124">
        <v>0.2566634484956099</v>
      </c>
      <c r="H59" s="95">
        <v>3.0817930331137756E-2</v>
      </c>
      <c r="I59" s="47">
        <v>857</v>
      </c>
      <c r="J59" s="124">
        <v>7.4696125705684471E-2</v>
      </c>
      <c r="K59" s="95">
        <v>1.8135301570888843E-2</v>
      </c>
      <c r="L59" s="124">
        <v>0.29141398077738395</v>
      </c>
      <c r="M59" s="95">
        <v>3.1002992643053347E-2</v>
      </c>
      <c r="N59" s="124">
        <v>0.4276488219002878</v>
      </c>
      <c r="O59" s="95">
        <v>3.372456807081535E-2</v>
      </c>
      <c r="P59" s="124">
        <v>0.2062410716166462</v>
      </c>
      <c r="Q59" s="95">
        <v>2.7645140996903645E-2</v>
      </c>
    </row>
    <row r="60" spans="1:45">
      <c r="A60" s="43" t="s">
        <v>583</v>
      </c>
      <c r="B60" s="51">
        <v>1401</v>
      </c>
      <c r="C60" s="121">
        <v>0.347651878909287</v>
      </c>
      <c r="D60" s="92">
        <v>2.5417343151596768E-2</v>
      </c>
      <c r="E60" s="121">
        <v>0.39708492704213155</v>
      </c>
      <c r="F60" s="92">
        <v>2.611056204686148E-2</v>
      </c>
      <c r="G60" s="121">
        <v>0.25526319404858233</v>
      </c>
      <c r="H60" s="92">
        <v>2.328498703917543E-2</v>
      </c>
      <c r="I60" s="51">
        <v>1477</v>
      </c>
      <c r="J60" s="121">
        <v>4.3228163763680418E-2</v>
      </c>
      <c r="K60" s="92">
        <v>1.0711992015620068E-2</v>
      </c>
      <c r="L60" s="121">
        <v>0.27236815566085598</v>
      </c>
      <c r="M60" s="92">
        <v>2.3152214181295098E-2</v>
      </c>
      <c r="N60" s="121">
        <v>0.46466165333597664</v>
      </c>
      <c r="O60" s="92">
        <v>2.592035470925878E-2</v>
      </c>
      <c r="P60" s="121">
        <v>0.2197420272394871</v>
      </c>
      <c r="Q60" s="92">
        <v>2.1545872994228242E-2</v>
      </c>
    </row>
    <row r="61" spans="1:45">
      <c r="A61" s="47" t="s">
        <v>572</v>
      </c>
      <c r="B61" s="47">
        <v>289</v>
      </c>
      <c r="C61" s="124">
        <v>0.35618542730519848</v>
      </c>
      <c r="D61" s="95">
        <v>5.6020258093990326E-2</v>
      </c>
      <c r="E61" s="124">
        <v>0.43694376814003399</v>
      </c>
      <c r="F61" s="95">
        <v>5.7966888597900557E-2</v>
      </c>
      <c r="G61" s="124">
        <v>0.20687080455476747</v>
      </c>
      <c r="H61" s="95">
        <v>4.7662827187718158E-2</v>
      </c>
      <c r="I61" s="47">
        <v>293</v>
      </c>
      <c r="J61" s="124">
        <v>0.10717270334845702</v>
      </c>
      <c r="K61" s="95">
        <v>3.6664887252163852E-2</v>
      </c>
      <c r="L61" s="124">
        <v>0.2933842638433915</v>
      </c>
      <c r="M61" s="95">
        <v>5.2985239645301108E-2</v>
      </c>
      <c r="N61" s="124">
        <v>0.37704112433074505</v>
      </c>
      <c r="O61" s="95">
        <v>5.6292360356915316E-2</v>
      </c>
      <c r="P61" s="124">
        <v>0.22240190847740623</v>
      </c>
      <c r="Q61" s="95">
        <v>4.8548081737091194E-2</v>
      </c>
    </row>
    <row r="62" spans="1:45">
      <c r="A62" s="43" t="s">
        <v>573</v>
      </c>
      <c r="B62" s="120">
        <v>430</v>
      </c>
      <c r="C62" s="121">
        <v>0.22488789683345334</v>
      </c>
      <c r="D62" s="92">
        <v>4.024144268025006E-2</v>
      </c>
      <c r="E62" s="121">
        <v>0.45356151987839788</v>
      </c>
      <c r="F62" s="92">
        <v>4.7797868965683464E-2</v>
      </c>
      <c r="G62" s="121">
        <v>0.32155058328814978</v>
      </c>
      <c r="H62" s="92">
        <v>4.4900308458129576E-2</v>
      </c>
      <c r="I62" s="122">
        <v>446</v>
      </c>
      <c r="J62" s="121">
        <v>5.9617102911476393E-2</v>
      </c>
      <c r="K62" s="92">
        <v>2.2996685968674553E-2</v>
      </c>
      <c r="L62" s="121">
        <v>0.33396889431414967</v>
      </c>
      <c r="M62" s="92">
        <v>4.4514323479458301E-2</v>
      </c>
      <c r="N62" s="121">
        <v>0.43589802138426242</v>
      </c>
      <c r="O62" s="92">
        <v>4.6758353900448614E-2</v>
      </c>
      <c r="P62" s="121">
        <v>0.17051598139011293</v>
      </c>
      <c r="Q62" s="92">
        <v>3.5697700451819053E-2</v>
      </c>
    </row>
    <row r="63" spans="1:45">
      <c r="A63" s="47" t="s">
        <v>574</v>
      </c>
      <c r="B63" s="123">
        <v>631</v>
      </c>
      <c r="C63" s="124">
        <v>0.30410555693600938</v>
      </c>
      <c r="D63" s="95">
        <v>3.6552824845048369E-2</v>
      </c>
      <c r="E63" s="124">
        <v>0.38134203101216657</v>
      </c>
      <c r="F63" s="95">
        <v>3.8564567796409724E-2</v>
      </c>
      <c r="G63" s="124">
        <v>0.31455241205182227</v>
      </c>
      <c r="H63" s="95">
        <v>3.6890226391853471E-2</v>
      </c>
      <c r="I63" s="125">
        <v>667</v>
      </c>
      <c r="J63" s="124">
        <v>3.7325759969195967E-2</v>
      </c>
      <c r="K63" s="95">
        <v>1.5145033644670406E-2</v>
      </c>
      <c r="L63" s="124">
        <v>0.27239662006121107</v>
      </c>
      <c r="M63" s="95">
        <v>3.4426316966227333E-2</v>
      </c>
      <c r="N63" s="124">
        <v>0.47895527865849608</v>
      </c>
      <c r="O63" s="95">
        <v>3.8570769084409429E-2</v>
      </c>
      <c r="P63" s="124">
        <v>0.21132234131109495</v>
      </c>
      <c r="Q63" s="95">
        <v>3.1613897158890139E-2</v>
      </c>
    </row>
    <row r="64" spans="1:45">
      <c r="A64" s="43" t="s">
        <v>575</v>
      </c>
      <c r="B64" s="81">
        <v>828</v>
      </c>
      <c r="C64" s="96">
        <v>0.4391087001391536</v>
      </c>
      <c r="D64" s="92">
        <v>3.4413200127472787E-2</v>
      </c>
      <c r="E64" s="96">
        <v>0.36001381460300069</v>
      </c>
      <c r="F64" s="92">
        <v>3.3295864788721062E-2</v>
      </c>
      <c r="G64" s="96">
        <v>0.20087748525784174</v>
      </c>
      <c r="H64" s="92">
        <v>2.7854703949382456E-2</v>
      </c>
      <c r="I64" s="81">
        <v>902</v>
      </c>
      <c r="J64" s="96">
        <v>1.9218142653293836E-2</v>
      </c>
      <c r="K64" s="92">
        <v>9.6025590135683583E-3</v>
      </c>
      <c r="L64" s="96">
        <v>0.23106100974577093</v>
      </c>
      <c r="M64" s="92">
        <v>2.80577352649693E-2</v>
      </c>
      <c r="N64" s="96">
        <v>0.51157705832773492</v>
      </c>
      <c r="O64" s="92">
        <v>3.3213946416513526E-2</v>
      </c>
      <c r="P64" s="96">
        <v>0.23814378927319668</v>
      </c>
      <c r="Q64" s="92">
        <v>2.8349400814052669E-2</v>
      </c>
    </row>
    <row r="65" spans="1:17">
      <c r="A65" s="47" t="s">
        <v>576</v>
      </c>
      <c r="B65" s="123">
        <v>713</v>
      </c>
      <c r="C65" s="124">
        <v>0.32450551724446675</v>
      </c>
      <c r="D65" s="95">
        <v>3.4997060110264794E-2</v>
      </c>
      <c r="E65" s="124">
        <v>0.37745979440587746</v>
      </c>
      <c r="F65" s="95">
        <v>3.6219613289624926E-2</v>
      </c>
      <c r="G65" s="124">
        <v>0.29803468834965519</v>
      </c>
      <c r="H65" s="95">
        <v>3.4200480539191877E-2</v>
      </c>
      <c r="I65" s="125">
        <v>742</v>
      </c>
      <c r="J65" s="124">
        <v>4.1328626039728429E-2</v>
      </c>
      <c r="K65" s="95">
        <v>1.4983565958822815E-2</v>
      </c>
      <c r="L65" s="124">
        <v>0.28579128337416526</v>
      </c>
      <c r="M65" s="95">
        <v>3.3122194341014356E-2</v>
      </c>
      <c r="N65" s="124">
        <v>0.43520745861099092</v>
      </c>
      <c r="O65" s="95">
        <v>3.630721059549627E-2</v>
      </c>
      <c r="P65" s="124">
        <v>0.23767263197511515</v>
      </c>
      <c r="Q65" s="95">
        <v>3.1232102042915721E-2</v>
      </c>
    </row>
    <row r="66" spans="1:17">
      <c r="A66" s="55" t="s">
        <v>577</v>
      </c>
      <c r="B66" s="120">
        <v>699</v>
      </c>
      <c r="C66" s="121">
        <v>0.33149946114005069</v>
      </c>
      <c r="D66" s="92">
        <v>3.5535308861971357E-2</v>
      </c>
      <c r="E66" s="121">
        <v>0.41078447631626036</v>
      </c>
      <c r="F66" s="92">
        <v>3.7117391655023375E-2</v>
      </c>
      <c r="G66" s="121">
        <v>0.25771606254368551</v>
      </c>
      <c r="H66" s="92">
        <v>3.3049349250475785E-2</v>
      </c>
      <c r="I66" s="122">
        <v>748</v>
      </c>
      <c r="J66" s="121">
        <v>3.3640597090324513E-2</v>
      </c>
      <c r="K66" s="92">
        <v>1.360860350434996E-2</v>
      </c>
      <c r="L66" s="121">
        <v>0.25301972971434117</v>
      </c>
      <c r="M66" s="92">
        <v>3.1761071821387897E-2</v>
      </c>
      <c r="N66" s="121">
        <v>0.49539252001897266</v>
      </c>
      <c r="O66" s="92">
        <v>3.6464715994897916E-2</v>
      </c>
      <c r="P66" s="121">
        <v>0.21794715317635849</v>
      </c>
      <c r="Q66" s="92">
        <v>3.0184737747808939E-2</v>
      </c>
    </row>
    <row r="67" spans="1:17">
      <c r="A67" s="47" t="s">
        <v>578</v>
      </c>
      <c r="B67" s="123">
        <v>242</v>
      </c>
      <c r="C67" s="124">
        <v>0.39632592175313486</v>
      </c>
      <c r="D67" s="95">
        <v>6.241721442828764E-2</v>
      </c>
      <c r="E67" s="124">
        <v>0.43100830709045596</v>
      </c>
      <c r="F67" s="95">
        <v>6.3167563950288524E-2</v>
      </c>
      <c r="G67" s="124">
        <v>0.17266577115640935</v>
      </c>
      <c r="H67" s="95">
        <v>4.8774985509047034E-2</v>
      </c>
      <c r="I67" s="125">
        <v>258</v>
      </c>
      <c r="J67" s="124">
        <v>8.6942145157927073E-2</v>
      </c>
      <c r="K67" s="95">
        <v>3.5928919028657733E-2</v>
      </c>
      <c r="L67" s="124">
        <v>0.33688899215050711</v>
      </c>
      <c r="M67" s="95">
        <v>5.8505688422747303E-2</v>
      </c>
      <c r="N67" s="124">
        <v>0.41447187284561643</v>
      </c>
      <c r="O67" s="95">
        <v>6.0897435367540616E-2</v>
      </c>
      <c r="P67" s="124">
        <v>0.16169698984594949</v>
      </c>
      <c r="Q67" s="95">
        <v>4.6069814349378339E-2</v>
      </c>
    </row>
    <row r="68" spans="1:17">
      <c r="A68" s="55" t="s">
        <v>579</v>
      </c>
      <c r="B68" s="120">
        <v>206</v>
      </c>
      <c r="C68" s="121">
        <v>0.35206480238482885</v>
      </c>
      <c r="D68" s="92">
        <v>6.6036201437582834E-2</v>
      </c>
      <c r="E68" s="121">
        <v>0.45241856667683178</v>
      </c>
      <c r="F68" s="92">
        <v>6.8705227241944736E-2</v>
      </c>
      <c r="G68" s="121">
        <v>0.19551663093833999</v>
      </c>
      <c r="H68" s="92">
        <v>5.5341030298663448E-2</v>
      </c>
      <c r="I68" s="122">
        <v>220</v>
      </c>
      <c r="J68" s="121">
        <v>5.3106133103450297E-2</v>
      </c>
      <c r="K68" s="92">
        <v>3.2003022964448076E-2</v>
      </c>
      <c r="L68" s="121">
        <v>0.27629470498410574</v>
      </c>
      <c r="M68" s="92">
        <v>6.0018936130451124E-2</v>
      </c>
      <c r="N68" s="121">
        <v>0.47660318063536045</v>
      </c>
      <c r="O68" s="92">
        <v>6.6744711492603831E-2</v>
      </c>
      <c r="P68" s="121">
        <v>0.19399598127708373</v>
      </c>
      <c r="Q68" s="92">
        <v>5.3398085843553267E-2</v>
      </c>
    </row>
    <row r="69" spans="1:17">
      <c r="A69" s="47" t="s">
        <v>580</v>
      </c>
      <c r="B69" s="123">
        <v>202</v>
      </c>
      <c r="C69" s="124">
        <v>0.33938647969166091</v>
      </c>
      <c r="D69" s="95">
        <v>6.6126590050454181E-2</v>
      </c>
      <c r="E69" s="124">
        <v>0.34032016338993004</v>
      </c>
      <c r="F69" s="95">
        <v>6.616879506766643E-2</v>
      </c>
      <c r="G69" s="124">
        <v>0.32029335691840882</v>
      </c>
      <c r="H69" s="95">
        <v>6.5202820333904579E-2</v>
      </c>
      <c r="I69" s="125">
        <v>218</v>
      </c>
      <c r="J69" s="124">
        <v>9.4005519218813324E-2</v>
      </c>
      <c r="K69" s="95">
        <v>4.0504664113552781E-2</v>
      </c>
      <c r="L69" s="124">
        <v>0.21388205439782773</v>
      </c>
      <c r="M69" s="95">
        <v>5.5517220700154225E-2</v>
      </c>
      <c r="N69" s="124">
        <v>0.44030257920689209</v>
      </c>
      <c r="O69" s="95">
        <v>6.6652721814191795E-2</v>
      </c>
      <c r="P69" s="124">
        <v>0.25180984717646693</v>
      </c>
      <c r="Q69" s="95">
        <v>5.8602556693396167E-2</v>
      </c>
    </row>
    <row r="70" spans="1:17">
      <c r="A70" s="55" t="s">
        <v>581</v>
      </c>
      <c r="B70" s="120">
        <v>113</v>
      </c>
      <c r="C70" s="121">
        <v>0.3900482710980363</v>
      </c>
      <c r="D70" s="92">
        <v>9.0340876104090986E-2</v>
      </c>
      <c r="E70" s="121">
        <v>0.40228954224909608</v>
      </c>
      <c r="F70" s="92">
        <v>9.0788439425122852E-2</v>
      </c>
      <c r="G70" s="121">
        <v>0.20766218665286762</v>
      </c>
      <c r="H70" s="92">
        <v>7.6299506128278724E-2</v>
      </c>
      <c r="I70" s="122">
        <v>119</v>
      </c>
      <c r="J70" s="121">
        <v>6.4386046212674172E-2</v>
      </c>
      <c r="K70" s="92">
        <v>4.8516825139092126E-2</v>
      </c>
      <c r="L70" s="121">
        <v>0.27940550536774406</v>
      </c>
      <c r="M70" s="92">
        <v>8.1540375376840488E-2</v>
      </c>
      <c r="N70" s="121">
        <v>0.48426356444459606</v>
      </c>
      <c r="O70" s="92">
        <v>9.0125154005094479E-2</v>
      </c>
      <c r="P70" s="121">
        <v>0.17194488397498642</v>
      </c>
      <c r="Q70" s="92">
        <v>6.9671869719532764E-2</v>
      </c>
    </row>
    <row r="71" spans="1:17">
      <c r="A71" s="47" t="s">
        <v>584</v>
      </c>
      <c r="B71" s="123">
        <v>115</v>
      </c>
      <c r="C71" s="124">
        <v>0.34081147702261566</v>
      </c>
      <c r="D71" s="95">
        <v>8.7223074963134403E-2</v>
      </c>
      <c r="E71" s="124">
        <v>0.44134208610304482</v>
      </c>
      <c r="F71" s="95">
        <v>9.1078813878322173E-2</v>
      </c>
      <c r="G71" s="124">
        <v>0.21784643687433952</v>
      </c>
      <c r="H71" s="95">
        <v>7.683910790654648E-2</v>
      </c>
      <c r="I71" s="125">
        <v>114</v>
      </c>
      <c r="J71" s="124">
        <v>9.706034518101786E-2</v>
      </c>
      <c r="K71" s="95">
        <v>5.7772361428358857E-2</v>
      </c>
      <c r="L71" s="124">
        <v>0.28753240023130217</v>
      </c>
      <c r="M71" s="95">
        <v>8.3942303273943697E-2</v>
      </c>
      <c r="N71" s="124">
        <v>0.36909917070100007</v>
      </c>
      <c r="O71" s="95">
        <v>8.9064246448728179E-2</v>
      </c>
      <c r="P71" s="124">
        <v>0.24630808388668005</v>
      </c>
      <c r="Q71" s="95">
        <v>8.0239011250545569E-2</v>
      </c>
    </row>
    <row r="72" spans="1:17">
      <c r="A72" s="55" t="s">
        <v>585</v>
      </c>
      <c r="B72" s="120">
        <v>2088</v>
      </c>
      <c r="C72" s="121">
        <v>0.34480616651517559</v>
      </c>
      <c r="D72" s="92">
        <v>2.0787870126863478E-2</v>
      </c>
      <c r="E72" s="121">
        <v>0.39233689031900271</v>
      </c>
      <c r="F72" s="92">
        <v>2.1352586760987585E-2</v>
      </c>
      <c r="G72" s="121">
        <v>0.26285694316581887</v>
      </c>
      <c r="H72" s="92">
        <v>1.9258631190326246E-2</v>
      </c>
      <c r="I72" s="122">
        <v>2220</v>
      </c>
      <c r="J72" s="121">
        <v>4.455937116306119E-2</v>
      </c>
      <c r="K72" s="92">
        <v>8.8268006607569345E-3</v>
      </c>
      <c r="L72" s="121">
        <v>0.27619919458502695</v>
      </c>
      <c r="M72" s="92">
        <v>1.8970499903383339E-2</v>
      </c>
      <c r="N72" s="121">
        <v>0.46869664984168335</v>
      </c>
      <c r="O72" s="92">
        <v>2.116327507932474E-2</v>
      </c>
      <c r="P72" s="121">
        <v>0.21054478441022489</v>
      </c>
      <c r="Q72" s="92">
        <v>1.7305797547776093E-2</v>
      </c>
    </row>
    <row r="73" spans="1:17">
      <c r="A73" s="47" t="s">
        <v>620</v>
      </c>
      <c r="B73" s="123">
        <v>149</v>
      </c>
      <c r="C73" s="124">
        <v>0.44141607549104256</v>
      </c>
      <c r="D73" s="95">
        <v>8.0317187041898011E-2</v>
      </c>
      <c r="E73" s="124">
        <v>0.36653849441127961</v>
      </c>
      <c r="F73" s="95">
        <v>7.806603490971209E-2</v>
      </c>
      <c r="G73" s="124">
        <v>0.19204543009767819</v>
      </c>
      <c r="H73" s="95">
        <v>6.4687869711863813E-2</v>
      </c>
      <c r="I73" s="125">
        <v>154</v>
      </c>
      <c r="J73" s="124">
        <v>6.6311283853538447E-2</v>
      </c>
      <c r="K73" s="95">
        <v>4.2491067045054169E-2</v>
      </c>
      <c r="L73" s="124">
        <v>0.35019864797584094</v>
      </c>
      <c r="M73" s="95">
        <v>7.6088123027783644E-2</v>
      </c>
      <c r="N73" s="124">
        <v>0.38805032967325082</v>
      </c>
      <c r="O73" s="95">
        <v>7.7638207894725253E-2</v>
      </c>
      <c r="P73" s="124">
        <v>0.19543973849737017</v>
      </c>
      <c r="Q73" s="95">
        <v>6.401743267960236E-2</v>
      </c>
    </row>
    <row r="74" spans="1:17">
      <c r="A74" s="55" t="s">
        <v>621</v>
      </c>
      <c r="B74" s="120">
        <v>146</v>
      </c>
      <c r="C74" s="121">
        <v>0.30191975838826485</v>
      </c>
      <c r="D74" s="92">
        <v>7.5335497065444193E-2</v>
      </c>
      <c r="E74" s="121">
        <v>0.37970361654771378</v>
      </c>
      <c r="F74" s="92">
        <v>7.937930677050381E-2</v>
      </c>
      <c r="G74" s="121">
        <v>0.31837662506402209</v>
      </c>
      <c r="H74" s="92">
        <v>7.637605236711742E-2</v>
      </c>
      <c r="I74" s="122">
        <v>158</v>
      </c>
      <c r="J74" s="121">
        <v>8.9652631213461165E-3</v>
      </c>
      <c r="K74" s="92">
        <v>2.2577606806175179E-2</v>
      </c>
      <c r="L74" s="121">
        <v>0.27147591909874058</v>
      </c>
      <c r="M74" s="92">
        <v>7.0329705374792814E-2</v>
      </c>
      <c r="N74" s="121">
        <v>0.49523564302471795</v>
      </c>
      <c r="O74" s="92">
        <v>7.8564027204188563E-2</v>
      </c>
      <c r="P74" s="121">
        <v>0.22432317475519636</v>
      </c>
      <c r="Q74" s="92">
        <v>6.6241035442604776E-2</v>
      </c>
    </row>
    <row r="75" spans="1:17">
      <c r="A75" s="47" t="s">
        <v>622</v>
      </c>
      <c r="B75" s="123">
        <v>919</v>
      </c>
      <c r="C75" s="124">
        <v>0.327304916249755</v>
      </c>
      <c r="D75" s="95">
        <v>3.0907848257061655E-2</v>
      </c>
      <c r="E75" s="124">
        <v>0.41579451051884947</v>
      </c>
      <c r="F75" s="95">
        <v>3.2449361102911578E-2</v>
      </c>
      <c r="G75" s="124">
        <v>0.2569005732313957</v>
      </c>
      <c r="H75" s="95">
        <v>2.8801542209177213E-2</v>
      </c>
      <c r="I75" s="125">
        <v>981</v>
      </c>
      <c r="J75" s="124">
        <v>3.6928355785226845E-2</v>
      </c>
      <c r="K75" s="95">
        <v>1.230784867019424E-2</v>
      </c>
      <c r="L75" s="124">
        <v>0.24529512760037053</v>
      </c>
      <c r="M75" s="95">
        <v>2.745748966866875E-2</v>
      </c>
      <c r="N75" s="124">
        <v>0.5254209856714166</v>
      </c>
      <c r="O75" s="95">
        <v>3.1821775985735684E-2</v>
      </c>
      <c r="P75" s="124">
        <v>0.19235553094298707</v>
      </c>
      <c r="Q75" s="95">
        <v>2.5179317206376617E-2</v>
      </c>
    </row>
    <row r="76" spans="1:17">
      <c r="A76" s="55" t="s">
        <v>623</v>
      </c>
      <c r="B76" s="120">
        <v>284</v>
      </c>
      <c r="C76" s="121">
        <v>0.32705097468652894</v>
      </c>
      <c r="D76" s="92">
        <v>5.5391753292611763E-2</v>
      </c>
      <c r="E76" s="121">
        <v>0.32683868827339574</v>
      </c>
      <c r="F76" s="92">
        <v>5.5382795190903999E-2</v>
      </c>
      <c r="G76" s="121">
        <v>0.34611033704007554</v>
      </c>
      <c r="H76" s="92">
        <v>5.6146044367302535E-2</v>
      </c>
      <c r="I76" s="122">
        <v>295</v>
      </c>
      <c r="J76" s="121">
        <v>3.7226072058227373E-2</v>
      </c>
      <c r="K76" s="92">
        <v>2.3571421199781943E-2</v>
      </c>
      <c r="L76" s="121">
        <v>0.27812620979432201</v>
      </c>
      <c r="M76" s="92">
        <v>5.1994384504842124E-2</v>
      </c>
      <c r="N76" s="121">
        <v>0.4050169487188448</v>
      </c>
      <c r="O76" s="92">
        <v>5.680665922266815E-2</v>
      </c>
      <c r="P76" s="121">
        <v>0.27963076942860615</v>
      </c>
      <c r="Q76" s="92">
        <v>5.2077642670456996E-2</v>
      </c>
    </row>
    <row r="77" spans="1:17">
      <c r="A77" s="47" t="s">
        <v>624</v>
      </c>
      <c r="B77" s="123">
        <v>294</v>
      </c>
      <c r="C77" s="124">
        <v>0.34042302794648754</v>
      </c>
      <c r="D77" s="95">
        <v>5.4981903185497942E-2</v>
      </c>
      <c r="E77" s="124">
        <v>0.37154796077738539</v>
      </c>
      <c r="F77" s="95">
        <v>5.6036906802513879E-2</v>
      </c>
      <c r="G77" s="124">
        <v>0.2880290112761284</v>
      </c>
      <c r="H77" s="95">
        <v>5.2618217765144845E-2</v>
      </c>
      <c r="I77" s="125">
        <v>316</v>
      </c>
      <c r="J77" s="124">
        <v>4.2792865199623067E-2</v>
      </c>
      <c r="K77" s="95">
        <v>2.4019505809353848E-2</v>
      </c>
      <c r="L77" s="124">
        <v>0.27832273019810072</v>
      </c>
      <c r="M77" s="95">
        <v>5.0259331235599905E-2</v>
      </c>
      <c r="N77" s="124">
        <v>0.45787824337391647</v>
      </c>
      <c r="O77" s="95">
        <v>5.5707925429521764E-2</v>
      </c>
      <c r="P77" s="124">
        <v>0.22100616122836098</v>
      </c>
      <c r="Q77" s="95">
        <v>4.664978762816132E-2</v>
      </c>
    </row>
    <row r="78" spans="1:17">
      <c r="A78" s="55" t="s">
        <v>625</v>
      </c>
      <c r="B78" s="120">
        <v>1118</v>
      </c>
      <c r="C78" s="121">
        <v>0.34253443528483574</v>
      </c>
      <c r="D78" s="92">
        <v>2.8346033126062351E-2</v>
      </c>
      <c r="E78" s="121">
        <v>0.39615457038357055</v>
      </c>
      <c r="F78" s="92">
        <v>2.9207773734482176E-2</v>
      </c>
      <c r="G78" s="121">
        <v>0.26131099433159349</v>
      </c>
      <c r="H78" s="92">
        <v>2.626025341473031E-2</v>
      </c>
      <c r="I78" s="122">
        <v>1177</v>
      </c>
      <c r="J78" s="121">
        <v>5.5880123914337387E-2</v>
      </c>
      <c r="K78" s="92">
        <v>1.3535336855307967E-2</v>
      </c>
      <c r="L78" s="121">
        <v>0.27689293658870023</v>
      </c>
      <c r="M78" s="92">
        <v>2.6063158556037382E-2</v>
      </c>
      <c r="N78" s="121">
        <v>0.45442336230242475</v>
      </c>
      <c r="O78" s="92">
        <v>2.8978477064242589E-2</v>
      </c>
      <c r="P78" s="121">
        <v>0.21280357719453805</v>
      </c>
      <c r="Q78" s="92">
        <v>2.3859310580849304E-2</v>
      </c>
    </row>
    <row r="79" spans="1:17">
      <c r="A79" s="47" t="s">
        <v>626</v>
      </c>
      <c r="B79" s="123">
        <v>1084</v>
      </c>
      <c r="C79" s="124">
        <v>0.34933553365978115</v>
      </c>
      <c r="D79" s="95">
        <v>2.8918421128881527E-2</v>
      </c>
      <c r="E79" s="124">
        <v>0.40518530580303364</v>
      </c>
      <c r="F79" s="95">
        <v>2.9770948748776688E-2</v>
      </c>
      <c r="G79" s="124">
        <v>0.24547916053718599</v>
      </c>
      <c r="H79" s="95">
        <v>2.6128542294961615E-2</v>
      </c>
      <c r="I79" s="125">
        <v>1156</v>
      </c>
      <c r="J79" s="124">
        <v>4.5489403953478218E-2</v>
      </c>
      <c r="K79" s="95">
        <v>1.2434982711769633E-2</v>
      </c>
      <c r="L79" s="124">
        <v>0.28123999831487712</v>
      </c>
      <c r="M79" s="95">
        <v>2.6423182975447091E-2</v>
      </c>
      <c r="N79" s="124">
        <v>0.45530622996176745</v>
      </c>
      <c r="O79" s="95">
        <v>2.9244287344185785E-2</v>
      </c>
      <c r="P79" s="124">
        <v>0.21796436776987835</v>
      </c>
      <c r="Q79" s="95">
        <v>2.4283067487175573E-2</v>
      </c>
    </row>
    <row r="80" spans="1:17">
      <c r="A80" s="55" t="s">
        <v>627</v>
      </c>
      <c r="B80" s="120">
        <v>326</v>
      </c>
      <c r="C80" s="121">
        <v>0.3948779707322374</v>
      </c>
      <c r="D80" s="92">
        <v>5.3847779807225896E-2</v>
      </c>
      <c r="E80" s="121">
        <v>0.34573970129521397</v>
      </c>
      <c r="F80" s="92">
        <v>5.2429131683489741E-2</v>
      </c>
      <c r="G80" s="121">
        <v>0.2593823279725459</v>
      </c>
      <c r="H80" s="92">
        <v>4.8429666568333647E-2</v>
      </c>
      <c r="I80" s="122">
        <v>343</v>
      </c>
      <c r="J80" s="121">
        <v>5.880218314247436E-2</v>
      </c>
      <c r="K80" s="92">
        <v>2.6256626593292691E-2</v>
      </c>
      <c r="L80" s="121">
        <v>0.28981668500340652</v>
      </c>
      <c r="M80" s="92">
        <v>4.8829007576721643E-2</v>
      </c>
      <c r="N80" s="121">
        <v>0.44647999062679988</v>
      </c>
      <c r="O80" s="92">
        <v>5.3381479137398803E-2</v>
      </c>
      <c r="P80" s="121">
        <v>0.20490114122731629</v>
      </c>
      <c r="Q80" s="92">
        <v>4.3600594458288358E-2</v>
      </c>
    </row>
    <row r="81" spans="1:17">
      <c r="A81" s="47" t="s">
        <v>628</v>
      </c>
      <c r="B81" s="123">
        <v>758</v>
      </c>
      <c r="C81" s="124">
        <v>0.32139447628333451</v>
      </c>
      <c r="D81" s="95">
        <v>3.3862009256955185E-2</v>
      </c>
      <c r="E81" s="124">
        <v>0.4416561921477386</v>
      </c>
      <c r="F81" s="95">
        <v>3.598130484372087E-2</v>
      </c>
      <c r="G81" s="124">
        <v>0.23694933156892728</v>
      </c>
      <c r="H81" s="95">
        <v>3.08692018938851E-2</v>
      </c>
      <c r="I81" s="125">
        <v>813</v>
      </c>
      <c r="J81" s="124">
        <v>3.7404035017351407E-2</v>
      </c>
      <c r="K81" s="95">
        <v>1.3656973715043791E-2</v>
      </c>
      <c r="L81" s="124">
        <v>0.27603104268345985</v>
      </c>
      <c r="M81" s="95">
        <v>3.1317686514042868E-2</v>
      </c>
      <c r="N81" s="124">
        <v>0.46066674862797713</v>
      </c>
      <c r="O81" s="95">
        <v>3.4878211425079277E-2</v>
      </c>
      <c r="P81" s="124">
        <v>0.22589817367121237</v>
      </c>
      <c r="Q81" s="95">
        <v>2.9321338132325122E-2</v>
      </c>
    </row>
    <row r="82" spans="1:17">
      <c r="A82" s="55" t="s">
        <v>629</v>
      </c>
      <c r="B82" s="120">
        <v>200</v>
      </c>
      <c r="C82" s="121">
        <v>0.30249686847964752</v>
      </c>
      <c r="D82" s="92">
        <v>6.4550819210665328E-2</v>
      </c>
      <c r="E82" s="121">
        <v>0.37137621969260914</v>
      </c>
      <c r="F82" s="92">
        <v>6.7750747019573732E-2</v>
      </c>
      <c r="G82" s="121">
        <v>0.32612691182774356</v>
      </c>
      <c r="H82" s="92">
        <v>6.5819433452598247E-2</v>
      </c>
      <c r="I82" s="122">
        <v>214</v>
      </c>
      <c r="J82" s="121">
        <v>3.5757443609100763E-2</v>
      </c>
      <c r="K82" s="92">
        <v>2.7864456320648393E-2</v>
      </c>
      <c r="L82" s="121">
        <v>0.30182723469529937</v>
      </c>
      <c r="M82" s="92">
        <v>6.2392001927715067E-2</v>
      </c>
      <c r="N82" s="121">
        <v>0.42457182300608942</v>
      </c>
      <c r="O82" s="92">
        <v>6.6981780397471852E-2</v>
      </c>
      <c r="P82" s="121">
        <v>0.2378434986895106</v>
      </c>
      <c r="Q82" s="92">
        <v>5.806874870177154E-2</v>
      </c>
    </row>
    <row r="83" spans="1:17">
      <c r="A83" s="47" t="s">
        <v>630</v>
      </c>
      <c r="B83" s="123">
        <v>355</v>
      </c>
      <c r="C83" s="124">
        <v>0.36156592385025782</v>
      </c>
      <c r="D83" s="95">
        <v>5.0761409268456549E-2</v>
      </c>
      <c r="E83" s="124">
        <v>0.4109129955394028</v>
      </c>
      <c r="F83" s="95">
        <v>5.1952343511266791E-2</v>
      </c>
      <c r="G83" s="124">
        <v>0.22752108061034132</v>
      </c>
      <c r="H83" s="95">
        <v>4.4459051385729018E-2</v>
      </c>
      <c r="I83" s="125">
        <v>382</v>
      </c>
      <c r="J83" s="124">
        <v>4.4256760530299456E-2</v>
      </c>
      <c r="K83" s="95">
        <v>2.1970422443525334E-2</v>
      </c>
      <c r="L83" s="124">
        <v>0.27854873085965492</v>
      </c>
      <c r="M83" s="95">
        <v>4.5748858925636585E-2</v>
      </c>
      <c r="N83" s="124">
        <v>0.47418898061798403</v>
      </c>
      <c r="O83" s="95">
        <v>5.0832196476972111E-2</v>
      </c>
      <c r="P83" s="124">
        <v>0.20300552799206326</v>
      </c>
      <c r="Q83" s="95">
        <v>4.1176092129744921E-2</v>
      </c>
    </row>
    <row r="84" spans="1:17">
      <c r="A84" s="55" t="s">
        <v>631</v>
      </c>
      <c r="B84" s="120">
        <v>53</v>
      </c>
      <c r="C84" s="121">
        <v>0.30950405051065649</v>
      </c>
      <c r="D84" s="92">
        <v>0.12386346132259801</v>
      </c>
      <c r="E84" s="121">
        <v>0.36716731833755828</v>
      </c>
      <c r="F84" s="92">
        <v>0.12834848686707229</v>
      </c>
      <c r="G84" s="121">
        <v>0.32332863115178528</v>
      </c>
      <c r="H84" s="92">
        <v>0.12510045290378544</v>
      </c>
      <c r="I84" s="122">
        <v>56</v>
      </c>
      <c r="J84" s="121">
        <v>8.9017750419783118E-2</v>
      </c>
      <c r="K84" s="92">
        <v>8.2810526695095282E-2</v>
      </c>
      <c r="L84" s="121">
        <v>0.16401726944312428</v>
      </c>
      <c r="M84" s="92">
        <v>0.10055351777103609</v>
      </c>
      <c r="N84" s="121">
        <v>0.46368527173276369</v>
      </c>
      <c r="O84" s="92">
        <v>0.12880248805985633</v>
      </c>
      <c r="P84" s="121">
        <v>0.28327970840432903</v>
      </c>
      <c r="Q84" s="92">
        <v>0.11806380419554657</v>
      </c>
    </row>
    <row r="85" spans="1:17">
      <c r="A85" s="47" t="s">
        <v>632</v>
      </c>
      <c r="B85" s="123">
        <v>302</v>
      </c>
      <c r="C85" s="124">
        <v>0.37732636428111155</v>
      </c>
      <c r="D85" s="95">
        <v>5.546500290522622E-2</v>
      </c>
      <c r="E85" s="124">
        <v>0.42415591392518082</v>
      </c>
      <c r="F85" s="95">
        <v>5.6521969732177754E-2</v>
      </c>
      <c r="G85" s="124">
        <v>0.19851772179371013</v>
      </c>
      <c r="H85" s="95">
        <v>4.5942441244294176E-2</v>
      </c>
      <c r="I85" s="125">
        <v>326</v>
      </c>
      <c r="J85" s="124">
        <v>3.1154542678155418E-2</v>
      </c>
      <c r="K85" s="95">
        <v>2.0738053206906575E-2</v>
      </c>
      <c r="L85" s="124">
        <v>0.31207381960565606</v>
      </c>
      <c r="M85" s="95">
        <v>5.1113031419450859E-2</v>
      </c>
      <c r="N85" s="124">
        <v>0.47726357486644638</v>
      </c>
      <c r="O85" s="95">
        <v>5.4992617798932081E-2</v>
      </c>
      <c r="P85" s="124">
        <v>0.17950806284974458</v>
      </c>
      <c r="Q85" s="95">
        <v>4.260600178546859E-2</v>
      </c>
    </row>
    <row r="86" spans="1:17">
      <c r="A86" s="55" t="s">
        <v>633</v>
      </c>
      <c r="B86" s="120">
        <v>613</v>
      </c>
      <c r="C86" s="121">
        <v>0.3359894019551844</v>
      </c>
      <c r="D86" s="92">
        <v>3.806061622916939E-2</v>
      </c>
      <c r="E86" s="121">
        <v>0.40416339833074938</v>
      </c>
      <c r="F86" s="92">
        <v>3.9521780520888637E-2</v>
      </c>
      <c r="G86" s="121">
        <v>0.25984719971406284</v>
      </c>
      <c r="H86" s="92">
        <v>3.5379122796919377E-2</v>
      </c>
      <c r="I86" s="122">
        <v>654</v>
      </c>
      <c r="J86" s="121">
        <v>2.9065994457829678E-2</v>
      </c>
      <c r="K86" s="92">
        <v>1.3707621273909185E-2</v>
      </c>
      <c r="L86" s="121">
        <v>0.25597271450655473</v>
      </c>
      <c r="M86" s="92">
        <v>3.4090215298163175E-2</v>
      </c>
      <c r="N86" s="121">
        <v>0.50554768462777233</v>
      </c>
      <c r="O86" s="92">
        <v>3.8981688183573504E-2</v>
      </c>
      <c r="P86" s="121">
        <v>0.20941360640784115</v>
      </c>
      <c r="Q86" s="92">
        <v>3.1822365921756766E-2</v>
      </c>
    </row>
    <row r="87" spans="1:17">
      <c r="A87" s="47" t="s">
        <v>634</v>
      </c>
      <c r="B87" s="123">
        <v>574</v>
      </c>
      <c r="C87" s="124">
        <v>0.37813413809825919</v>
      </c>
      <c r="D87" s="95">
        <v>4.0357704624196411E-2</v>
      </c>
      <c r="E87" s="124">
        <v>0.36038647061802093</v>
      </c>
      <c r="F87" s="95">
        <v>3.9963384063236705E-2</v>
      </c>
      <c r="G87" s="124">
        <v>0.26147939128371989</v>
      </c>
      <c r="H87" s="95">
        <v>3.6630827127433922E-2</v>
      </c>
      <c r="I87" s="125">
        <v>604</v>
      </c>
      <c r="J87" s="124">
        <v>5.4389301028022023E-2</v>
      </c>
      <c r="K87" s="95">
        <v>1.8854578358696906E-2</v>
      </c>
      <c r="L87" s="124">
        <v>0.27412732723791272</v>
      </c>
      <c r="M87" s="95">
        <v>3.6242115573875307E-2</v>
      </c>
      <c r="N87" s="124">
        <v>0.4578512417193546</v>
      </c>
      <c r="O87" s="95">
        <v>4.0412900210279643E-2</v>
      </c>
      <c r="P87" s="124">
        <v>0.21363213001471101</v>
      </c>
      <c r="Q87" s="95">
        <v>3.3351095542599282E-2</v>
      </c>
    </row>
    <row r="88" spans="1:17">
      <c r="A88" s="55" t="s">
        <v>635</v>
      </c>
      <c r="B88" s="120">
        <v>218</v>
      </c>
      <c r="C88" s="121">
        <v>0.44404865842692898</v>
      </c>
      <c r="D88" s="92">
        <v>6.6709163538809457E-2</v>
      </c>
      <c r="E88" s="121">
        <v>0.31601236398492633</v>
      </c>
      <c r="F88" s="92">
        <v>6.2580748850972437E-2</v>
      </c>
      <c r="G88" s="121">
        <v>0.239938977588145</v>
      </c>
      <c r="H88" s="92">
        <v>5.7701232316521148E-2</v>
      </c>
      <c r="I88" s="122">
        <v>228</v>
      </c>
      <c r="J88" s="121">
        <v>6.24255605969877E-2</v>
      </c>
      <c r="K88" s="92">
        <v>3.3495793336610728E-2</v>
      </c>
      <c r="L88" s="121">
        <v>0.31093216748058627</v>
      </c>
      <c r="M88" s="92">
        <v>6.0951559542057061E-2</v>
      </c>
      <c r="N88" s="121">
        <v>0.44221968228321229</v>
      </c>
      <c r="O88" s="92">
        <v>6.5228453356257363E-2</v>
      </c>
      <c r="P88" s="121">
        <v>0.18442258963921362</v>
      </c>
      <c r="Q88" s="92">
        <v>5.1497472429222091E-2</v>
      </c>
    </row>
    <row r="89" spans="1:17">
      <c r="A89" s="47" t="s">
        <v>636</v>
      </c>
      <c r="B89" s="123">
        <v>356</v>
      </c>
      <c r="C89" s="124">
        <v>0.32129542627365404</v>
      </c>
      <c r="D89" s="95">
        <v>4.9302964366385947E-2</v>
      </c>
      <c r="E89" s="124">
        <v>0.39865068079229793</v>
      </c>
      <c r="F89" s="95">
        <v>5.1634969528904298E-2</v>
      </c>
      <c r="G89" s="124">
        <v>0.28005389293405009</v>
      </c>
      <c r="H89" s="95">
        <v>4.7456736586778167E-2</v>
      </c>
      <c r="I89" s="125">
        <v>376</v>
      </c>
      <c r="J89" s="124">
        <v>4.744847081108363E-2</v>
      </c>
      <c r="K89" s="95">
        <v>2.2823362985153021E-2</v>
      </c>
      <c r="L89" s="124">
        <v>0.24233938595830845</v>
      </c>
      <c r="M89" s="95">
        <v>4.4129154325472313E-2</v>
      </c>
      <c r="N89" s="124">
        <v>0.47135205004207748</v>
      </c>
      <c r="O89" s="95">
        <v>5.1216412051641652E-2</v>
      </c>
      <c r="P89" s="124">
        <v>0.2388600931885323</v>
      </c>
      <c r="Q89" s="95">
        <v>4.3917872776241887E-2</v>
      </c>
    </row>
    <row r="91" spans="1:17" ht="18.75">
      <c r="A91" s="343" t="s">
        <v>35</v>
      </c>
      <c r="B91" s="343"/>
      <c r="C91" s="343"/>
      <c r="D91" s="343"/>
      <c r="E91" s="343"/>
      <c r="F91" s="343"/>
      <c r="G91" s="343"/>
      <c r="H91" s="343"/>
      <c r="I91" s="343"/>
      <c r="J91" s="343"/>
      <c r="K91" s="343"/>
      <c r="L91" s="343"/>
      <c r="M91" s="343"/>
      <c r="N91" s="343"/>
      <c r="O91" s="343"/>
      <c r="P91" s="343"/>
    </row>
    <row r="92" spans="1:17" ht="81.75" customHeight="1">
      <c r="A92" s="382" t="s">
        <v>548</v>
      </c>
      <c r="B92" s="382"/>
      <c r="C92" s="382"/>
      <c r="D92" s="382"/>
      <c r="E92" s="382"/>
      <c r="F92" s="382"/>
      <c r="G92" s="382"/>
      <c r="H92" s="382"/>
      <c r="I92" s="382"/>
      <c r="J92" s="382"/>
      <c r="K92" s="382"/>
      <c r="L92" s="382"/>
      <c r="M92" s="382"/>
      <c r="N92" s="382"/>
      <c r="O92" s="382"/>
      <c r="P92" s="382"/>
    </row>
    <row r="93" spans="1:17" ht="42" customHeight="1">
      <c r="A93" s="107"/>
      <c r="B93" s="392" t="s">
        <v>328</v>
      </c>
      <c r="C93" s="393"/>
      <c r="D93" s="393"/>
      <c r="E93" s="393"/>
      <c r="F93" s="393"/>
      <c r="G93" s="393"/>
      <c r="H93" s="393"/>
      <c r="I93" s="392" t="s">
        <v>478</v>
      </c>
      <c r="J93" s="393"/>
      <c r="K93" s="392" t="s">
        <v>482</v>
      </c>
      <c r="L93" s="393"/>
      <c r="M93" s="392" t="s">
        <v>483</v>
      </c>
      <c r="N93" s="393"/>
      <c r="O93" s="392" t="s">
        <v>484</v>
      </c>
      <c r="P93" s="393"/>
    </row>
    <row r="94" spans="1:17" ht="39" customHeight="1">
      <c r="A94" s="35" t="s">
        <v>70</v>
      </c>
      <c r="B94" s="36" t="s">
        <v>71</v>
      </c>
      <c r="C94" s="36" t="s">
        <v>193</v>
      </c>
      <c r="D94" s="87" t="s">
        <v>112</v>
      </c>
      <c r="E94" s="36" t="s">
        <v>194</v>
      </c>
      <c r="F94" s="87" t="s">
        <v>277</v>
      </c>
      <c r="G94" s="36" t="s">
        <v>195</v>
      </c>
      <c r="H94" s="87" t="s">
        <v>278</v>
      </c>
      <c r="I94" s="63" t="s">
        <v>479</v>
      </c>
      <c r="J94" s="86" t="s">
        <v>481</v>
      </c>
      <c r="K94" s="63" t="s">
        <v>485</v>
      </c>
      <c r="L94" s="86" t="s">
        <v>486</v>
      </c>
      <c r="M94" s="63" t="s">
        <v>487</v>
      </c>
      <c r="N94" s="86" t="s">
        <v>488</v>
      </c>
      <c r="O94" s="63" t="s">
        <v>489</v>
      </c>
      <c r="P94" s="86" t="s">
        <v>490</v>
      </c>
    </row>
    <row r="95" spans="1:17" ht="60">
      <c r="A95" s="39"/>
      <c r="B95" s="40" t="s">
        <v>73</v>
      </c>
      <c r="C95" s="126" t="s">
        <v>177</v>
      </c>
      <c r="D95" s="89" t="s">
        <v>87</v>
      </c>
      <c r="E95" s="40" t="s">
        <v>190</v>
      </c>
      <c r="F95" s="89" t="s">
        <v>87</v>
      </c>
      <c r="G95" s="40" t="s">
        <v>191</v>
      </c>
      <c r="H95" s="89" t="s">
        <v>87</v>
      </c>
      <c r="I95" s="259" t="s">
        <v>480</v>
      </c>
      <c r="J95" s="88" t="s">
        <v>87</v>
      </c>
      <c r="K95" s="259" t="s">
        <v>480</v>
      </c>
      <c r="L95" s="88" t="s">
        <v>87</v>
      </c>
      <c r="M95" s="259" t="s">
        <v>480</v>
      </c>
      <c r="N95" s="88" t="s">
        <v>87</v>
      </c>
      <c r="O95" s="259" t="s">
        <v>480</v>
      </c>
      <c r="P95" s="88" t="s">
        <v>87</v>
      </c>
    </row>
    <row r="96" spans="1:17">
      <c r="A96" s="43" t="s">
        <v>348</v>
      </c>
      <c r="B96" s="127">
        <v>13199</v>
      </c>
      <c r="C96" s="121">
        <v>0.55799105640207791</v>
      </c>
      <c r="D96" s="92">
        <v>8.6441963919450977E-3</v>
      </c>
      <c r="E96" s="121">
        <v>0.22309973786757872</v>
      </c>
      <c r="F96" s="92">
        <v>7.2474301034588561E-3</v>
      </c>
      <c r="G96" s="121">
        <v>0.21890920573036099</v>
      </c>
      <c r="H96" s="92">
        <v>7.1984209206485752E-3</v>
      </c>
      <c r="I96" s="121">
        <v>0.32120433631265499</v>
      </c>
      <c r="J96" s="92">
        <v>8.1278036075746619E-3</v>
      </c>
      <c r="K96" s="121">
        <v>0.21223748272553189</v>
      </c>
      <c r="L96" s="92">
        <v>7.1181564636737622E-3</v>
      </c>
      <c r="M96" s="121">
        <v>0.10145863403891138</v>
      </c>
      <c r="N96" s="92">
        <v>5.2581904512326106E-3</v>
      </c>
      <c r="O96" s="121">
        <v>0.16916473945225585</v>
      </c>
      <c r="P96" s="92">
        <v>6.5269230126620489E-3</v>
      </c>
    </row>
    <row r="97" spans="1:16">
      <c r="A97" s="47" t="s">
        <v>349</v>
      </c>
      <c r="B97" s="47">
        <v>9769</v>
      </c>
      <c r="C97" s="124">
        <v>0.54151838350650428</v>
      </c>
      <c r="D97" s="95">
        <v>1.0080564338579633E-2</v>
      </c>
      <c r="E97" s="124">
        <v>0.21875773141156241</v>
      </c>
      <c r="F97" s="95">
        <v>8.3651330531702914E-3</v>
      </c>
      <c r="G97" s="124">
        <v>0.23972388508193027</v>
      </c>
      <c r="H97" s="95">
        <v>8.6382032719531099E-3</v>
      </c>
      <c r="I97" s="124">
        <v>0.36438203000617198</v>
      </c>
      <c r="J97" s="95">
        <v>9.7365862976547066E-3</v>
      </c>
      <c r="K97" s="124">
        <v>0.22675958426593701</v>
      </c>
      <c r="L97" s="95">
        <v>8.4728946069798604E-3</v>
      </c>
      <c r="M97" s="124">
        <v>9.8407585542624215E-2</v>
      </c>
      <c r="N97" s="95">
        <v>6.0305685919661072E-3</v>
      </c>
      <c r="O97" s="124">
        <v>0.17180607948003523</v>
      </c>
      <c r="P97" s="95">
        <v>7.6337128090536496E-3</v>
      </c>
    </row>
    <row r="98" spans="1:16">
      <c r="A98" s="43" t="s">
        <v>350</v>
      </c>
      <c r="B98" s="51">
        <v>3430</v>
      </c>
      <c r="C98" s="121">
        <v>0.57186925443077541</v>
      </c>
      <c r="D98" s="92">
        <v>1.6887956384368057E-2</v>
      </c>
      <c r="E98" s="121">
        <v>0.22675787069279807</v>
      </c>
      <c r="F98" s="92">
        <v>1.4298285518350605E-2</v>
      </c>
      <c r="G98" s="121">
        <v>0.20137287487642549</v>
      </c>
      <c r="H98" s="92">
        <v>1.3695646425436804E-2</v>
      </c>
      <c r="I98" s="121">
        <v>0.28482720509049392</v>
      </c>
      <c r="J98" s="92">
        <v>1.5407811651176322E-2</v>
      </c>
      <c r="K98" s="121">
        <v>0.20000263764309573</v>
      </c>
      <c r="L98" s="92">
        <v>1.3660801632079013E-2</v>
      </c>
      <c r="M98" s="121">
        <v>0.10402913704683589</v>
      </c>
      <c r="N98" s="92">
        <v>1.0440062991898674E-2</v>
      </c>
      <c r="O98" s="121">
        <v>0.16693941511059252</v>
      </c>
      <c r="P98" s="92">
        <v>1.2739444441949587E-2</v>
      </c>
    </row>
    <row r="99" spans="1:16">
      <c r="A99" s="47" t="s">
        <v>568</v>
      </c>
      <c r="B99" s="47">
        <v>10888</v>
      </c>
      <c r="C99" s="124">
        <v>0.55762317867462208</v>
      </c>
      <c r="D99" s="95">
        <v>9.5179828182234884E-3</v>
      </c>
      <c r="E99" s="124">
        <v>0.22269093431009726</v>
      </c>
      <c r="F99" s="95">
        <v>7.974347270143298E-3</v>
      </c>
      <c r="G99" s="124">
        <v>0.21968588701530251</v>
      </c>
      <c r="H99" s="95">
        <v>7.935696863937065E-3</v>
      </c>
      <c r="I99" s="124">
        <v>0.32161427721374791</v>
      </c>
      <c r="J99" s="95">
        <v>8.9516984762020805E-3</v>
      </c>
      <c r="K99" s="124">
        <v>0.2128017668999059</v>
      </c>
      <c r="L99" s="95">
        <v>7.8448447227910563E-3</v>
      </c>
      <c r="M99" s="124">
        <v>0.10167286086291095</v>
      </c>
      <c r="N99" s="95">
        <v>5.7952582772648302E-3</v>
      </c>
      <c r="O99" s="124">
        <v>0.16983526076891922</v>
      </c>
      <c r="P99" s="95">
        <v>7.1977292563204578E-3</v>
      </c>
    </row>
    <row r="100" spans="1:16">
      <c r="A100" s="43" t="s">
        <v>569</v>
      </c>
      <c r="B100" s="51">
        <v>2311</v>
      </c>
      <c r="C100" s="121">
        <v>0.60227713235276392</v>
      </c>
      <c r="D100" s="92">
        <v>2.0345843752787949E-2</v>
      </c>
      <c r="E100" s="121">
        <v>0.27231257149203891</v>
      </c>
      <c r="F100" s="92">
        <v>1.8512149078023937E-2</v>
      </c>
      <c r="G100" s="121">
        <v>0.125410296155194</v>
      </c>
      <c r="H100" s="92">
        <v>1.3796862144093796E-2</v>
      </c>
      <c r="I100" s="121">
        <v>0.27185458631156018</v>
      </c>
      <c r="J100" s="92">
        <v>1.8502437472551602E-2</v>
      </c>
      <c r="K100" s="121">
        <v>0.14430748876610314</v>
      </c>
      <c r="L100" s="92">
        <v>1.463270505213822E-2</v>
      </c>
      <c r="M100" s="121">
        <v>7.5669452769773424E-2</v>
      </c>
      <c r="N100" s="92">
        <v>1.1042057772518462E-2</v>
      </c>
      <c r="O100" s="121">
        <v>8.844564248103047E-2</v>
      </c>
      <c r="P100" s="92">
        <v>1.1845501113905119E-2</v>
      </c>
    </row>
    <row r="101" spans="1:16">
      <c r="A101" s="47" t="s">
        <v>570</v>
      </c>
      <c r="B101" s="47">
        <v>590</v>
      </c>
      <c r="C101" s="124">
        <v>0.65354334675397963</v>
      </c>
      <c r="D101" s="95">
        <v>3.90752436150461E-2</v>
      </c>
      <c r="E101" s="124">
        <v>0.22885605250952845</v>
      </c>
      <c r="F101" s="95">
        <v>3.4569773421165635E-2</v>
      </c>
      <c r="G101" s="124">
        <v>0.11760060073649231</v>
      </c>
      <c r="H101" s="95">
        <v>2.6683515711722554E-2</v>
      </c>
      <c r="I101" s="124">
        <v>0.27719079918052836</v>
      </c>
      <c r="J101" s="95">
        <v>3.6792475999075848E-2</v>
      </c>
      <c r="K101" s="124">
        <v>0.13013807778054567</v>
      </c>
      <c r="L101" s="95">
        <v>2.7832876705043603E-2</v>
      </c>
      <c r="M101" s="124">
        <v>5.0404920425070027E-2</v>
      </c>
      <c r="N101" s="95">
        <v>1.8455053237150715E-2</v>
      </c>
      <c r="O101" s="124">
        <v>7.2794499504611102E-2</v>
      </c>
      <c r="P101" s="95">
        <v>2.1702791630877162E-2</v>
      </c>
    </row>
    <row r="102" spans="1:16">
      <c r="A102" s="43" t="s">
        <v>571</v>
      </c>
      <c r="B102" s="51">
        <v>1245</v>
      </c>
      <c r="C102" s="121">
        <v>0.69423738273761015</v>
      </c>
      <c r="D102" s="92">
        <v>2.6088051048473313E-2</v>
      </c>
      <c r="E102" s="121">
        <v>0.17879364795218433</v>
      </c>
      <c r="F102" s="92">
        <v>2.17332441310099E-2</v>
      </c>
      <c r="G102" s="121">
        <v>0.1269689693102071</v>
      </c>
      <c r="H102" s="92">
        <v>1.8916842989681461E-2</v>
      </c>
      <c r="I102" s="121">
        <v>0.27321344944848536</v>
      </c>
      <c r="J102" s="92">
        <v>2.523844730704566E-2</v>
      </c>
      <c r="K102" s="121">
        <v>0.12612920903459915</v>
      </c>
      <c r="L102" s="92">
        <v>1.8864015691426643E-2</v>
      </c>
      <c r="M102" s="121">
        <v>2.4078186693846742E-2</v>
      </c>
      <c r="N102" s="92">
        <v>8.9383396554932725E-3</v>
      </c>
      <c r="O102" s="121">
        <v>6.5122176210779231E-2</v>
      </c>
      <c r="P102" s="92">
        <v>1.4101390556543256E-2</v>
      </c>
    </row>
    <row r="103" spans="1:16">
      <c r="A103" s="47" t="s">
        <v>582</v>
      </c>
      <c r="B103" s="47">
        <v>854</v>
      </c>
      <c r="C103" s="124">
        <v>0.52786470514819495</v>
      </c>
      <c r="D103" s="95">
        <v>3.408687522181332E-2</v>
      </c>
      <c r="E103" s="124">
        <v>0.30493560866715214</v>
      </c>
      <c r="F103" s="95">
        <v>3.1460474768487345E-2</v>
      </c>
      <c r="G103" s="124">
        <v>0.16719968618465497</v>
      </c>
      <c r="H103" s="95">
        <v>2.5572624709107653E-2</v>
      </c>
      <c r="I103" s="124">
        <v>0.33288772369929992</v>
      </c>
      <c r="J103" s="95">
        <v>3.2195010921992395E-2</v>
      </c>
      <c r="K103" s="124">
        <v>0.20147232066312562</v>
      </c>
      <c r="L103" s="95">
        <v>2.7457127592157883E-2</v>
      </c>
      <c r="M103" s="124">
        <v>8.457182667245014E-2</v>
      </c>
      <c r="N103" s="95">
        <v>1.9194116317287908E-2</v>
      </c>
      <c r="O103" s="124">
        <v>0.10548569521740464</v>
      </c>
      <c r="P103" s="95">
        <v>2.1134080090546549E-2</v>
      </c>
    </row>
    <row r="104" spans="1:16">
      <c r="A104" s="43" t="s">
        <v>583</v>
      </c>
      <c r="B104" s="51">
        <v>1457</v>
      </c>
      <c r="C104" s="121">
        <v>0.63296854642403888</v>
      </c>
      <c r="D104" s="92">
        <v>2.522539310384446E-2</v>
      </c>
      <c r="E104" s="121">
        <v>0.25885719609551794</v>
      </c>
      <c r="F104" s="92">
        <v>2.2937472575014384E-2</v>
      </c>
      <c r="G104" s="121">
        <v>0.10817425748044386</v>
      </c>
      <c r="H104" s="92">
        <v>1.6322561952350541E-2</v>
      </c>
      <c r="I104" s="121">
        <v>0.24668146184827511</v>
      </c>
      <c r="J104" s="92">
        <v>2.2577305907612061E-2</v>
      </c>
      <c r="K104" s="121">
        <v>0.12072984734281235</v>
      </c>
      <c r="L104" s="92">
        <v>1.7111042101721593E-2</v>
      </c>
      <c r="M104" s="121">
        <v>7.1997667640212037E-2</v>
      </c>
      <c r="N104" s="92">
        <v>1.3626051287337645E-2</v>
      </c>
      <c r="O104" s="121">
        <v>8.1417470790157223E-2</v>
      </c>
      <c r="P104" s="92">
        <v>1.4400809721564167E-2</v>
      </c>
    </row>
    <row r="105" spans="1:16">
      <c r="A105" s="47" t="s">
        <v>572</v>
      </c>
      <c r="B105" s="47">
        <v>293</v>
      </c>
      <c r="C105" s="124">
        <v>0.28101211665572295</v>
      </c>
      <c r="D105" s="95">
        <v>5.2329871111148452E-2</v>
      </c>
      <c r="E105" s="124">
        <v>0.53814748192316952</v>
      </c>
      <c r="F105" s="95">
        <v>5.7861288185915981E-2</v>
      </c>
      <c r="G105" s="124">
        <v>0.18084040142110752</v>
      </c>
      <c r="H105" s="95">
        <v>4.5075687109494167E-2</v>
      </c>
      <c r="I105" s="124">
        <v>0.32173780557417248</v>
      </c>
      <c r="J105" s="95">
        <v>5.4318276799330822E-2</v>
      </c>
      <c r="K105" s="124">
        <v>0.2349770450556182</v>
      </c>
      <c r="L105" s="95">
        <v>4.9460660615694325E-2</v>
      </c>
      <c r="M105" s="124">
        <v>0.24726196396318784</v>
      </c>
      <c r="N105" s="95">
        <v>5.0296424794253912E-2</v>
      </c>
      <c r="O105" s="124">
        <v>0.19290988295531469</v>
      </c>
      <c r="P105" s="95">
        <v>4.6161586875510814E-2</v>
      </c>
    </row>
    <row r="106" spans="1:16">
      <c r="A106" s="43" t="s">
        <v>573</v>
      </c>
      <c r="B106" s="127">
        <v>440</v>
      </c>
      <c r="C106" s="121">
        <v>0.5714468667447089</v>
      </c>
      <c r="D106" s="92">
        <v>4.6979668468900906E-2</v>
      </c>
      <c r="E106" s="121">
        <v>0.24345867586717529</v>
      </c>
      <c r="F106" s="92">
        <v>4.0865306701492292E-2</v>
      </c>
      <c r="G106" s="121">
        <v>0.18509445738811725</v>
      </c>
      <c r="H106" s="92">
        <v>3.7079560980399932E-2</v>
      </c>
      <c r="I106" s="121">
        <v>0.33729916705718471</v>
      </c>
      <c r="J106" s="92">
        <v>4.4922681878280149E-2</v>
      </c>
      <c r="K106" s="121">
        <v>0.20658616110197672</v>
      </c>
      <c r="L106" s="92">
        <v>3.8607814781682695E-2</v>
      </c>
      <c r="M106" s="121">
        <v>4.8924471829579604E-2</v>
      </c>
      <c r="N106" s="92">
        <v>2.1262084928894535E-2</v>
      </c>
      <c r="O106" s="121">
        <v>0.10641212198738369</v>
      </c>
      <c r="P106" s="92">
        <v>2.9693206982268704E-2</v>
      </c>
    </row>
    <row r="107" spans="1:16">
      <c r="A107" s="47" t="s">
        <v>574</v>
      </c>
      <c r="B107" s="129">
        <v>658</v>
      </c>
      <c r="C107" s="124">
        <v>0.68256392961223211</v>
      </c>
      <c r="D107" s="95">
        <v>3.62161995137881E-2</v>
      </c>
      <c r="E107" s="124">
        <v>0.20540668031465517</v>
      </c>
      <c r="F107" s="95">
        <v>3.1504123507179231E-2</v>
      </c>
      <c r="G107" s="124">
        <v>0.11202939007311168</v>
      </c>
      <c r="H107" s="95">
        <v>2.4739402826849079E-2</v>
      </c>
      <c r="I107" s="124">
        <v>0.28214480174396878</v>
      </c>
      <c r="J107" s="95">
        <v>3.50322186877828E-2</v>
      </c>
      <c r="K107" s="124">
        <v>0.11305701121144816</v>
      </c>
      <c r="L107" s="95">
        <v>2.4835290787661682E-2</v>
      </c>
      <c r="M107" s="124">
        <v>1.3840188495801065E-2</v>
      </c>
      <c r="N107" s="95">
        <v>9.9837385795491906E-3</v>
      </c>
      <c r="O107" s="124">
        <v>6.1232234297127368E-2</v>
      </c>
      <c r="P107" s="95">
        <v>1.9009031145276804E-2</v>
      </c>
    </row>
    <row r="108" spans="1:16">
      <c r="A108" s="43" t="s">
        <v>575</v>
      </c>
      <c r="B108" s="81">
        <v>894</v>
      </c>
      <c r="C108" s="96">
        <v>0.78929199215748935</v>
      </c>
      <c r="D108" s="92">
        <v>2.727849030016442E-2</v>
      </c>
      <c r="E108" s="96">
        <v>0.15383495661005092</v>
      </c>
      <c r="F108" s="92">
        <v>2.4177785743450822E-2</v>
      </c>
      <c r="G108" s="96">
        <v>5.6873051232457603E-2</v>
      </c>
      <c r="H108" s="92">
        <v>1.5706655861364507E-2</v>
      </c>
      <c r="I108" s="96">
        <v>0.18299092568670122</v>
      </c>
      <c r="J108" s="92">
        <v>2.5882940961486488E-2</v>
      </c>
      <c r="K108" s="96">
        <v>6.0316911681613516E-2</v>
      </c>
      <c r="L108" s="92">
        <v>1.612826982451477E-2</v>
      </c>
      <c r="M108" s="96">
        <v>2.0777840557886194E-2</v>
      </c>
      <c r="N108" s="92">
        <v>9.9860659221832748E-3</v>
      </c>
      <c r="O108" s="96">
        <v>2.5929349210450328E-2</v>
      </c>
      <c r="P108" s="92">
        <v>1.1018252430308722E-2</v>
      </c>
    </row>
    <row r="109" spans="1:16">
      <c r="A109" s="47" t="s">
        <v>576</v>
      </c>
      <c r="B109" s="129">
        <v>737</v>
      </c>
      <c r="C109" s="124">
        <v>0.6000620075160995</v>
      </c>
      <c r="D109" s="95">
        <v>3.6000854618622138E-2</v>
      </c>
      <c r="E109" s="124">
        <v>0.28672594159867892</v>
      </c>
      <c r="F109" s="95">
        <v>3.3266107021531786E-2</v>
      </c>
      <c r="G109" s="124">
        <v>0.11321205088522195</v>
      </c>
      <c r="H109" s="95">
        <v>2.346570021551379E-2</v>
      </c>
      <c r="I109" s="124">
        <v>0.26547942312465783</v>
      </c>
      <c r="J109" s="95">
        <v>3.2493519540817146E-2</v>
      </c>
      <c r="K109" s="124">
        <v>0.12261599695421957</v>
      </c>
      <c r="L109" s="95">
        <v>2.4269599992551599E-2</v>
      </c>
      <c r="M109" s="124">
        <v>9.5677518372744352E-2</v>
      </c>
      <c r="N109" s="95">
        <v>2.1830347892533009E-2</v>
      </c>
      <c r="O109" s="124">
        <v>7.8328311185055649E-2</v>
      </c>
      <c r="P109" s="95">
        <v>2.0001005304502915E-2</v>
      </c>
    </row>
    <row r="110" spans="1:16">
      <c r="A110" s="55" t="s">
        <v>577</v>
      </c>
      <c r="B110" s="127">
        <v>738</v>
      </c>
      <c r="C110" s="121">
        <v>0.67455859067131141</v>
      </c>
      <c r="D110" s="92">
        <v>3.4426916849261656E-2</v>
      </c>
      <c r="E110" s="121">
        <v>0.21932527887341863</v>
      </c>
      <c r="F110" s="92">
        <v>3.0456435526253885E-2</v>
      </c>
      <c r="G110" s="121">
        <v>0.10611613045526867</v>
      </c>
      <c r="H110" s="92">
        <v>2.2811037387460802E-2</v>
      </c>
      <c r="I110" s="121">
        <v>0.23108011263121384</v>
      </c>
      <c r="J110" s="92">
        <v>3.1016880928389882E-2</v>
      </c>
      <c r="K110" s="121">
        <v>0.11600127737978047</v>
      </c>
      <c r="L110" s="92">
        <v>2.3692835286408472E-2</v>
      </c>
      <c r="M110" s="121">
        <v>5.2939800681596184E-2</v>
      </c>
      <c r="N110" s="92">
        <v>1.6788878550272508E-2</v>
      </c>
      <c r="O110" s="121">
        <v>7.2694927270533533E-2</v>
      </c>
      <c r="P110" s="92">
        <v>1.9338618243599757E-2</v>
      </c>
    </row>
    <row r="111" spans="1:16">
      <c r="A111" s="47" t="s">
        <v>578</v>
      </c>
      <c r="B111" s="129">
        <v>256</v>
      </c>
      <c r="C111" s="124">
        <v>0.47588891663135569</v>
      </c>
      <c r="D111" s="95">
        <v>6.194742256768887E-2</v>
      </c>
      <c r="E111" s="124">
        <v>0.34632697019166619</v>
      </c>
      <c r="F111" s="95">
        <v>5.9109499192445306E-2</v>
      </c>
      <c r="G111" s="124">
        <v>0.17778411317697831</v>
      </c>
      <c r="H111" s="95">
        <v>4.7933753164278337E-2</v>
      </c>
      <c r="I111" s="124">
        <v>0.35471007697297863</v>
      </c>
      <c r="J111" s="95">
        <v>5.942485295722634E-2</v>
      </c>
      <c r="K111" s="124">
        <v>0.22678764663553846</v>
      </c>
      <c r="L111" s="95">
        <v>5.2276500300704312E-2</v>
      </c>
      <c r="M111" s="124">
        <v>7.1512159545909962E-2</v>
      </c>
      <c r="N111" s="95">
        <v>3.328293662794226E-2</v>
      </c>
      <c r="O111" s="124">
        <v>0.12579368944822089</v>
      </c>
      <c r="P111" s="95">
        <v>4.1923945867490015E-2</v>
      </c>
    </row>
    <row r="112" spans="1:16">
      <c r="A112" s="55" t="s">
        <v>579</v>
      </c>
      <c r="B112" s="127">
        <v>217</v>
      </c>
      <c r="C112" s="121">
        <v>0.61080211642664783</v>
      </c>
      <c r="D112" s="92">
        <v>6.5655523534940502E-2</v>
      </c>
      <c r="E112" s="121">
        <v>0.27610858440641917</v>
      </c>
      <c r="F112" s="92">
        <v>6.0416469826433686E-2</v>
      </c>
      <c r="G112" s="121">
        <v>0.11308929916693365</v>
      </c>
      <c r="H112" s="92">
        <v>4.3733058912106666E-2</v>
      </c>
      <c r="I112" s="121">
        <v>0.26820855110690173</v>
      </c>
      <c r="J112" s="92">
        <v>5.9894326591101152E-2</v>
      </c>
      <c r="K112" s="121">
        <v>0.14412854743332398</v>
      </c>
      <c r="L112" s="92">
        <v>4.8113447622201502E-2</v>
      </c>
      <c r="M112" s="121">
        <v>6.3551938807901068E-2</v>
      </c>
      <c r="N112" s="92">
        <v>3.465306822589273E-2</v>
      </c>
      <c r="O112" s="121">
        <v>0.10436803944014801</v>
      </c>
      <c r="P112" s="92">
        <v>4.234957428380768E-2</v>
      </c>
    </row>
    <row r="113" spans="1:16">
      <c r="A113" s="47" t="s">
        <v>580</v>
      </c>
      <c r="B113" s="129">
        <v>218</v>
      </c>
      <c r="C113" s="124">
        <v>0.61723990962007491</v>
      </c>
      <c r="D113" s="95">
        <v>6.5312231877488705E-2</v>
      </c>
      <c r="E113" s="124">
        <v>0.24195168688989907</v>
      </c>
      <c r="F113" s="95">
        <v>5.7858019949454942E-2</v>
      </c>
      <c r="G113" s="124">
        <v>0.14080840349002599</v>
      </c>
      <c r="H113" s="95">
        <v>4.7569547050695729E-2</v>
      </c>
      <c r="I113" s="124">
        <v>0.27713880229205318</v>
      </c>
      <c r="J113" s="95">
        <v>6.0345337723977585E-2</v>
      </c>
      <c r="K113" s="124">
        <v>0.1530096234228574</v>
      </c>
      <c r="L113" s="95">
        <v>4.9117878520915793E-2</v>
      </c>
      <c r="M113" s="124">
        <v>9.4164637002832022E-2</v>
      </c>
      <c r="N113" s="95">
        <v>4.0532359938501336E-2</v>
      </c>
      <c r="O113" s="124">
        <v>9.0252253073389854E-2</v>
      </c>
      <c r="P113" s="95">
        <v>3.9842591976342781E-2</v>
      </c>
    </row>
    <row r="114" spans="1:16">
      <c r="A114" s="55" t="s">
        <v>581</v>
      </c>
      <c r="B114" s="127">
        <v>116</v>
      </c>
      <c r="C114" s="121">
        <v>0.70125615099593963</v>
      </c>
      <c r="D114" s="92">
        <v>8.4093445329228383E-2</v>
      </c>
      <c r="E114" s="121">
        <v>0.17743281622431564</v>
      </c>
      <c r="F114" s="92">
        <v>7.1360923130450324E-2</v>
      </c>
      <c r="G114" s="121">
        <v>0.12131103277974573</v>
      </c>
      <c r="H114" s="92">
        <v>6.2181369781934621E-2</v>
      </c>
      <c r="I114" s="121">
        <v>0.24041209774312558</v>
      </c>
      <c r="J114" s="92">
        <v>7.8958140753228004E-2</v>
      </c>
      <c r="K114" s="121">
        <v>0.11751026449145813</v>
      </c>
      <c r="L114" s="92">
        <v>6.1452495195683736E-2</v>
      </c>
      <c r="M114" s="121">
        <v>7.0354385062409555E-2</v>
      </c>
      <c r="N114" s="92">
        <v>5.0828435800533096E-2</v>
      </c>
      <c r="O114" s="121">
        <v>8.7275995106049636E-2</v>
      </c>
      <c r="P114" s="92">
        <v>5.5022935068056104E-2</v>
      </c>
    </row>
    <row r="115" spans="1:16">
      <c r="A115" s="47" t="s">
        <v>584</v>
      </c>
      <c r="B115" s="129">
        <v>115</v>
      </c>
      <c r="C115" s="124">
        <v>0.26265512096516075</v>
      </c>
      <c r="D115" s="95">
        <v>8.145542168516591E-2</v>
      </c>
      <c r="E115" s="124">
        <v>0.60887994256337596</v>
      </c>
      <c r="F115" s="95">
        <v>8.9617061684487867E-2</v>
      </c>
      <c r="G115" s="124">
        <v>0.12846493647146315</v>
      </c>
      <c r="H115" s="95">
        <v>6.3797373050982306E-2</v>
      </c>
      <c r="I115" s="124">
        <v>0.27599913293830619</v>
      </c>
      <c r="J115" s="95">
        <v>8.2633161524409471E-2</v>
      </c>
      <c r="K115" s="124">
        <v>0.20229045484792865</v>
      </c>
      <c r="L115" s="95">
        <v>7.4973893621759338E-2</v>
      </c>
      <c r="M115" s="124">
        <v>0.25512989096752692</v>
      </c>
      <c r="N115" s="95">
        <v>8.0753155989361822E-2</v>
      </c>
      <c r="O115" s="124">
        <v>0.20214481653108038</v>
      </c>
      <c r="P115" s="95">
        <v>7.4955732948319878E-2</v>
      </c>
    </row>
    <row r="116" spans="1:16">
      <c r="A116" s="55" t="s">
        <v>585</v>
      </c>
      <c r="B116" s="127">
        <v>2196</v>
      </c>
      <c r="C116" s="121">
        <v>0.6626039688342853</v>
      </c>
      <c r="D116" s="92">
        <v>2.0165497426547486E-2</v>
      </c>
      <c r="E116" s="121">
        <v>0.21252832877856029</v>
      </c>
      <c r="F116" s="92">
        <v>1.7459577939657286E-2</v>
      </c>
      <c r="G116" s="121">
        <v>0.12486770238715007</v>
      </c>
      <c r="H116" s="92">
        <v>1.4128438026984229E-2</v>
      </c>
      <c r="I116" s="121">
        <v>0.27111839319610154</v>
      </c>
      <c r="J116" s="92">
        <v>1.8964250305405189E-2</v>
      </c>
      <c r="K116" s="121">
        <v>0.13400801230036891</v>
      </c>
      <c r="L116" s="92">
        <v>1.4556255358219311E-2</v>
      </c>
      <c r="M116" s="121">
        <v>4.379201212384802E-2</v>
      </c>
      <c r="N116" s="92">
        <v>8.8039665243345687E-3</v>
      </c>
      <c r="O116" s="121">
        <v>6.8249332315570399E-2</v>
      </c>
      <c r="P116" s="92">
        <v>1.0809809881742015E-2</v>
      </c>
    </row>
    <row r="117" spans="1:16">
      <c r="A117" s="47" t="s">
        <v>620</v>
      </c>
      <c r="B117" s="129">
        <v>152</v>
      </c>
      <c r="C117" s="124">
        <v>0.59160288605317157</v>
      </c>
      <c r="D117" s="95">
        <v>7.8778121830391581E-2</v>
      </c>
      <c r="E117" s="124">
        <v>0.21911112005468614</v>
      </c>
      <c r="F117" s="95">
        <v>6.7004715572324819E-2</v>
      </c>
      <c r="G117" s="124">
        <v>0.18928599389214282</v>
      </c>
      <c r="H117" s="95">
        <v>6.3718987612686753E-2</v>
      </c>
      <c r="I117" s="124">
        <v>0.3417826741092157</v>
      </c>
      <c r="J117" s="95">
        <v>7.6163546880559568E-2</v>
      </c>
      <c r="K117" s="124">
        <v>0.2322203051562719</v>
      </c>
      <c r="L117" s="95">
        <v>6.8298762995341766E-2</v>
      </c>
      <c r="M117" s="124">
        <v>2.4064211597536526E-2</v>
      </c>
      <c r="N117" s="95">
        <v>2.9936834258070151E-2</v>
      </c>
      <c r="O117" s="124">
        <v>7.6104514691576947E-2</v>
      </c>
      <c r="P117" s="95">
        <v>4.5123539094579591E-2</v>
      </c>
    </row>
    <row r="118" spans="1:16">
      <c r="A118" s="55" t="s">
        <v>621</v>
      </c>
      <c r="B118" s="127">
        <v>155</v>
      </c>
      <c r="C118" s="121">
        <v>0.78723271954709884</v>
      </c>
      <c r="D118" s="92">
        <v>6.5703015067879664E-2</v>
      </c>
      <c r="E118" s="121">
        <v>9.8886892154282591E-2</v>
      </c>
      <c r="F118" s="92">
        <v>4.9424774090614729E-2</v>
      </c>
      <c r="G118" s="121">
        <v>0.11388038829861889</v>
      </c>
      <c r="H118" s="92">
        <v>5.2201494070362023E-2</v>
      </c>
      <c r="I118" s="121">
        <v>0.19539941622708934</v>
      </c>
      <c r="J118" s="92">
        <v>6.3805525394838358E-2</v>
      </c>
      <c r="K118" s="121">
        <v>0.10457489048186205</v>
      </c>
      <c r="L118" s="92">
        <v>5.0508669160877158E-2</v>
      </c>
      <c r="M118" s="121">
        <v>3.0193823848022775E-2</v>
      </c>
      <c r="N118" s="92">
        <v>3.1820158090918517E-2</v>
      </c>
      <c r="O118" s="121">
        <v>6.0645380443108049E-2</v>
      </c>
      <c r="P118" s="92">
        <v>4.0919518116391385E-2</v>
      </c>
    </row>
    <row r="119" spans="1:16">
      <c r="A119" s="47" t="s">
        <v>622</v>
      </c>
      <c r="B119" s="129">
        <v>968</v>
      </c>
      <c r="C119" s="124">
        <v>0.71008356650571647</v>
      </c>
      <c r="D119" s="95">
        <v>2.9131982872948426E-2</v>
      </c>
      <c r="E119" s="124">
        <v>0.16900268710592145</v>
      </c>
      <c r="F119" s="95">
        <v>2.4117395105893377E-2</v>
      </c>
      <c r="G119" s="124">
        <v>0.120913746388364</v>
      </c>
      <c r="H119" s="95">
        <v>2.1030445035128267E-2</v>
      </c>
      <c r="I119" s="124">
        <v>0.262941128841234</v>
      </c>
      <c r="J119" s="95">
        <v>2.8274424300927265E-2</v>
      </c>
      <c r="K119" s="124">
        <v>0.1125347823373912</v>
      </c>
      <c r="L119" s="95">
        <v>2.0397671406037769E-2</v>
      </c>
      <c r="M119" s="124">
        <v>2.3417316384125825E-2</v>
      </c>
      <c r="N119" s="95">
        <v>1.0089005258495029E-2</v>
      </c>
      <c r="O119" s="124">
        <v>6.5891291937426946E-2</v>
      </c>
      <c r="P119" s="95">
        <v>1.6113980589413514E-2</v>
      </c>
    </row>
    <row r="120" spans="1:16">
      <c r="A120" s="55" t="s">
        <v>623</v>
      </c>
      <c r="B120" s="127">
        <v>293</v>
      </c>
      <c r="C120" s="121">
        <v>0.63321033394555115</v>
      </c>
      <c r="D120" s="92">
        <v>5.5985780761320034E-2</v>
      </c>
      <c r="E120" s="121">
        <v>0.25842424311630113</v>
      </c>
      <c r="F120" s="92">
        <v>5.1010334145931271E-2</v>
      </c>
      <c r="G120" s="121">
        <v>0.10836542293814758</v>
      </c>
      <c r="H120" s="92">
        <v>3.6831753533446851E-2</v>
      </c>
      <c r="I120" s="121">
        <v>0.27201604102226601</v>
      </c>
      <c r="J120" s="92">
        <v>5.1823831593388249E-2</v>
      </c>
      <c r="K120" s="121">
        <v>0.13579780861710508</v>
      </c>
      <c r="L120" s="92">
        <v>4.0352918821877075E-2</v>
      </c>
      <c r="M120" s="121">
        <v>5.8838889567589293E-2</v>
      </c>
      <c r="N120" s="92">
        <v>2.8564758068071464E-2</v>
      </c>
      <c r="O120" s="121">
        <v>6.8691971294852494E-2</v>
      </c>
      <c r="P120" s="92">
        <v>3.0473360761863195E-2</v>
      </c>
    </row>
    <row r="121" spans="1:16">
      <c r="A121" s="47" t="s">
        <v>624</v>
      </c>
      <c r="B121" s="129">
        <v>314</v>
      </c>
      <c r="C121" s="124">
        <v>0.67120431758950982</v>
      </c>
      <c r="D121" s="95">
        <v>5.2774806455212306E-2</v>
      </c>
      <c r="E121" s="124">
        <v>0.23452322897842606</v>
      </c>
      <c r="F121" s="95">
        <v>4.7752501630568968E-2</v>
      </c>
      <c r="G121" s="124">
        <v>9.4272453432064932E-2</v>
      </c>
      <c r="H121" s="95">
        <v>3.3552805696202857E-2</v>
      </c>
      <c r="I121" s="124">
        <v>0.2926108051707938</v>
      </c>
      <c r="J121" s="95">
        <v>5.1158274110125454E-2</v>
      </c>
      <c r="K121" s="124">
        <v>0.10756086060447231</v>
      </c>
      <c r="L121" s="95">
        <v>3.5438241350637827E-2</v>
      </c>
      <c r="M121" s="124">
        <v>2.4382627672215999E-2</v>
      </c>
      <c r="N121" s="95">
        <v>1.9244598544317253E-2</v>
      </c>
      <c r="O121" s="124">
        <v>6.1030171181110031E-2</v>
      </c>
      <c r="P121" s="95">
        <v>2.7953839218179455E-2</v>
      </c>
    </row>
    <row r="122" spans="1:16">
      <c r="A122" s="55" t="s">
        <v>625</v>
      </c>
      <c r="B122" s="127">
        <v>1170</v>
      </c>
      <c r="C122" s="121">
        <v>0.58452073104742441</v>
      </c>
      <c r="D122" s="92">
        <v>2.8768289070448514E-2</v>
      </c>
      <c r="E122" s="121">
        <v>0.2923481897422176</v>
      </c>
      <c r="F122" s="92">
        <v>2.656829156471659E-2</v>
      </c>
      <c r="G122" s="121">
        <v>0.12313107921035808</v>
      </c>
      <c r="H122" s="92">
        <v>1.9265561462801131E-2</v>
      </c>
      <c r="I122" s="121">
        <v>0.25349870157991033</v>
      </c>
      <c r="J122" s="92">
        <v>2.5419845073938387E-2</v>
      </c>
      <c r="K122" s="121">
        <v>0.14393462184249747</v>
      </c>
      <c r="L122" s="92">
        <v>2.0561115972488782E-2</v>
      </c>
      <c r="M122" s="121">
        <v>9.5523644939585206E-2</v>
      </c>
      <c r="N122" s="92">
        <v>1.7267492453558877E-2</v>
      </c>
      <c r="O122" s="121">
        <v>9.6304013392028154E-2</v>
      </c>
      <c r="P122" s="92">
        <v>1.7329179898576748E-2</v>
      </c>
    </row>
    <row r="123" spans="1:16">
      <c r="A123" s="47" t="s">
        <v>626</v>
      </c>
      <c r="B123" s="129">
        <v>1140</v>
      </c>
      <c r="C123" s="124">
        <v>0.64130507622555089</v>
      </c>
      <c r="D123" s="95">
        <v>2.8368963981135347E-2</v>
      </c>
      <c r="E123" s="124">
        <v>0.22802971033410407</v>
      </c>
      <c r="F123" s="95">
        <v>2.4845573036056133E-2</v>
      </c>
      <c r="G123" s="124">
        <v>0.13066521344034615</v>
      </c>
      <c r="H123" s="95">
        <v>2.0012587923414146E-2</v>
      </c>
      <c r="I123" s="124">
        <v>0.31041161145968055</v>
      </c>
      <c r="J123" s="95">
        <v>2.7373814656043858E-2</v>
      </c>
      <c r="K123" s="124">
        <v>0.1406992353163676</v>
      </c>
      <c r="L123" s="95">
        <v>2.063707020977737E-2</v>
      </c>
      <c r="M123" s="124">
        <v>3.5850424626678389E-2</v>
      </c>
      <c r="N123" s="95">
        <v>1.1230122320186844E-2</v>
      </c>
      <c r="O123" s="124">
        <v>7.2983384497988302E-2</v>
      </c>
      <c r="P123" s="95">
        <v>1.5524592271263644E-2</v>
      </c>
    </row>
    <row r="124" spans="1:16">
      <c r="A124" s="55" t="s">
        <v>627</v>
      </c>
      <c r="B124" s="127">
        <v>337</v>
      </c>
      <c r="C124" s="121">
        <v>0.61237227727654819</v>
      </c>
      <c r="D124" s="92">
        <v>5.2800402201015041E-2</v>
      </c>
      <c r="E124" s="121">
        <v>0.23710553920914168</v>
      </c>
      <c r="F124" s="92">
        <v>4.6268174509776515E-2</v>
      </c>
      <c r="G124" s="121">
        <v>0.15052218351430746</v>
      </c>
      <c r="H124" s="92">
        <v>3.9157368278528906E-2</v>
      </c>
      <c r="I124" s="121">
        <v>0.36790845118010418</v>
      </c>
      <c r="J124" s="92">
        <v>5.2274794260657308E-2</v>
      </c>
      <c r="K124" s="121">
        <v>0.14929765067278067</v>
      </c>
      <c r="L124" s="92">
        <v>3.9031739064537364E-2</v>
      </c>
      <c r="M124" s="121">
        <v>3.2890319919563996E-2</v>
      </c>
      <c r="N124" s="92">
        <v>2.0804179932555428E-2</v>
      </c>
      <c r="O124" s="121">
        <v>8.4291673552492216E-2</v>
      </c>
      <c r="P124" s="92">
        <v>3.0865726078684517E-2</v>
      </c>
    </row>
    <row r="125" spans="1:16">
      <c r="A125" s="47" t="s">
        <v>628</v>
      </c>
      <c r="B125" s="129">
        <v>803</v>
      </c>
      <c r="C125" s="124">
        <v>0.65871577847308505</v>
      </c>
      <c r="D125" s="95">
        <v>3.3399567753197905E-2</v>
      </c>
      <c r="E125" s="124">
        <v>0.22256820782024736</v>
      </c>
      <c r="F125" s="95">
        <v>2.9350061473600846E-2</v>
      </c>
      <c r="G125" s="124">
        <v>0.11871601370666768</v>
      </c>
      <c r="H125" s="95">
        <v>2.2928163742071073E-2</v>
      </c>
      <c r="I125" s="124">
        <v>0.27581211217476342</v>
      </c>
      <c r="J125" s="95">
        <v>3.1503961995454237E-2</v>
      </c>
      <c r="K125" s="124">
        <v>0.13552502283056447</v>
      </c>
      <c r="L125" s="95">
        <v>2.4232621573092888E-2</v>
      </c>
      <c r="M125" s="124">
        <v>3.7631707584056213E-2</v>
      </c>
      <c r="N125" s="95">
        <v>1.3783529199473883E-2</v>
      </c>
      <c r="O125" s="124">
        <v>6.6178468941630139E-2</v>
      </c>
      <c r="P125" s="95">
        <v>1.7763410297452927E-2</v>
      </c>
    </row>
    <row r="126" spans="1:16">
      <c r="A126" s="55" t="s">
        <v>629</v>
      </c>
      <c r="B126" s="127">
        <v>213</v>
      </c>
      <c r="C126" s="121">
        <v>0.62227926816898627</v>
      </c>
      <c r="D126" s="92">
        <v>6.5899509305689066E-2</v>
      </c>
      <c r="E126" s="121">
        <v>0.26591138719681801</v>
      </c>
      <c r="F126" s="92">
        <v>6.0291776834534114E-2</v>
      </c>
      <c r="G126" s="121">
        <v>0.11180934463419531</v>
      </c>
      <c r="H126" s="92">
        <v>4.3954789828687009E-2</v>
      </c>
      <c r="I126" s="121">
        <v>0.29328682965471098</v>
      </c>
      <c r="J126" s="92">
        <v>6.204360857981607E-2</v>
      </c>
      <c r="K126" s="121">
        <v>0.11983363223135518</v>
      </c>
      <c r="L126" s="92">
        <v>4.5183209229434855E-2</v>
      </c>
      <c r="M126" s="121">
        <v>5.9151398878770134E-2</v>
      </c>
      <c r="N126" s="92">
        <v>3.4010396751361298E-2</v>
      </c>
      <c r="O126" s="121">
        <v>8.0976033831394456E-2</v>
      </c>
      <c r="P126" s="92">
        <v>3.8600468426114469E-2</v>
      </c>
    </row>
    <row r="127" spans="1:16">
      <c r="A127" s="47" t="s">
        <v>630</v>
      </c>
      <c r="B127" s="129">
        <v>377</v>
      </c>
      <c r="C127" s="124">
        <v>0.69326132465237789</v>
      </c>
      <c r="D127" s="95">
        <v>4.7336423058275116E-2</v>
      </c>
      <c r="E127" s="124">
        <v>0.1817808457310375</v>
      </c>
      <c r="F127" s="95">
        <v>3.9796288963412238E-2</v>
      </c>
      <c r="G127" s="124">
        <v>0.12495782961658509</v>
      </c>
      <c r="H127" s="95">
        <v>3.4333746697843587E-2</v>
      </c>
      <c r="I127" s="124">
        <v>0.25674235446185356</v>
      </c>
      <c r="J127" s="95">
        <v>4.4904296033376805E-2</v>
      </c>
      <c r="K127" s="124">
        <v>0.14322887588180344</v>
      </c>
      <c r="L127" s="95">
        <v>3.6280186926206479E-2</v>
      </c>
      <c r="M127" s="124">
        <v>3.9293368329636251E-2</v>
      </c>
      <c r="N127" s="95">
        <v>2.1044312771382381E-2</v>
      </c>
      <c r="O127" s="124">
        <v>6.2400654098843898E-2</v>
      </c>
      <c r="P127" s="95">
        <v>2.5617120249619568E-2</v>
      </c>
    </row>
    <row r="128" spans="1:16">
      <c r="A128" s="55" t="s">
        <v>631</v>
      </c>
      <c r="B128" s="127">
        <v>55</v>
      </c>
      <c r="C128" s="121">
        <v>0.69332783736260584</v>
      </c>
      <c r="D128" s="92">
        <v>0.12143783781845474</v>
      </c>
      <c r="E128" s="121">
        <v>0.19393396416324638</v>
      </c>
      <c r="F128" s="92">
        <v>0.10691193793752761</v>
      </c>
      <c r="G128" s="121">
        <v>0.11273819847414795</v>
      </c>
      <c r="H128" s="92">
        <v>9.0074965482827132E-2</v>
      </c>
      <c r="I128" s="121">
        <v>0.30667216263739439</v>
      </c>
      <c r="J128" s="92">
        <v>0.12143783781845476</v>
      </c>
      <c r="K128" s="121">
        <v>0.11273819847414795</v>
      </c>
      <c r="L128" s="92">
        <v>9.0074965482827132E-2</v>
      </c>
      <c r="M128" s="121">
        <v>5.3912376444160602E-2</v>
      </c>
      <c r="N128" s="92">
        <v>7.2286360520418494E-2</v>
      </c>
      <c r="O128" s="121">
        <v>7.2691389009550272E-2</v>
      </c>
      <c r="P128" s="92">
        <v>7.868685458712496E-2</v>
      </c>
    </row>
    <row r="129" spans="1:16">
      <c r="A129" s="47" t="s">
        <v>632</v>
      </c>
      <c r="B129" s="129">
        <v>322</v>
      </c>
      <c r="C129" s="124">
        <v>0.69324176325060194</v>
      </c>
      <c r="D129" s="95">
        <v>5.1190535022965819E-2</v>
      </c>
      <c r="E129" s="124">
        <v>0.17820661109709388</v>
      </c>
      <c r="F129" s="95">
        <v>4.2754048146567983E-2</v>
      </c>
      <c r="G129" s="124">
        <v>0.12855162565230552</v>
      </c>
      <c r="H129" s="95">
        <v>3.7627687802234161E-2</v>
      </c>
      <c r="I129" s="124">
        <v>0.24205798759398786</v>
      </c>
      <c r="J129" s="95">
        <v>4.7655285680088692E-2</v>
      </c>
      <c r="K129" s="124">
        <v>0.15219619038719109</v>
      </c>
      <c r="L129" s="95">
        <v>4.0242032409738428E-2</v>
      </c>
      <c r="M129" s="124">
        <v>3.4993915032254269E-2</v>
      </c>
      <c r="N129" s="95">
        <v>2.1887347090729158E-2</v>
      </c>
      <c r="O129" s="124">
        <v>5.9374146842146883E-2</v>
      </c>
      <c r="P129" s="95">
        <v>2.7264681533308795E-2</v>
      </c>
    </row>
    <row r="130" spans="1:16">
      <c r="A130" s="55" t="s">
        <v>633</v>
      </c>
      <c r="B130" s="127">
        <v>649</v>
      </c>
      <c r="C130" s="121">
        <v>0.73224057393327879</v>
      </c>
      <c r="D130" s="92">
        <v>3.471371130332665E-2</v>
      </c>
      <c r="E130" s="121">
        <v>0.15543348031702883</v>
      </c>
      <c r="F130" s="92">
        <v>2.8513341711184085E-2</v>
      </c>
      <c r="G130" s="121">
        <v>0.11232594574969226</v>
      </c>
      <c r="H130" s="92">
        <v>2.4940287378887066E-2</v>
      </c>
      <c r="I130" s="121">
        <v>0.23536177349802773</v>
      </c>
      <c r="J130" s="92">
        <v>3.3281202077157408E-2</v>
      </c>
      <c r="K130" s="121">
        <v>0.1123902616141276</v>
      </c>
      <c r="L130" s="92">
        <v>2.4946335278227948E-2</v>
      </c>
      <c r="M130" s="121">
        <v>2.142276770793388E-2</v>
      </c>
      <c r="N130" s="92">
        <v>1.2064450402270048E-2</v>
      </c>
      <c r="O130" s="121">
        <v>5.0378320978348448E-2</v>
      </c>
      <c r="P130" s="92">
        <v>1.7554892799245415E-2</v>
      </c>
    </row>
    <row r="131" spans="1:16">
      <c r="A131" s="47" t="s">
        <v>634</v>
      </c>
      <c r="B131" s="129">
        <v>596</v>
      </c>
      <c r="C131" s="124">
        <v>0.62866954749008785</v>
      </c>
      <c r="D131" s="95">
        <v>3.9468481638929923E-2</v>
      </c>
      <c r="E131" s="124">
        <v>0.21909751651338122</v>
      </c>
      <c r="F131" s="95">
        <v>3.3876478621110276E-2</v>
      </c>
      <c r="G131" s="124">
        <v>0.15223293599653065</v>
      </c>
      <c r="H131" s="95">
        <v>2.9514431845555383E-2</v>
      </c>
      <c r="I131" s="124">
        <v>0.33851987173769771</v>
      </c>
      <c r="J131" s="95">
        <v>3.8667013246278338E-2</v>
      </c>
      <c r="K131" s="124">
        <v>0.14983335104471701</v>
      </c>
      <c r="L131" s="95">
        <v>2.9327206643091554E-2</v>
      </c>
      <c r="M131" s="124">
        <v>2.8659646016170902E-2</v>
      </c>
      <c r="N131" s="95">
        <v>1.4327259156899657E-2</v>
      </c>
      <c r="O131" s="124">
        <v>9.056011024678895E-2</v>
      </c>
      <c r="P131" s="95">
        <v>2.3746822890794241E-2</v>
      </c>
    </row>
    <row r="132" spans="1:16">
      <c r="A132" s="55" t="s">
        <v>635</v>
      </c>
      <c r="B132" s="127">
        <v>224</v>
      </c>
      <c r="C132" s="121">
        <v>0.58274578509662855</v>
      </c>
      <c r="D132" s="92">
        <v>6.5345407300209365E-2</v>
      </c>
      <c r="E132" s="121">
        <v>0.25433062616816871</v>
      </c>
      <c r="F132" s="92">
        <v>5.7999644185333946E-2</v>
      </c>
      <c r="G132" s="121">
        <v>0.16292358873520243</v>
      </c>
      <c r="H132" s="92">
        <v>4.9618051064101387E-2</v>
      </c>
      <c r="I132" s="121">
        <v>0.38650557285984755</v>
      </c>
      <c r="J132" s="92">
        <v>6.4558828713088184E-2</v>
      </c>
      <c r="K132" s="121">
        <v>0.16101415095846291</v>
      </c>
      <c r="L132" s="92">
        <v>4.9397280460701617E-2</v>
      </c>
      <c r="M132" s="121">
        <v>2.9075990759797658E-2</v>
      </c>
      <c r="N132" s="92">
        <v>2.5111576633533573E-2</v>
      </c>
      <c r="O132" s="121">
        <v>9.5329033077899486E-2</v>
      </c>
      <c r="P132" s="92">
        <v>4.0161280395870871E-2</v>
      </c>
    </row>
    <row r="133" spans="1:16">
      <c r="A133" s="47" t="s">
        <v>636</v>
      </c>
      <c r="B133" s="129">
        <v>372</v>
      </c>
      <c r="C133" s="124">
        <v>0.66782750710513739</v>
      </c>
      <c r="D133" s="95">
        <v>4.8644391155096854E-2</v>
      </c>
      <c r="E133" s="124">
        <v>0.18905518955518713</v>
      </c>
      <c r="F133" s="95">
        <v>4.0654164922376154E-2</v>
      </c>
      <c r="G133" s="124">
        <v>0.14311730333967687</v>
      </c>
      <c r="H133" s="95">
        <v>3.651438445773561E-2</v>
      </c>
      <c r="I133" s="124">
        <v>0.2976037523104153</v>
      </c>
      <c r="J133" s="95">
        <v>4.7254708473821391E-2</v>
      </c>
      <c r="K133" s="124">
        <v>0.1402997830470577</v>
      </c>
      <c r="L133" s="95">
        <v>3.622535367150944E-2</v>
      </c>
      <c r="M133" s="124">
        <v>2.8304640027828908E-2</v>
      </c>
      <c r="N133" s="95">
        <v>1.8511719994225632E-2</v>
      </c>
      <c r="O133" s="124">
        <v>8.6493777744935746E-2</v>
      </c>
      <c r="P133" s="95">
        <v>2.9648881905175926E-2</v>
      </c>
    </row>
    <row r="135" spans="1:16" ht="18.75">
      <c r="A135" s="343" t="s">
        <v>10</v>
      </c>
      <c r="B135" s="343"/>
      <c r="C135" s="343"/>
      <c r="D135" s="343"/>
    </row>
    <row r="136" spans="1:16" ht="133.5" customHeight="1">
      <c r="A136" s="359" t="s">
        <v>612</v>
      </c>
      <c r="B136" s="359"/>
      <c r="C136" s="359"/>
      <c r="D136" s="359"/>
    </row>
    <row r="137" spans="1:16" ht="37.5" customHeight="1">
      <c r="A137" s="361" t="s">
        <v>113</v>
      </c>
      <c r="B137" s="361"/>
      <c r="C137" s="361"/>
      <c r="D137" s="361"/>
    </row>
    <row r="138" spans="1:16" ht="36" customHeight="1">
      <c r="A138" s="35" t="s">
        <v>70</v>
      </c>
      <c r="B138" s="36" t="s">
        <v>71</v>
      </c>
      <c r="C138" s="37" t="s">
        <v>551</v>
      </c>
      <c r="D138" s="38" t="s">
        <v>72</v>
      </c>
    </row>
    <row r="139" spans="1:16" ht="60">
      <c r="A139" s="39"/>
      <c r="B139" s="40" t="s">
        <v>73</v>
      </c>
      <c r="C139" s="41" t="s">
        <v>114</v>
      </c>
      <c r="D139" s="42" t="s">
        <v>75</v>
      </c>
    </row>
    <row r="140" spans="1:16">
      <c r="A140" s="43" t="s">
        <v>348</v>
      </c>
      <c r="B140" s="131">
        <v>13131</v>
      </c>
      <c r="C140" s="132">
        <v>3.8724198307450646</v>
      </c>
      <c r="D140" s="133">
        <v>2.1149521632353018E-2</v>
      </c>
    </row>
    <row r="141" spans="1:16">
      <c r="A141" s="47" t="s">
        <v>349</v>
      </c>
      <c r="B141" s="47">
        <v>9681</v>
      </c>
      <c r="C141" s="135">
        <v>3.647158658447113</v>
      </c>
      <c r="D141" s="136">
        <v>2.4227169989763712E-2</v>
      </c>
    </row>
    <row r="142" spans="1:16">
      <c r="A142" s="43" t="s">
        <v>350</v>
      </c>
      <c r="B142" s="51">
        <v>3450</v>
      </c>
      <c r="C142" s="132">
        <v>4.057011686604965</v>
      </c>
      <c r="D142" s="133">
        <v>4.1926708767909347E-2</v>
      </c>
    </row>
    <row r="143" spans="1:16">
      <c r="A143" s="47" t="s">
        <v>568</v>
      </c>
      <c r="B143" s="47">
        <v>10834</v>
      </c>
      <c r="C143" s="135">
        <v>3.8721537569560964</v>
      </c>
      <c r="D143" s="136">
        <v>2.3179428519722833E-2</v>
      </c>
    </row>
    <row r="144" spans="1:16">
      <c r="A144" s="43" t="s">
        <v>569</v>
      </c>
      <c r="B144" s="51">
        <v>2297</v>
      </c>
      <c r="C144" s="132">
        <v>3.9051797373991817</v>
      </c>
      <c r="D144" s="133">
        <v>5.1630719857653322E-2</v>
      </c>
    </row>
    <row r="145" spans="1:4">
      <c r="A145" s="47" t="s">
        <v>570</v>
      </c>
      <c r="B145" s="47">
        <v>598</v>
      </c>
      <c r="C145" s="135">
        <v>3.7452366207199468</v>
      </c>
      <c r="D145" s="136">
        <v>0.10194888150112537</v>
      </c>
    </row>
    <row r="146" spans="1:4">
      <c r="A146" s="43" t="s">
        <v>571</v>
      </c>
      <c r="B146" s="51">
        <v>1233</v>
      </c>
      <c r="C146" s="132">
        <v>3.757618295641846</v>
      </c>
      <c r="D146" s="133">
        <v>6.6566992426292645E-2</v>
      </c>
    </row>
    <row r="147" spans="1:4">
      <c r="A147" s="47" t="s">
        <v>582</v>
      </c>
      <c r="B147" s="47">
        <v>827</v>
      </c>
      <c r="C147" s="135">
        <v>3.7657259961659335</v>
      </c>
      <c r="D147" s="136">
        <v>8.7358440435484921E-2</v>
      </c>
    </row>
    <row r="148" spans="1:4">
      <c r="A148" s="43" t="s">
        <v>583</v>
      </c>
      <c r="B148" s="51">
        <v>1470</v>
      </c>
      <c r="C148" s="132">
        <v>3.9596559282089645</v>
      </c>
      <c r="D148" s="133">
        <v>6.3093496893705914E-2</v>
      </c>
    </row>
    <row r="149" spans="1:4">
      <c r="A149" s="47" t="s">
        <v>572</v>
      </c>
      <c r="B149" s="47">
        <v>285</v>
      </c>
      <c r="C149" s="135">
        <v>4.3261346950646287</v>
      </c>
      <c r="D149" s="136">
        <v>0.16892792706253573</v>
      </c>
    </row>
    <row r="150" spans="1:4">
      <c r="A150" s="43" t="s">
        <v>573</v>
      </c>
      <c r="B150" s="131">
        <v>437</v>
      </c>
      <c r="C150" s="132">
        <v>3.7180078942366523</v>
      </c>
      <c r="D150" s="133">
        <v>0.11601006640739736</v>
      </c>
    </row>
    <row r="151" spans="1:4">
      <c r="A151" s="47" t="s">
        <v>574</v>
      </c>
      <c r="B151" s="134">
        <v>655</v>
      </c>
      <c r="C151" s="135">
        <v>3.6488918508123223</v>
      </c>
      <c r="D151" s="136">
        <v>9.1379905380082879E-2</v>
      </c>
    </row>
    <row r="152" spans="1:4">
      <c r="A152" s="43" t="s">
        <v>575</v>
      </c>
      <c r="B152" s="81">
        <v>896</v>
      </c>
      <c r="C152" s="82">
        <v>3.9445746648216016</v>
      </c>
      <c r="D152" s="133">
        <v>8.0429856434101527E-2</v>
      </c>
    </row>
    <row r="153" spans="1:4">
      <c r="A153" s="47" t="s">
        <v>576</v>
      </c>
      <c r="B153" s="134">
        <v>729</v>
      </c>
      <c r="C153" s="135">
        <v>3.8029804580305062</v>
      </c>
      <c r="D153" s="136">
        <v>9.5940108556307094E-2</v>
      </c>
    </row>
    <row r="154" spans="1:4">
      <c r="A154" s="55" t="s">
        <v>577</v>
      </c>
      <c r="B154" s="131">
        <v>738</v>
      </c>
      <c r="C154" s="132">
        <v>3.9866473601059438</v>
      </c>
      <c r="D154" s="133">
        <v>8.4286080461575416E-2</v>
      </c>
    </row>
    <row r="155" spans="1:4">
      <c r="A155" s="47" t="s">
        <v>578</v>
      </c>
      <c r="B155" s="134">
        <v>254</v>
      </c>
      <c r="C155" s="135">
        <v>3.8254636625768299</v>
      </c>
      <c r="D155" s="136">
        <v>0.16436184137140039</v>
      </c>
    </row>
    <row r="156" spans="1:4">
      <c r="A156" s="55" t="s">
        <v>579</v>
      </c>
      <c r="B156" s="131">
        <v>215</v>
      </c>
      <c r="C156" s="132">
        <v>3.8084671352662691</v>
      </c>
      <c r="D156" s="133">
        <v>0.15813845849427627</v>
      </c>
    </row>
    <row r="157" spans="1:4">
      <c r="A157" s="47" t="s">
        <v>580</v>
      </c>
      <c r="B157" s="134">
        <v>215</v>
      </c>
      <c r="C157" s="135">
        <v>4.1076026762749169</v>
      </c>
      <c r="D157" s="136">
        <v>0.17281608795864709</v>
      </c>
    </row>
    <row r="158" spans="1:4">
      <c r="A158" s="55" t="s">
        <v>581</v>
      </c>
      <c r="B158" s="131">
        <v>119</v>
      </c>
      <c r="C158" s="132">
        <v>4.2166342765136688</v>
      </c>
      <c r="D158" s="133">
        <v>0.21375720614357827</v>
      </c>
    </row>
    <row r="159" spans="1:4">
      <c r="A159" s="47" t="s">
        <v>584</v>
      </c>
      <c r="B159" s="134">
        <v>109</v>
      </c>
      <c r="C159" s="135">
        <v>4.7922543927560017</v>
      </c>
      <c r="D159" s="136">
        <v>0.28780569593469502</v>
      </c>
    </row>
    <row r="160" spans="1:4">
      <c r="A160" s="55" t="s">
        <v>585</v>
      </c>
      <c r="B160" s="131">
        <v>2188</v>
      </c>
      <c r="C160" s="132">
        <v>3.7516829437482602</v>
      </c>
      <c r="D160" s="133">
        <v>5.1492373126201779E-2</v>
      </c>
    </row>
    <row r="161" spans="1:4">
      <c r="A161" s="47" t="s">
        <v>620</v>
      </c>
      <c r="B161" s="134">
        <v>154</v>
      </c>
      <c r="C161" s="135">
        <v>3.6808965976303307</v>
      </c>
      <c r="D161" s="136">
        <v>0.20253007700774622</v>
      </c>
    </row>
    <row r="162" spans="1:4">
      <c r="A162" s="55" t="s">
        <v>621</v>
      </c>
      <c r="B162" s="131">
        <v>156</v>
      </c>
      <c r="C162" s="132">
        <v>3.5973158213582916</v>
      </c>
      <c r="D162" s="133">
        <v>0.18771763237870459</v>
      </c>
    </row>
    <row r="163" spans="1:4">
      <c r="A163" s="47" t="s">
        <v>622</v>
      </c>
      <c r="B163" s="134">
        <v>960</v>
      </c>
      <c r="C163" s="135">
        <v>3.7244058881949167</v>
      </c>
      <c r="D163" s="136">
        <v>7.6786597470695148E-2</v>
      </c>
    </row>
    <row r="164" spans="1:4">
      <c r="A164" s="55" t="s">
        <v>623</v>
      </c>
      <c r="B164" s="131">
        <v>293</v>
      </c>
      <c r="C164" s="132">
        <v>3.9835188633681891</v>
      </c>
      <c r="D164" s="133">
        <v>0.14152362196839122</v>
      </c>
    </row>
    <row r="165" spans="1:4">
      <c r="A165" s="47" t="s">
        <v>624</v>
      </c>
      <c r="B165" s="134">
        <v>313</v>
      </c>
      <c r="C165" s="135">
        <v>3.5816447272909464</v>
      </c>
      <c r="D165" s="136">
        <v>0.12887957244851006</v>
      </c>
    </row>
    <row r="166" spans="1:4">
      <c r="A166" s="55" t="s">
        <v>625</v>
      </c>
      <c r="B166" s="131">
        <v>1152</v>
      </c>
      <c r="C166" s="132">
        <v>4.0239162526002126</v>
      </c>
      <c r="D166" s="133">
        <v>7.3904663754470412E-2</v>
      </c>
    </row>
    <row r="167" spans="1:4">
      <c r="A167" s="47" t="s">
        <v>626</v>
      </c>
      <c r="B167" s="134">
        <v>1144</v>
      </c>
      <c r="C167" s="135">
        <v>3.6633283097445197</v>
      </c>
      <c r="D167" s="136">
        <v>7.1466298932669148E-2</v>
      </c>
    </row>
    <row r="168" spans="1:4">
      <c r="A168" s="55" t="s">
        <v>627</v>
      </c>
      <c r="B168" s="131">
        <v>335</v>
      </c>
      <c r="C168" s="132">
        <v>3.4218910127950033</v>
      </c>
      <c r="D168" s="133">
        <v>0.14075140571589534</v>
      </c>
    </row>
    <row r="169" spans="1:4">
      <c r="A169" s="47" t="s">
        <v>628</v>
      </c>
      <c r="B169" s="134">
        <v>809</v>
      </c>
      <c r="C169" s="135">
        <v>3.8075111471859366</v>
      </c>
      <c r="D169" s="136">
        <v>8.1575408940369049E-2</v>
      </c>
    </row>
    <row r="170" spans="1:4">
      <c r="A170" s="55" t="s">
        <v>629</v>
      </c>
      <c r="B170" s="131">
        <v>213</v>
      </c>
      <c r="C170" s="132">
        <v>3.8239624664565439</v>
      </c>
      <c r="D170" s="133">
        <v>0.16682947366614478</v>
      </c>
    </row>
    <row r="171" spans="1:4">
      <c r="A171" s="47" t="s">
        <v>630</v>
      </c>
      <c r="B171" s="134">
        <v>385</v>
      </c>
      <c r="C171" s="135">
        <v>3.6469565704220064</v>
      </c>
      <c r="D171" s="136">
        <v>0.12787272817635573</v>
      </c>
    </row>
    <row r="172" spans="1:4">
      <c r="A172" s="55" t="s">
        <v>631</v>
      </c>
      <c r="B172" s="131">
        <v>53</v>
      </c>
      <c r="C172" s="132">
        <v>3.6370974276577752</v>
      </c>
      <c r="D172" s="133">
        <v>0.38957821202487392</v>
      </c>
    </row>
    <row r="173" spans="1:4">
      <c r="A173" s="47" t="s">
        <v>632</v>
      </c>
      <c r="B173" s="134">
        <v>332</v>
      </c>
      <c r="C173" s="135">
        <v>3.6496778076614835</v>
      </c>
      <c r="D173" s="136">
        <v>0.13487487688598385</v>
      </c>
    </row>
    <row r="174" spans="1:4">
      <c r="A174" s="55" t="s">
        <v>633</v>
      </c>
      <c r="B174" s="131">
        <v>638</v>
      </c>
      <c r="C174" s="132">
        <v>3.8694740986524172</v>
      </c>
      <c r="D174" s="133">
        <v>9.2439727052783555E-2</v>
      </c>
    </row>
    <row r="175" spans="1:4">
      <c r="A175" s="47" t="s">
        <v>634</v>
      </c>
      <c r="B175" s="134">
        <v>595</v>
      </c>
      <c r="C175" s="135">
        <v>3.5703718381214617</v>
      </c>
      <c r="D175" s="136">
        <v>9.5199001521440299E-2</v>
      </c>
    </row>
    <row r="176" spans="1:4">
      <c r="A176" s="55" t="s">
        <v>635</v>
      </c>
      <c r="B176" s="131">
        <v>223</v>
      </c>
      <c r="C176" s="132">
        <v>3.3417802631305062</v>
      </c>
      <c r="D176" s="133">
        <v>0.16970220158641333</v>
      </c>
    </row>
    <row r="177" spans="1:37">
      <c r="A177" s="47" t="s">
        <v>636</v>
      </c>
      <c r="B177" s="134">
        <v>372</v>
      </c>
      <c r="C177" s="135">
        <v>3.7649240976143692</v>
      </c>
      <c r="D177" s="136">
        <v>0.10963564498417906</v>
      </c>
    </row>
    <row r="178" spans="1:37">
      <c r="P178" s="244"/>
      <c r="Q178" s="244"/>
      <c r="R178" s="244"/>
      <c r="S178" s="244"/>
      <c r="T178" s="244"/>
      <c r="U178" s="244"/>
      <c r="V178" s="244"/>
      <c r="W178" s="244"/>
      <c r="X178" s="244"/>
      <c r="Y178" s="244"/>
      <c r="Z178" s="244"/>
      <c r="AA178" s="244"/>
      <c r="AB178" s="244"/>
      <c r="AC178" s="244"/>
      <c r="AD178" s="244"/>
    </row>
    <row r="179" spans="1:37" ht="18.75">
      <c r="A179" s="343" t="s">
        <v>36</v>
      </c>
      <c r="B179" s="343"/>
      <c r="C179" s="343"/>
      <c r="D179" s="343"/>
      <c r="E179" s="343"/>
      <c r="F179" s="343"/>
      <c r="G179" s="343"/>
      <c r="H179" s="343"/>
      <c r="I179" s="343"/>
      <c r="J179" s="343"/>
      <c r="K179" s="343"/>
      <c r="L179" s="343"/>
      <c r="M179" s="343"/>
      <c r="N179" s="343"/>
      <c r="O179" s="343"/>
      <c r="P179" s="343"/>
      <c r="Q179" s="343"/>
      <c r="R179" s="343"/>
      <c r="S179" s="343"/>
      <c r="T179" s="343"/>
      <c r="U179" s="343"/>
      <c r="V179" s="343"/>
      <c r="W179" s="343"/>
      <c r="X179" s="343"/>
      <c r="Y179" s="343"/>
      <c r="Z179" s="343"/>
      <c r="AA179" s="343"/>
      <c r="AB179" s="343"/>
      <c r="AC179" s="343"/>
      <c r="AD179" s="343"/>
      <c r="AE179" s="343"/>
      <c r="AF179" s="343"/>
      <c r="AG179" s="343"/>
      <c r="AH179" s="343"/>
      <c r="AI179" s="343"/>
      <c r="AJ179" s="343"/>
      <c r="AK179" s="343"/>
    </row>
    <row r="180" spans="1:37" ht="72" customHeight="1">
      <c r="A180" s="390" t="s">
        <v>549</v>
      </c>
      <c r="B180" s="390"/>
      <c r="C180" s="390"/>
      <c r="D180" s="390"/>
      <c r="E180" s="390"/>
      <c r="F180" s="390"/>
      <c r="G180" s="390"/>
      <c r="H180" s="390"/>
      <c r="I180" s="390"/>
      <c r="J180" s="390"/>
      <c r="K180" s="390"/>
      <c r="L180" s="390"/>
      <c r="M180" s="390"/>
      <c r="N180" s="390"/>
      <c r="O180" s="390"/>
      <c r="P180" s="390"/>
      <c r="Q180" s="390"/>
      <c r="R180" s="390"/>
      <c r="S180" s="390"/>
      <c r="T180" s="390"/>
      <c r="U180" s="390"/>
      <c r="V180" s="390"/>
      <c r="W180" s="390"/>
      <c r="X180" s="390"/>
      <c r="Y180" s="390"/>
      <c r="Z180" s="390"/>
      <c r="AA180" s="390"/>
      <c r="AB180" s="390"/>
      <c r="AC180" s="390"/>
      <c r="AD180" s="390"/>
      <c r="AE180" s="390"/>
      <c r="AF180" s="390"/>
      <c r="AG180" s="390"/>
      <c r="AH180" s="390"/>
      <c r="AI180" s="390"/>
      <c r="AJ180" s="390"/>
      <c r="AK180" s="390"/>
    </row>
    <row r="181" spans="1:37" ht="41.25" customHeight="1">
      <c r="A181" s="62"/>
      <c r="B181" s="386" t="s">
        <v>220</v>
      </c>
      <c r="C181" s="387"/>
      <c r="D181" s="387"/>
      <c r="E181" s="387"/>
      <c r="F181" s="387"/>
      <c r="G181" s="387"/>
      <c r="H181" s="387"/>
      <c r="I181" s="387"/>
      <c r="J181" s="388"/>
      <c r="K181" s="384" t="s">
        <v>377</v>
      </c>
      <c r="L181" s="385"/>
      <c r="M181" s="385"/>
      <c r="N181" s="385"/>
      <c r="O181" s="385"/>
      <c r="P181" s="385"/>
      <c r="Q181" s="385"/>
      <c r="R181" s="385"/>
      <c r="S181" s="385"/>
      <c r="T181" s="386" t="s">
        <v>192</v>
      </c>
      <c r="U181" s="387"/>
      <c r="V181" s="387"/>
      <c r="W181" s="387"/>
      <c r="X181" s="387"/>
      <c r="Y181" s="387"/>
      <c r="Z181" s="387"/>
      <c r="AA181" s="387"/>
      <c r="AB181" s="388"/>
      <c r="AC181" s="384" t="s">
        <v>378</v>
      </c>
      <c r="AD181" s="385"/>
      <c r="AE181" s="385"/>
      <c r="AF181" s="385"/>
      <c r="AG181" s="385"/>
      <c r="AH181" s="385"/>
      <c r="AI181" s="385"/>
      <c r="AJ181" s="385"/>
      <c r="AK181" s="385"/>
    </row>
    <row r="182" spans="1:37" ht="40.5" customHeight="1">
      <c r="A182" s="35" t="s">
        <v>70</v>
      </c>
      <c r="B182" s="36" t="s">
        <v>71</v>
      </c>
      <c r="C182" s="36" t="s">
        <v>155</v>
      </c>
      <c r="D182" s="87" t="s">
        <v>84</v>
      </c>
      <c r="E182" s="36" t="s">
        <v>156</v>
      </c>
      <c r="F182" s="87" t="s">
        <v>85</v>
      </c>
      <c r="G182" s="36" t="s">
        <v>157</v>
      </c>
      <c r="H182" s="87" t="s">
        <v>86</v>
      </c>
      <c r="I182" s="36" t="s">
        <v>300</v>
      </c>
      <c r="J182" s="87" t="s">
        <v>299</v>
      </c>
      <c r="K182" s="63" t="s">
        <v>71</v>
      </c>
      <c r="L182" s="63" t="s">
        <v>155</v>
      </c>
      <c r="M182" s="86" t="s">
        <v>84</v>
      </c>
      <c r="N182" s="63" t="s">
        <v>156</v>
      </c>
      <c r="O182" s="86" t="s">
        <v>85</v>
      </c>
      <c r="P182" s="63" t="s">
        <v>157</v>
      </c>
      <c r="Q182" s="86" t="s">
        <v>86</v>
      </c>
      <c r="R182" s="63" t="s">
        <v>300</v>
      </c>
      <c r="S182" s="86" t="s">
        <v>299</v>
      </c>
      <c r="T182" s="36" t="s">
        <v>71</v>
      </c>
      <c r="U182" s="36" t="s">
        <v>155</v>
      </c>
      <c r="V182" s="87" t="s">
        <v>84</v>
      </c>
      <c r="W182" s="36" t="s">
        <v>156</v>
      </c>
      <c r="X182" s="87" t="s">
        <v>85</v>
      </c>
      <c r="Y182" s="36" t="s">
        <v>157</v>
      </c>
      <c r="Z182" s="87" t="s">
        <v>86</v>
      </c>
      <c r="AA182" s="36" t="s">
        <v>300</v>
      </c>
      <c r="AB182" s="87" t="s">
        <v>299</v>
      </c>
      <c r="AC182" s="63" t="s">
        <v>71</v>
      </c>
      <c r="AD182" s="63" t="s">
        <v>155</v>
      </c>
      <c r="AE182" s="86" t="s">
        <v>84</v>
      </c>
      <c r="AF182" s="63" t="s">
        <v>156</v>
      </c>
      <c r="AG182" s="86" t="s">
        <v>85</v>
      </c>
      <c r="AH182" s="63" t="s">
        <v>157</v>
      </c>
      <c r="AI182" s="86" t="s">
        <v>86</v>
      </c>
      <c r="AJ182" s="63" t="s">
        <v>300</v>
      </c>
      <c r="AK182" s="86" t="s">
        <v>299</v>
      </c>
    </row>
    <row r="183" spans="1:37" ht="66" customHeight="1">
      <c r="A183" s="39"/>
      <c r="B183" s="40" t="s">
        <v>73</v>
      </c>
      <c r="C183" s="40" t="s">
        <v>158</v>
      </c>
      <c r="D183" s="89" t="s">
        <v>87</v>
      </c>
      <c r="E183" s="40" t="s">
        <v>159</v>
      </c>
      <c r="F183" s="89" t="s">
        <v>87</v>
      </c>
      <c r="G183" s="40" t="s">
        <v>160</v>
      </c>
      <c r="H183" s="89" t="s">
        <v>87</v>
      </c>
      <c r="I183" s="40" t="s">
        <v>300</v>
      </c>
      <c r="J183" s="89" t="s">
        <v>87</v>
      </c>
      <c r="K183" s="66" t="s">
        <v>73</v>
      </c>
      <c r="L183" s="66" t="s">
        <v>158</v>
      </c>
      <c r="M183" s="88" t="s">
        <v>87</v>
      </c>
      <c r="N183" s="66" t="s">
        <v>159</v>
      </c>
      <c r="O183" s="88" t="s">
        <v>87</v>
      </c>
      <c r="P183" s="66" t="s">
        <v>160</v>
      </c>
      <c r="Q183" s="88" t="s">
        <v>87</v>
      </c>
      <c r="R183" s="66" t="s">
        <v>300</v>
      </c>
      <c r="S183" s="88" t="s">
        <v>87</v>
      </c>
      <c r="T183" s="40" t="s">
        <v>73</v>
      </c>
      <c r="U183" s="40" t="s">
        <v>158</v>
      </c>
      <c r="V183" s="89" t="s">
        <v>87</v>
      </c>
      <c r="W183" s="40" t="s">
        <v>159</v>
      </c>
      <c r="X183" s="89" t="s">
        <v>87</v>
      </c>
      <c r="Y183" s="40" t="s">
        <v>160</v>
      </c>
      <c r="Z183" s="89" t="s">
        <v>87</v>
      </c>
      <c r="AA183" s="40" t="s">
        <v>300</v>
      </c>
      <c r="AB183" s="89" t="s">
        <v>87</v>
      </c>
      <c r="AC183" s="66" t="s">
        <v>73</v>
      </c>
      <c r="AD183" s="66" t="s">
        <v>158</v>
      </c>
      <c r="AE183" s="88" t="s">
        <v>87</v>
      </c>
      <c r="AF183" s="66" t="s">
        <v>159</v>
      </c>
      <c r="AG183" s="88" t="s">
        <v>87</v>
      </c>
      <c r="AH183" s="66" t="s">
        <v>160</v>
      </c>
      <c r="AI183" s="88" t="s">
        <v>87</v>
      </c>
      <c r="AJ183" s="66" t="s">
        <v>300</v>
      </c>
      <c r="AK183" s="88" t="s">
        <v>87</v>
      </c>
    </row>
    <row r="184" spans="1:37">
      <c r="A184" s="43" t="s">
        <v>348</v>
      </c>
      <c r="B184" s="137">
        <v>13965</v>
      </c>
      <c r="C184" s="138">
        <v>0.36644795766614507</v>
      </c>
      <c r="D184" s="92">
        <v>8.1536898892394533E-3</v>
      </c>
      <c r="E184" s="138">
        <v>0.23648040341275756</v>
      </c>
      <c r="F184" s="92">
        <v>7.191224160995411E-3</v>
      </c>
      <c r="G184" s="138">
        <v>0.38329741118132249</v>
      </c>
      <c r="H184" s="92">
        <v>8.2273567588273637E-3</v>
      </c>
      <c r="I184" s="138">
        <v>1.3774227739792673E-2</v>
      </c>
      <c r="J184" s="92">
        <v>1.9820855190901066E-3</v>
      </c>
      <c r="K184" s="137">
        <v>13880</v>
      </c>
      <c r="L184" s="138">
        <v>0.32062561491627489</v>
      </c>
      <c r="M184" s="92">
        <v>7.9221828736430119E-3</v>
      </c>
      <c r="N184" s="138">
        <v>0.2335049807445477</v>
      </c>
      <c r="O184" s="92">
        <v>7.1816638157436805E-3</v>
      </c>
      <c r="P184" s="138">
        <v>0.38589727124803358</v>
      </c>
      <c r="Q184" s="92">
        <v>8.2629653853185988E-3</v>
      </c>
      <c r="R184" s="138">
        <v>5.9972133091162609E-2</v>
      </c>
      <c r="S184" s="92">
        <v>4.0341036549552522E-3</v>
      </c>
      <c r="T184" s="137">
        <v>13922</v>
      </c>
      <c r="U184" s="138">
        <v>0.49368915731230545</v>
      </c>
      <c r="V184" s="92">
        <v>8.4732930857762939E-3</v>
      </c>
      <c r="W184" s="138">
        <v>0.19666974281796323</v>
      </c>
      <c r="X184" s="92">
        <v>6.7376005886321923E-3</v>
      </c>
      <c r="Y184" s="138">
        <v>0.21420187864334492</v>
      </c>
      <c r="Z184" s="92">
        <v>6.9541563128915091E-3</v>
      </c>
      <c r="AA184" s="138">
        <v>9.543922122640483E-2</v>
      </c>
      <c r="AB184" s="92">
        <v>4.9823639893224105E-3</v>
      </c>
      <c r="AC184" s="137">
        <v>13902</v>
      </c>
      <c r="AD184" s="138">
        <v>0.30993186866202399</v>
      </c>
      <c r="AE184" s="92">
        <v>7.8438464444957785E-3</v>
      </c>
      <c r="AF184" s="138">
        <v>0.25085781071638874</v>
      </c>
      <c r="AG184" s="92">
        <v>7.3530255757909366E-3</v>
      </c>
      <c r="AH184" s="138">
        <v>0.36624752792057691</v>
      </c>
      <c r="AI184" s="92">
        <v>8.1711972448100367E-3</v>
      </c>
      <c r="AJ184" s="138">
        <v>7.2962792701029858E-2</v>
      </c>
      <c r="AK184" s="92">
        <v>4.4143288466272764E-3</v>
      </c>
    </row>
    <row r="185" spans="1:37">
      <c r="A185" s="47" t="s">
        <v>349</v>
      </c>
      <c r="B185" s="139">
        <v>10219</v>
      </c>
      <c r="C185" s="140">
        <v>0.37425977793015447</v>
      </c>
      <c r="D185" s="95">
        <v>9.5727319604077283E-3</v>
      </c>
      <c r="E185" s="140">
        <v>0.23341807096192999</v>
      </c>
      <c r="F185" s="95">
        <v>8.3686384836117785E-3</v>
      </c>
      <c r="G185" s="140">
        <v>0.38310947720462957</v>
      </c>
      <c r="H185" s="95">
        <v>9.6164800316819662E-3</v>
      </c>
      <c r="I185" s="140">
        <v>9.2126739032861969E-3</v>
      </c>
      <c r="J185" s="95">
        <v>1.9092445910410185E-3</v>
      </c>
      <c r="K185" s="139">
        <v>10160</v>
      </c>
      <c r="L185" s="140">
        <v>0.3955655587075626</v>
      </c>
      <c r="M185" s="95">
        <v>9.700392325624042E-3</v>
      </c>
      <c r="N185" s="140">
        <v>0.24201743914323703</v>
      </c>
      <c r="O185" s="95">
        <v>8.4979191117963739E-3</v>
      </c>
      <c r="P185" s="140">
        <v>0.30657256229566193</v>
      </c>
      <c r="Q185" s="95">
        <v>9.1473414897307644E-3</v>
      </c>
      <c r="R185" s="140">
        <v>5.5844439853537209E-2</v>
      </c>
      <c r="S185" s="95">
        <v>4.5619217166565718E-3</v>
      </c>
      <c r="T185" s="139">
        <v>10190</v>
      </c>
      <c r="U185" s="140">
        <v>0.59206716223797629</v>
      </c>
      <c r="V185" s="95">
        <v>9.7351686821155105E-3</v>
      </c>
      <c r="W185" s="140">
        <v>0.16742939549663968</v>
      </c>
      <c r="X185" s="95">
        <v>7.3980832736661069E-3</v>
      </c>
      <c r="Y185" s="140">
        <v>0.16741015566277798</v>
      </c>
      <c r="Z185" s="95">
        <v>7.3977441462118208E-3</v>
      </c>
      <c r="AA185" s="140">
        <v>7.3093286602602531E-2</v>
      </c>
      <c r="AB185" s="95">
        <v>5.1614565408424152E-3</v>
      </c>
      <c r="AC185" s="139">
        <v>10170</v>
      </c>
      <c r="AD185" s="140">
        <v>0.36260903263568517</v>
      </c>
      <c r="AE185" s="95">
        <v>9.5327967279677656E-3</v>
      </c>
      <c r="AF185" s="140">
        <v>0.23904894787629591</v>
      </c>
      <c r="AG185" s="95">
        <v>8.458041366186669E-3</v>
      </c>
      <c r="AH185" s="140">
        <v>0.32679779631457401</v>
      </c>
      <c r="AI185" s="95">
        <v>9.3007876747110592E-3</v>
      </c>
      <c r="AJ185" s="140">
        <v>7.154422317344393E-2</v>
      </c>
      <c r="AK185" s="95">
        <v>5.1159147516388311E-3</v>
      </c>
    </row>
    <row r="186" spans="1:37">
      <c r="A186" s="43" t="s">
        <v>350</v>
      </c>
      <c r="B186" s="81">
        <v>3746</v>
      </c>
      <c r="C186" s="96">
        <v>0.3601543210122039</v>
      </c>
      <c r="D186" s="92">
        <v>1.5679621934904357E-2</v>
      </c>
      <c r="E186" s="96">
        <v>0.23894758866633725</v>
      </c>
      <c r="F186" s="92">
        <v>1.393305687139991E-2</v>
      </c>
      <c r="G186" s="96">
        <v>0.383448821239948</v>
      </c>
      <c r="H186" s="92">
        <v>1.5881050741124794E-2</v>
      </c>
      <c r="I186" s="96">
        <v>1.7449269081511242E-2</v>
      </c>
      <c r="J186" s="92">
        <v>4.3378993293283763E-3</v>
      </c>
      <c r="K186" s="81">
        <v>3720</v>
      </c>
      <c r="L186" s="96">
        <v>0.26012095205869695</v>
      </c>
      <c r="M186" s="92">
        <v>1.4382439062372796E-2</v>
      </c>
      <c r="N186" s="96">
        <v>0.22663223172118518</v>
      </c>
      <c r="O186" s="92">
        <v>1.372706617716388E-2</v>
      </c>
      <c r="P186" s="96">
        <v>0.44994208538352093</v>
      </c>
      <c r="Q186" s="92">
        <v>1.6304684417490233E-2</v>
      </c>
      <c r="R186" s="96">
        <v>6.3304730836596809E-2</v>
      </c>
      <c r="S186" s="92">
        <v>8.0082325271413016E-3</v>
      </c>
      <c r="T186" s="81">
        <v>3732</v>
      </c>
      <c r="U186" s="96">
        <v>0.41453265323534544</v>
      </c>
      <c r="V186" s="92">
        <v>1.6120231012975293E-2</v>
      </c>
      <c r="W186" s="96">
        <v>0.22019699033329698</v>
      </c>
      <c r="X186" s="92">
        <v>1.3565521463450985E-2</v>
      </c>
      <c r="Y186" s="96">
        <v>0.25185124156421401</v>
      </c>
      <c r="Z186" s="92">
        <v>1.4208375148641556E-2</v>
      </c>
      <c r="AA186" s="96">
        <v>0.11341911486714538</v>
      </c>
      <c r="AB186" s="92">
        <v>1.0392462377978003E-2</v>
      </c>
      <c r="AC186" s="81">
        <v>3732</v>
      </c>
      <c r="AD186" s="96">
        <v>0.26746387235264757</v>
      </c>
      <c r="AE186" s="92">
        <v>1.4487780994636582E-2</v>
      </c>
      <c r="AF186" s="96">
        <v>0.26037804122388397</v>
      </c>
      <c r="AG186" s="92">
        <v>1.4363892813970059E-2</v>
      </c>
      <c r="AH186" s="96">
        <v>0.39805165194453163</v>
      </c>
      <c r="AI186" s="92">
        <v>1.6017548534641241E-2</v>
      </c>
      <c r="AJ186" s="96">
        <v>7.4106434478937069E-2</v>
      </c>
      <c r="AK186" s="92">
        <v>8.5952820793282168E-3</v>
      </c>
    </row>
    <row r="187" spans="1:37">
      <c r="A187" s="47" t="s">
        <v>568</v>
      </c>
      <c r="B187" s="139">
        <v>11588</v>
      </c>
      <c r="C187" s="140">
        <v>0.36694185426339582</v>
      </c>
      <c r="D187" s="95">
        <v>8.95329007062029E-3</v>
      </c>
      <c r="E187" s="140">
        <v>0.23650609031265535</v>
      </c>
      <c r="F187" s="95">
        <v>7.8946406337376505E-3</v>
      </c>
      <c r="G187" s="140">
        <v>0.3827392691464358</v>
      </c>
      <c r="H187" s="95">
        <v>9.0291187696073996E-3</v>
      </c>
      <c r="I187" s="140">
        <v>1.3812786277533953E-2</v>
      </c>
      <c r="J187" s="95">
        <v>2.1810002775813752E-3</v>
      </c>
      <c r="K187" s="139">
        <v>11525</v>
      </c>
      <c r="L187" s="140">
        <v>0.32016176272353958</v>
      </c>
      <c r="M187" s="95">
        <v>8.6904864234960046E-3</v>
      </c>
      <c r="N187" s="140">
        <v>0.23367784370617187</v>
      </c>
      <c r="O187" s="95">
        <v>7.8833044326637319E-3</v>
      </c>
      <c r="P187" s="140">
        <v>0.38602579967742279</v>
      </c>
      <c r="Q187" s="95">
        <v>9.0682954172684443E-3</v>
      </c>
      <c r="R187" s="140">
        <v>6.0134593892886619E-2</v>
      </c>
      <c r="S187" s="95">
        <v>4.4334756085446757E-3</v>
      </c>
      <c r="T187" s="139">
        <v>11560</v>
      </c>
      <c r="U187" s="140">
        <v>0.49371759179896046</v>
      </c>
      <c r="V187" s="95">
        <v>9.2984743515818705E-3</v>
      </c>
      <c r="W187" s="140">
        <v>0.19678405478003164</v>
      </c>
      <c r="X187" s="95">
        <v>7.3956170654045725E-3</v>
      </c>
      <c r="Y187" s="140">
        <v>0.21366242234744567</v>
      </c>
      <c r="Z187" s="95">
        <v>7.6246133805266923E-3</v>
      </c>
      <c r="AA187" s="140">
        <v>9.5835931073583763E-2</v>
      </c>
      <c r="AB187" s="95">
        <v>5.47831140026002E-3</v>
      </c>
      <c r="AC187" s="139">
        <v>11540</v>
      </c>
      <c r="AD187" s="140">
        <v>0.30920238870396255</v>
      </c>
      <c r="AE187" s="95">
        <v>8.6034831332593327E-3</v>
      </c>
      <c r="AF187" s="140">
        <v>0.25114715218295219</v>
      </c>
      <c r="AG187" s="95">
        <v>8.0735352308837355E-3</v>
      </c>
      <c r="AH187" s="140">
        <v>0.36639173480483889</v>
      </c>
      <c r="AI187" s="95">
        <v>8.9690543711915607E-3</v>
      </c>
      <c r="AJ187" s="140">
        <v>7.325872430826777E-2</v>
      </c>
      <c r="AK187" s="95">
        <v>4.8547175336035647E-3</v>
      </c>
    </row>
    <row r="188" spans="1:37">
      <c r="A188" s="43" t="s">
        <v>569</v>
      </c>
      <c r="B188" s="81">
        <v>2377</v>
      </c>
      <c r="C188" s="96">
        <v>0.30387426488017655</v>
      </c>
      <c r="D188" s="92">
        <v>1.8857044301316354E-2</v>
      </c>
      <c r="E188" s="96">
        <v>0.23322602953825886</v>
      </c>
      <c r="F188" s="92">
        <v>1.7344524749121494E-2</v>
      </c>
      <c r="G188" s="96">
        <v>0.45401060988830028</v>
      </c>
      <c r="H188" s="92">
        <v>2.0407115408319881E-2</v>
      </c>
      <c r="I188" s="96">
        <v>8.8890956932624332E-3</v>
      </c>
      <c r="J188" s="92">
        <v>4.0200632674719881E-3</v>
      </c>
      <c r="K188" s="81">
        <v>2355</v>
      </c>
      <c r="L188" s="96">
        <v>0.3796732687536275</v>
      </c>
      <c r="M188" s="92">
        <v>1.9986028891337396E-2</v>
      </c>
      <c r="N188" s="96">
        <v>0.21149979788869577</v>
      </c>
      <c r="O188" s="92">
        <v>1.6830182283062316E-2</v>
      </c>
      <c r="P188" s="96">
        <v>0.36953580454449475</v>
      </c>
      <c r="Q188" s="92">
        <v>1.987825459819368E-2</v>
      </c>
      <c r="R188" s="96">
        <v>3.9291128813179477E-2</v>
      </c>
      <c r="S188" s="92">
        <v>8.0762087925426579E-3</v>
      </c>
      <c r="T188" s="81">
        <v>2362</v>
      </c>
      <c r="U188" s="96">
        <v>0.49004785827899605</v>
      </c>
      <c r="V188" s="92">
        <v>2.0554497978035172E-2</v>
      </c>
      <c r="W188" s="96">
        <v>0.18203103869612036</v>
      </c>
      <c r="X188" s="92">
        <v>1.5884053037987945E-2</v>
      </c>
      <c r="Y188" s="96">
        <v>0.28328424727289153</v>
      </c>
      <c r="Z188" s="92">
        <v>1.8534332236800063E-2</v>
      </c>
      <c r="AA188" s="96">
        <v>4.4636855751988856E-2</v>
      </c>
      <c r="AB188" s="92">
        <v>8.5603552604509858E-3</v>
      </c>
      <c r="AC188" s="81">
        <v>2362</v>
      </c>
      <c r="AD188" s="96">
        <v>0.40247572456696967</v>
      </c>
      <c r="AE188" s="92">
        <v>2.0165047947340399E-2</v>
      </c>
      <c r="AF188" s="96">
        <v>0.21415114771215826</v>
      </c>
      <c r="AG188" s="92">
        <v>1.6881391180345928E-2</v>
      </c>
      <c r="AH188" s="96">
        <v>0.34795304159491286</v>
      </c>
      <c r="AI188" s="92">
        <v>1.958831679813133E-2</v>
      </c>
      <c r="AJ188" s="96">
        <v>3.5420086125957082E-2</v>
      </c>
      <c r="AK188" s="92">
        <v>7.6807246527425561E-3</v>
      </c>
    </row>
    <row r="189" spans="1:37">
      <c r="A189" s="47" t="s">
        <v>570</v>
      </c>
      <c r="B189" s="139">
        <v>609</v>
      </c>
      <c r="C189" s="140">
        <v>0.29331347524194473</v>
      </c>
      <c r="D189" s="95">
        <v>3.6826507673525265E-2</v>
      </c>
      <c r="E189" s="140">
        <v>0.28647740698196378</v>
      </c>
      <c r="F189" s="95">
        <v>3.6574459687459294E-2</v>
      </c>
      <c r="G189" s="140">
        <v>0.41411974145549435</v>
      </c>
      <c r="H189" s="95">
        <v>3.9797244740416807E-2</v>
      </c>
      <c r="I189" s="140">
        <v>6.0893763205963859E-3</v>
      </c>
      <c r="J189" s="95">
        <v>7.7588303664258146E-3</v>
      </c>
      <c r="K189" s="139">
        <v>604</v>
      </c>
      <c r="L189" s="140">
        <v>0.43452718275212376</v>
      </c>
      <c r="M189" s="95">
        <v>4.0210754688324732E-2</v>
      </c>
      <c r="N189" s="140">
        <v>0.20288812931859604</v>
      </c>
      <c r="O189" s="95">
        <v>3.2735205052331788E-2</v>
      </c>
      <c r="P189" s="140">
        <v>0.3200626185643658</v>
      </c>
      <c r="Q189" s="95">
        <v>3.7875067883373782E-2</v>
      </c>
      <c r="R189" s="140">
        <v>4.2522069364914122E-2</v>
      </c>
      <c r="S189" s="95">
        <v>1.6908937308274693E-2</v>
      </c>
      <c r="T189" s="139">
        <v>607</v>
      </c>
      <c r="U189" s="140">
        <v>0.4905230400061063</v>
      </c>
      <c r="V189" s="95">
        <v>4.0448497031521723E-2</v>
      </c>
      <c r="W189" s="140">
        <v>0.19860545536489643</v>
      </c>
      <c r="X189" s="95">
        <v>3.2399593084172208E-2</v>
      </c>
      <c r="Y189" s="140">
        <v>0.28332256999932981</v>
      </c>
      <c r="Z189" s="95">
        <v>3.651456202915547E-2</v>
      </c>
      <c r="AA189" s="140">
        <v>2.7548934629667773E-2</v>
      </c>
      <c r="AB189" s="95">
        <v>1.3944706727402749E-2</v>
      </c>
      <c r="AC189" s="139">
        <v>607</v>
      </c>
      <c r="AD189" s="140">
        <v>0.45798919683239797</v>
      </c>
      <c r="AE189" s="95">
        <v>4.0314485927450315E-2</v>
      </c>
      <c r="AF189" s="140">
        <v>0.21597645698289089</v>
      </c>
      <c r="AG189" s="95">
        <v>3.3398197380573938E-2</v>
      </c>
      <c r="AH189" s="140">
        <v>0.31443913660857148</v>
      </c>
      <c r="AI189" s="95">
        <v>3.7605631199524314E-2</v>
      </c>
      <c r="AJ189" s="140">
        <v>1.1595209576139531E-2</v>
      </c>
      <c r="AK189" s="95">
        <v>9.7677784884305039E-3</v>
      </c>
    </row>
    <row r="190" spans="1:37">
      <c r="A190" s="43" t="s">
        <v>571</v>
      </c>
      <c r="B190" s="81">
        <v>1273</v>
      </c>
      <c r="C190" s="96">
        <v>0.32008006412457901</v>
      </c>
      <c r="D190" s="92">
        <v>2.6121293741275017E-2</v>
      </c>
      <c r="E190" s="96">
        <v>0.23906638444004041</v>
      </c>
      <c r="F190" s="92">
        <v>2.3898737012943521E-2</v>
      </c>
      <c r="G190" s="96">
        <v>0.43762014140787642</v>
      </c>
      <c r="H190" s="92">
        <v>2.7766398429066735E-2</v>
      </c>
      <c r="I190" s="96">
        <v>3.233410027505336E-3</v>
      </c>
      <c r="J190" s="92">
        <v>3.8639809058716836E-3</v>
      </c>
      <c r="K190" s="81">
        <v>1267</v>
      </c>
      <c r="L190" s="96">
        <v>0.39014735722974109</v>
      </c>
      <c r="M190" s="92">
        <v>2.7368639639160808E-2</v>
      </c>
      <c r="N190" s="96">
        <v>0.23265554896402821</v>
      </c>
      <c r="O190" s="92">
        <v>2.3733115251549523E-2</v>
      </c>
      <c r="P190" s="96">
        <v>0.33452190637689738</v>
      </c>
      <c r="Q190" s="92">
        <v>2.647915825700764E-2</v>
      </c>
      <c r="R190" s="96">
        <v>4.2675187429333655E-2</v>
      </c>
      <c r="S190" s="92">
        <v>1.1519949898114003E-2</v>
      </c>
      <c r="T190" s="81">
        <v>1266</v>
      </c>
      <c r="U190" s="96">
        <v>0.53720997500957823</v>
      </c>
      <c r="V190" s="92">
        <v>2.7983354208601884E-2</v>
      </c>
      <c r="W190" s="96">
        <v>0.18529844273480234</v>
      </c>
      <c r="X190" s="92">
        <v>2.1850299766597425E-2</v>
      </c>
      <c r="Y190" s="96">
        <v>0.22653411784231062</v>
      </c>
      <c r="Z190" s="92">
        <v>2.3523266898106264E-2</v>
      </c>
      <c r="AA190" s="96">
        <v>5.0957464413309242E-2</v>
      </c>
      <c r="AB190" s="92">
        <v>1.2502468310657034E-2</v>
      </c>
      <c r="AC190" s="81">
        <v>1265</v>
      </c>
      <c r="AD190" s="96">
        <v>0.42089289911909122</v>
      </c>
      <c r="AE190" s="92">
        <v>2.7720401577363302E-2</v>
      </c>
      <c r="AF190" s="96">
        <v>0.23062936210992099</v>
      </c>
      <c r="AG190" s="92">
        <v>2.3680043032464237E-2</v>
      </c>
      <c r="AH190" s="96">
        <v>0.30771874539710314</v>
      </c>
      <c r="AI190" s="92">
        <v>2.5927134990108413E-2</v>
      </c>
      <c r="AJ190" s="96">
        <v>4.0758993373884882E-2</v>
      </c>
      <c r="AK190" s="92">
        <v>1.1288210509960046E-2</v>
      </c>
    </row>
    <row r="191" spans="1:37">
      <c r="A191" s="47" t="s">
        <v>582</v>
      </c>
      <c r="B191" s="139">
        <v>869</v>
      </c>
      <c r="C191" s="140">
        <v>0.31682243211808714</v>
      </c>
      <c r="D191" s="95">
        <v>3.1514120302072741E-2</v>
      </c>
      <c r="E191" s="140">
        <v>0.23342287713948626</v>
      </c>
      <c r="F191" s="95">
        <v>2.8685309715695662E-2</v>
      </c>
      <c r="G191" s="140">
        <v>0.44340350282322211</v>
      </c>
      <c r="H191" s="95">
        <v>3.3629346973568224E-2</v>
      </c>
      <c r="I191" s="140">
        <v>6.3511879192070068E-3</v>
      </c>
      <c r="J191" s="95">
        <v>6.2549329793585408E-3</v>
      </c>
      <c r="K191" s="139">
        <v>861</v>
      </c>
      <c r="L191" s="140">
        <v>0.44362374854443265</v>
      </c>
      <c r="M191" s="95">
        <v>3.3786206086423937E-2</v>
      </c>
      <c r="N191" s="140">
        <v>0.18408500872080646</v>
      </c>
      <c r="O191" s="95">
        <v>2.643509761917634E-2</v>
      </c>
      <c r="P191" s="140">
        <v>0.32213674801444198</v>
      </c>
      <c r="Q191" s="95">
        <v>3.1798248997553943E-2</v>
      </c>
      <c r="R191" s="140">
        <v>5.0154494720321054E-2</v>
      </c>
      <c r="S191" s="95">
        <v>1.5130452503435008E-2</v>
      </c>
      <c r="T191" s="139">
        <v>864</v>
      </c>
      <c r="U191" s="140">
        <v>0.51690029869494092</v>
      </c>
      <c r="V191" s="95">
        <v>3.3922995360104666E-2</v>
      </c>
      <c r="W191" s="140">
        <v>0.18836648756142341</v>
      </c>
      <c r="X191" s="95">
        <v>2.6620525394118286E-2</v>
      </c>
      <c r="Y191" s="140">
        <v>0.23293905644513335</v>
      </c>
      <c r="Z191" s="95">
        <v>2.8747612945842636E-2</v>
      </c>
      <c r="AA191" s="140">
        <v>6.1794157298503988E-2</v>
      </c>
      <c r="AB191" s="95">
        <v>1.6592343369755898E-2</v>
      </c>
      <c r="AC191" s="139">
        <v>862</v>
      </c>
      <c r="AD191" s="140">
        <v>0.40365459248917657</v>
      </c>
      <c r="AE191" s="95">
        <v>3.3350480806826524E-2</v>
      </c>
      <c r="AF191" s="140">
        <v>0.19994774144123231</v>
      </c>
      <c r="AG191" s="95">
        <v>2.7252850757354216E-2</v>
      </c>
      <c r="AH191" s="140">
        <v>0.33940128002288555</v>
      </c>
      <c r="AI191" s="95">
        <v>3.219784134087935E-2</v>
      </c>
      <c r="AJ191" s="140">
        <v>5.6996386046707662E-2</v>
      </c>
      <c r="AK191" s="95">
        <v>1.6019123160940681E-2</v>
      </c>
    </row>
    <row r="192" spans="1:37">
      <c r="A192" s="43" t="s">
        <v>583</v>
      </c>
      <c r="B192" s="81">
        <v>1508</v>
      </c>
      <c r="C192" s="96">
        <v>0.29864208727460229</v>
      </c>
      <c r="D192" s="92">
        <v>2.3551656109462513E-2</v>
      </c>
      <c r="E192" s="96">
        <v>0.23314648611007155</v>
      </c>
      <c r="F192" s="92">
        <v>2.1771144951885032E-2</v>
      </c>
      <c r="G192" s="96">
        <v>0.45829679703943393</v>
      </c>
      <c r="H192" s="92">
        <v>2.5628090603692897E-2</v>
      </c>
      <c r="I192" s="96">
        <v>9.914629575891773E-3</v>
      </c>
      <c r="J192" s="92">
        <v>5.4154056644486149E-3</v>
      </c>
      <c r="K192" s="81">
        <v>1494</v>
      </c>
      <c r="L192" s="96">
        <v>0.35392817953423789</v>
      </c>
      <c r="M192" s="92">
        <v>2.4716108824809801E-2</v>
      </c>
      <c r="N192" s="96">
        <v>0.22253640301452038</v>
      </c>
      <c r="O192" s="92">
        <v>2.1519360914749701E-2</v>
      </c>
      <c r="P192" s="96">
        <v>0.38861764635823998</v>
      </c>
      <c r="Q192" s="92">
        <v>2.5191397469184865E-2</v>
      </c>
      <c r="R192" s="96">
        <v>3.4917771093000857E-2</v>
      </c>
      <c r="S192" s="92">
        <v>9.646921130066273E-3</v>
      </c>
      <c r="T192" s="81">
        <v>1498</v>
      </c>
      <c r="U192" s="96">
        <v>0.47922148755381594</v>
      </c>
      <c r="V192" s="92">
        <v>2.5780521447932851E-2</v>
      </c>
      <c r="W192" s="96">
        <v>0.17947671152645778</v>
      </c>
      <c r="X192" s="92">
        <v>1.9840326946614351E-2</v>
      </c>
      <c r="Y192" s="96">
        <v>0.30358242843216315</v>
      </c>
      <c r="Z192" s="92">
        <v>2.3739899344871876E-2</v>
      </c>
      <c r="AA192" s="96">
        <v>3.7719372487561888E-2</v>
      </c>
      <c r="AB192" s="92">
        <v>9.9844538959648187E-3</v>
      </c>
      <c r="AC192" s="81">
        <v>1500</v>
      </c>
      <c r="AD192" s="96">
        <v>0.40200151398742179</v>
      </c>
      <c r="AE192" s="92">
        <v>2.5288090730839593E-2</v>
      </c>
      <c r="AF192" s="96">
        <v>0.21986459990848581</v>
      </c>
      <c r="AG192" s="92">
        <v>2.1384339270101631E-2</v>
      </c>
      <c r="AH192" s="96">
        <v>0.35139306717780339</v>
      </c>
      <c r="AI192" s="92">
        <v>2.4626642482405141E-2</v>
      </c>
      <c r="AJ192" s="96">
        <v>2.6740818926287786E-2</v>
      </c>
      <c r="AK192" s="92">
        <v>8.5077429831588655E-3</v>
      </c>
    </row>
    <row r="193" spans="1:37">
      <c r="A193" s="47" t="s">
        <v>572</v>
      </c>
      <c r="B193" s="139">
        <v>295</v>
      </c>
      <c r="C193" s="140">
        <v>0.28060632226574278</v>
      </c>
      <c r="D193" s="95">
        <v>5.2131253811873356E-2</v>
      </c>
      <c r="E193" s="140">
        <v>0.20064563822407361</v>
      </c>
      <c r="F193" s="95">
        <v>4.6663758654068632E-2</v>
      </c>
      <c r="G193" s="140">
        <v>0.49288250419445245</v>
      </c>
      <c r="H193" s="95">
        <v>5.7825789296475069E-2</v>
      </c>
      <c r="I193" s="140">
        <v>2.5865535315730836E-2</v>
      </c>
      <c r="J193" s="95">
        <v>2.042068780997178E-2</v>
      </c>
      <c r="K193" s="139">
        <v>294</v>
      </c>
      <c r="L193" s="140">
        <v>0.30896697717914484</v>
      </c>
      <c r="M193" s="95">
        <v>5.3655563638279807E-2</v>
      </c>
      <c r="N193" s="140">
        <v>0.17134665283185296</v>
      </c>
      <c r="O193" s="95">
        <v>4.4096781133970267E-2</v>
      </c>
      <c r="P193" s="140">
        <v>0.48439201336633808</v>
      </c>
      <c r="Q193" s="95">
        <v>5.7900966910962179E-2</v>
      </c>
      <c r="R193" s="140">
        <v>3.5294356622663905E-2</v>
      </c>
      <c r="S193" s="95">
        <v>2.3115440636991731E-2</v>
      </c>
      <c r="T193" s="139">
        <v>294</v>
      </c>
      <c r="U193" s="140">
        <v>0.35814817451977549</v>
      </c>
      <c r="V193" s="95">
        <v>5.5613071289009969E-2</v>
      </c>
      <c r="W193" s="140">
        <v>0.22115850656297278</v>
      </c>
      <c r="X193" s="95">
        <v>4.837226037371431E-2</v>
      </c>
      <c r="Y193" s="140">
        <v>0.39418579154253514</v>
      </c>
      <c r="Z193" s="95">
        <v>5.6651758188457739E-2</v>
      </c>
      <c r="AA193" s="140">
        <v>2.6507527374716289E-2</v>
      </c>
      <c r="AB193" s="95">
        <v>2.0654767118873724E-2</v>
      </c>
      <c r="AC193" s="139">
        <v>294</v>
      </c>
      <c r="AD193" s="140">
        <v>0.32114737206612703</v>
      </c>
      <c r="AE193" s="95">
        <v>5.42013050429049E-2</v>
      </c>
      <c r="AF193" s="140">
        <v>0.17220164786154815</v>
      </c>
      <c r="AG193" s="95">
        <v>4.4179847743967535E-2</v>
      </c>
      <c r="AH193" s="140">
        <v>0.47670182237047437</v>
      </c>
      <c r="AI193" s="95">
        <v>5.786720148444844E-2</v>
      </c>
      <c r="AJ193" s="140">
        <v>2.9949157701850221E-2</v>
      </c>
      <c r="AK193" s="95">
        <v>2.1657455726472652E-2</v>
      </c>
    </row>
    <row r="194" spans="1:37">
      <c r="A194" s="43" t="s">
        <v>573</v>
      </c>
      <c r="B194" s="137">
        <v>448</v>
      </c>
      <c r="C194" s="138">
        <v>0.34978575650558197</v>
      </c>
      <c r="D194" s="92">
        <v>4.4902380094515179E-2</v>
      </c>
      <c r="E194" s="138">
        <v>0.23742701957158055</v>
      </c>
      <c r="F194" s="92">
        <v>4.0162313208466374E-2</v>
      </c>
      <c r="G194" s="138">
        <v>0.4082968905650744</v>
      </c>
      <c r="H194" s="92">
        <v>4.6252359054003288E-2</v>
      </c>
      <c r="I194" s="138">
        <v>4.4903333577639383E-3</v>
      </c>
      <c r="J194" s="92">
        <v>8.8230402222192993E-3</v>
      </c>
      <c r="K194" s="137">
        <v>448</v>
      </c>
      <c r="L194" s="138">
        <v>0.43957795833604552</v>
      </c>
      <c r="M194" s="92">
        <v>4.6697435766191266E-2</v>
      </c>
      <c r="N194" s="138">
        <v>0.21755510505318959</v>
      </c>
      <c r="O194" s="92">
        <v>3.8972486637215441E-2</v>
      </c>
      <c r="P194" s="138">
        <v>0.31778679462469056</v>
      </c>
      <c r="Q194" s="92">
        <v>4.3860537978841457E-2</v>
      </c>
      <c r="R194" s="138">
        <v>2.5080141986075572E-2</v>
      </c>
      <c r="S194" s="92">
        <v>1.5860419959058705E-2</v>
      </c>
      <c r="T194" s="137">
        <v>446</v>
      </c>
      <c r="U194" s="138">
        <v>0.54523033079512151</v>
      </c>
      <c r="V194" s="92">
        <v>4.6950605250529028E-2</v>
      </c>
      <c r="W194" s="138">
        <v>0.15871107737916365</v>
      </c>
      <c r="X194" s="92">
        <v>3.4715784482208627E-2</v>
      </c>
      <c r="Y194" s="138">
        <v>0.27028899347180102</v>
      </c>
      <c r="Z194" s="92">
        <v>4.1970017534063944E-2</v>
      </c>
      <c r="AA194" s="138">
        <v>2.5769598353914701E-2</v>
      </c>
      <c r="AB194" s="92">
        <v>1.6079215208642698E-2</v>
      </c>
      <c r="AC194" s="137">
        <v>446</v>
      </c>
      <c r="AD194" s="138">
        <v>0.46068383558093545</v>
      </c>
      <c r="AE194" s="92">
        <v>4.6997077665452476E-2</v>
      </c>
      <c r="AF194" s="138">
        <v>0.18296921140876546</v>
      </c>
      <c r="AG194" s="92">
        <v>3.6669133955875427E-2</v>
      </c>
      <c r="AH194" s="138">
        <v>0.32464298105463513</v>
      </c>
      <c r="AI194" s="92">
        <v>4.4200970771841291E-2</v>
      </c>
      <c r="AJ194" s="138">
        <v>3.1703971955665121E-2</v>
      </c>
      <c r="AK194" s="92">
        <v>1.7532240798059293E-2</v>
      </c>
    </row>
    <row r="195" spans="1:37">
      <c r="A195" s="47" t="s">
        <v>574</v>
      </c>
      <c r="B195" s="139">
        <v>679</v>
      </c>
      <c r="C195" s="140">
        <v>0.34503019097733906</v>
      </c>
      <c r="D195" s="95">
        <v>3.6402245239442896E-2</v>
      </c>
      <c r="E195" s="140">
        <v>0.26793933762191585</v>
      </c>
      <c r="F195" s="95">
        <v>3.394740344952047E-2</v>
      </c>
      <c r="G195" s="140">
        <v>0.38465815855562652</v>
      </c>
      <c r="H195" s="95">
        <v>3.7244129937746125E-2</v>
      </c>
      <c r="I195" s="140">
        <v>2.3723128451170776E-3</v>
      </c>
      <c r="J195" s="95">
        <v>5.5495785343596064E-3</v>
      </c>
      <c r="K195" s="139">
        <v>670</v>
      </c>
      <c r="L195" s="140">
        <v>0.43520055247243233</v>
      </c>
      <c r="M195" s="95">
        <v>3.8197575007800667E-2</v>
      </c>
      <c r="N195" s="140">
        <v>0.24443756258821059</v>
      </c>
      <c r="O195" s="95">
        <v>3.3176155924251098E-2</v>
      </c>
      <c r="P195" s="140">
        <v>0.27563708985479934</v>
      </c>
      <c r="Q195" s="95">
        <v>3.4474176784638044E-2</v>
      </c>
      <c r="R195" s="140">
        <v>4.4724795084556242E-2</v>
      </c>
      <c r="S195" s="95">
        <v>1.6374227203429507E-2</v>
      </c>
      <c r="T195" s="139">
        <v>674</v>
      </c>
      <c r="U195" s="140">
        <v>0.55616445927767522</v>
      </c>
      <c r="V195" s="95">
        <v>3.8164576412954246E-2</v>
      </c>
      <c r="W195" s="140">
        <v>0.174017554545151</v>
      </c>
      <c r="X195" s="95">
        <v>2.924674861378803E-2</v>
      </c>
      <c r="Y195" s="140">
        <v>0.2257129931596186</v>
      </c>
      <c r="Z195" s="95">
        <v>3.2191511051878556E-2</v>
      </c>
      <c r="AA195" s="140">
        <v>4.4104993017554099E-2</v>
      </c>
      <c r="AB195" s="95">
        <v>1.6222076226859644E-2</v>
      </c>
      <c r="AC195" s="139">
        <v>676</v>
      </c>
      <c r="AD195" s="140">
        <v>0.45310522854108293</v>
      </c>
      <c r="AE195" s="95">
        <v>3.8181199277908487E-2</v>
      </c>
      <c r="AF195" s="140">
        <v>0.24102026309581981</v>
      </c>
      <c r="AG195" s="95">
        <v>3.2873754939410159E-2</v>
      </c>
      <c r="AH195" s="140">
        <v>0.2723694574798145</v>
      </c>
      <c r="AI195" s="95">
        <v>3.4195986970279667E-2</v>
      </c>
      <c r="AJ195" s="140">
        <v>3.3505050883281366E-2</v>
      </c>
      <c r="AK195" s="95">
        <v>1.4335299655072754E-2</v>
      </c>
    </row>
    <row r="196" spans="1:37">
      <c r="A196" s="43" t="s">
        <v>575</v>
      </c>
      <c r="B196" s="81">
        <v>929</v>
      </c>
      <c r="C196" s="96">
        <v>0.26359761920470542</v>
      </c>
      <c r="D196" s="92">
        <v>2.8883628868409814E-2</v>
      </c>
      <c r="E196" s="96">
        <v>0.22980973950917932</v>
      </c>
      <c r="F196" s="92">
        <v>2.7595442324919672E-2</v>
      </c>
      <c r="G196" s="96">
        <v>0.5012120244705156</v>
      </c>
      <c r="H196" s="92">
        <v>3.2738434860402878E-2</v>
      </c>
      <c r="I196" s="96">
        <v>5.3806168155950598E-3</v>
      </c>
      <c r="J196" s="92">
        <v>5.6496133053016238E-3</v>
      </c>
      <c r="K196" s="81">
        <v>918</v>
      </c>
      <c r="L196" s="96">
        <v>0.34291641418770069</v>
      </c>
      <c r="M196" s="92">
        <v>3.1280577898294117E-2</v>
      </c>
      <c r="N196" s="96">
        <v>0.21142332250824389</v>
      </c>
      <c r="O196" s="92">
        <v>2.6952557858382024E-2</v>
      </c>
      <c r="P196" s="96">
        <v>0.39773160552882059</v>
      </c>
      <c r="Q196" s="92">
        <v>3.2243092899671276E-2</v>
      </c>
      <c r="R196" s="96">
        <v>4.7928657775230317E-2</v>
      </c>
      <c r="S196" s="92">
        <v>1.434028916929728E-2</v>
      </c>
      <c r="T196" s="81">
        <v>923</v>
      </c>
      <c r="U196" s="96">
        <v>0.48982839108063092</v>
      </c>
      <c r="V196" s="92">
        <v>3.2837570854527667E-2</v>
      </c>
      <c r="W196" s="96">
        <v>0.17898463743376125</v>
      </c>
      <c r="X196" s="92">
        <v>2.5256957438947191E-2</v>
      </c>
      <c r="Y196" s="96">
        <v>0.25963826596581052</v>
      </c>
      <c r="Z196" s="92">
        <v>2.8837509139984702E-2</v>
      </c>
      <c r="AA196" s="96">
        <v>7.154870551979374E-2</v>
      </c>
      <c r="AB196" s="92">
        <v>1.7130790974305098E-2</v>
      </c>
      <c r="AC196" s="81">
        <v>921</v>
      </c>
      <c r="AD196" s="96">
        <v>0.37479606580120889</v>
      </c>
      <c r="AE196" s="92">
        <v>3.1841448979425799E-2</v>
      </c>
      <c r="AF196" s="96">
        <v>0.2419439541197714</v>
      </c>
      <c r="AG196" s="92">
        <v>2.820632635217615E-2</v>
      </c>
      <c r="AH196" s="96">
        <v>0.33997780249894111</v>
      </c>
      <c r="AI196" s="92">
        <v>3.1165738936692604E-2</v>
      </c>
      <c r="AJ196" s="96">
        <v>4.3282177580073952E-2</v>
      </c>
      <c r="AK196" s="92">
        <v>1.3669292760837741E-2</v>
      </c>
    </row>
    <row r="197" spans="1:37">
      <c r="A197" s="47" t="s">
        <v>576</v>
      </c>
      <c r="B197" s="139">
        <v>754</v>
      </c>
      <c r="C197" s="140">
        <v>0.32670782075518529</v>
      </c>
      <c r="D197" s="95">
        <v>3.4094848732570404E-2</v>
      </c>
      <c r="E197" s="140">
        <v>0.22251558899309196</v>
      </c>
      <c r="F197" s="95">
        <v>3.0285614638663215E-2</v>
      </c>
      <c r="G197" s="140">
        <v>0.44340009919772633</v>
      </c>
      <c r="H197" s="95">
        <v>3.6090634410320531E-2</v>
      </c>
      <c r="I197" s="140">
        <v>7.3764910539963324E-3</v>
      </c>
      <c r="J197" s="95">
        <v>7.2193543324815413E-3</v>
      </c>
      <c r="K197" s="139">
        <v>745</v>
      </c>
      <c r="L197" s="140">
        <v>0.41536902986581931</v>
      </c>
      <c r="M197" s="95">
        <v>3.6017641098641334E-2</v>
      </c>
      <c r="N197" s="140">
        <v>0.17703675037347716</v>
      </c>
      <c r="O197" s="95">
        <v>2.8000175417871177E-2</v>
      </c>
      <c r="P197" s="140">
        <v>0.37300319660254316</v>
      </c>
      <c r="Q197" s="95">
        <v>3.5353912780864943E-2</v>
      </c>
      <c r="R197" s="140">
        <v>3.4591023158160011E-2</v>
      </c>
      <c r="S197" s="95">
        <v>1.3808116679562965E-2</v>
      </c>
      <c r="T197" s="139">
        <v>751</v>
      </c>
      <c r="U197" s="140">
        <v>0.53014447489407079</v>
      </c>
      <c r="V197" s="95">
        <v>3.6328225111197661E-2</v>
      </c>
      <c r="W197" s="140">
        <v>0.16424197145689298</v>
      </c>
      <c r="X197" s="95">
        <v>2.7084162046446928E-2</v>
      </c>
      <c r="Y197" s="140">
        <v>0.27019221384664666</v>
      </c>
      <c r="Z197" s="95">
        <v>3.2367630987078393E-2</v>
      </c>
      <c r="AA197" s="140">
        <v>3.542133980238895E-2</v>
      </c>
      <c r="AB197" s="95">
        <v>1.3896035162459306E-2</v>
      </c>
      <c r="AC197" s="139">
        <v>747</v>
      </c>
      <c r="AD197" s="140">
        <v>0.46882700664528143</v>
      </c>
      <c r="AE197" s="95">
        <v>3.6420284401517282E-2</v>
      </c>
      <c r="AF197" s="140">
        <v>0.18728803731816199</v>
      </c>
      <c r="AG197" s="95">
        <v>2.8570015434764982E-2</v>
      </c>
      <c r="AH197" s="140">
        <v>0.31614053673773851</v>
      </c>
      <c r="AI197" s="95">
        <v>3.3962055891040566E-2</v>
      </c>
      <c r="AJ197" s="140">
        <v>2.7744419298817994E-2</v>
      </c>
      <c r="AK197" s="95">
        <v>1.2501740756858292E-2</v>
      </c>
    </row>
    <row r="198" spans="1:37">
      <c r="A198" s="55" t="s">
        <v>577</v>
      </c>
      <c r="B198" s="137">
        <v>768</v>
      </c>
      <c r="C198" s="138">
        <v>0.26854944250935603</v>
      </c>
      <c r="D198" s="92">
        <v>3.194752207686629E-2</v>
      </c>
      <c r="E198" s="138">
        <v>0.2645687877451493</v>
      </c>
      <c r="F198" s="92">
        <v>3.1798021754263404E-2</v>
      </c>
      <c r="G198" s="138">
        <v>0.45037910412748183</v>
      </c>
      <c r="H198" s="92">
        <v>3.5814954467833768E-2</v>
      </c>
      <c r="I198" s="138">
        <v>1.6502665618009164E-2</v>
      </c>
      <c r="J198" s="92">
        <v>9.8292508984779998E-3</v>
      </c>
      <c r="K198" s="137">
        <v>762</v>
      </c>
      <c r="L198" s="138">
        <v>0.33646343105172583</v>
      </c>
      <c r="M198" s="92">
        <v>3.4165499082870338E-2</v>
      </c>
      <c r="N198" s="138">
        <v>0.22714192981016254</v>
      </c>
      <c r="O198" s="92">
        <v>3.0343895337060486E-2</v>
      </c>
      <c r="P198" s="138">
        <v>0.3794906859922027</v>
      </c>
      <c r="Q198" s="92">
        <v>3.507759248411324E-2</v>
      </c>
      <c r="R198" s="138">
        <v>5.6903953145905212E-2</v>
      </c>
      <c r="S198" s="92">
        <v>1.7056353573033815E-2</v>
      </c>
      <c r="T198" s="137">
        <v>763</v>
      </c>
      <c r="U198" s="138">
        <v>0.46957088534079661</v>
      </c>
      <c r="V198" s="92">
        <v>3.6041675246379391E-2</v>
      </c>
      <c r="W198" s="138">
        <v>0.19126613821026328</v>
      </c>
      <c r="X198" s="92">
        <v>2.8493233116217501E-2</v>
      </c>
      <c r="Y198" s="138">
        <v>0.27049570083224722</v>
      </c>
      <c r="Z198" s="92">
        <v>3.2123923057115408E-2</v>
      </c>
      <c r="AA198" s="138">
        <v>6.866727561669006E-2</v>
      </c>
      <c r="AB198" s="92">
        <v>1.8536766625164285E-2</v>
      </c>
      <c r="AC198" s="137">
        <v>766</v>
      </c>
      <c r="AD198" s="138">
        <v>0.35584712181380213</v>
      </c>
      <c r="AE198" s="92">
        <v>3.4523493494297952E-2</v>
      </c>
      <c r="AF198" s="138">
        <v>0.22820427380420394</v>
      </c>
      <c r="AG198" s="92">
        <v>3.0313736161283626E-2</v>
      </c>
      <c r="AH198" s="138">
        <v>0.35377824900988136</v>
      </c>
      <c r="AI198" s="92">
        <v>3.447873507952668E-2</v>
      </c>
      <c r="AJ198" s="138">
        <v>6.2170355372108785E-2</v>
      </c>
      <c r="AK198" s="92">
        <v>1.7697554819875835E-2</v>
      </c>
    </row>
    <row r="199" spans="1:37">
      <c r="A199" s="47" t="s">
        <v>578</v>
      </c>
      <c r="B199" s="139">
        <v>260</v>
      </c>
      <c r="C199" s="140">
        <v>0.33009934153731973</v>
      </c>
      <c r="D199" s="95">
        <v>5.7997109885473172E-2</v>
      </c>
      <c r="E199" s="140">
        <v>0.17913313285224902</v>
      </c>
      <c r="F199" s="95">
        <v>4.7695480261852795E-2</v>
      </c>
      <c r="G199" s="140">
        <v>0.49076752561043135</v>
      </c>
      <c r="H199" s="95">
        <v>6.1535568038962561E-2</v>
      </c>
      <c r="I199" s="140">
        <v>0</v>
      </c>
      <c r="J199" s="95">
        <v>1.0673079610751448E-2</v>
      </c>
      <c r="K199" s="139">
        <v>258</v>
      </c>
      <c r="L199" s="140">
        <v>0.45356814579279386</v>
      </c>
      <c r="M199" s="95">
        <v>6.1521349850772671E-2</v>
      </c>
      <c r="N199" s="140">
        <v>0.21913500248965176</v>
      </c>
      <c r="O199" s="95">
        <v>5.1467795143960438E-2</v>
      </c>
      <c r="P199" s="140">
        <v>0.30477916188606313</v>
      </c>
      <c r="Q199" s="95">
        <v>5.7031348173539623E-2</v>
      </c>
      <c r="R199" s="140">
        <v>2.251768983149156E-2</v>
      </c>
      <c r="S199" s="95">
        <v>2.101217722921634E-2</v>
      </c>
      <c r="T199" s="139">
        <v>256</v>
      </c>
      <c r="U199" s="140">
        <v>0.49005330379140288</v>
      </c>
      <c r="V199" s="95">
        <v>6.2005469240868173E-2</v>
      </c>
      <c r="W199" s="140">
        <v>0.15810666726808592</v>
      </c>
      <c r="X199" s="95">
        <v>4.5855614576889074E-2</v>
      </c>
      <c r="Y199" s="140">
        <v>0.32145541105105091</v>
      </c>
      <c r="Z199" s="95">
        <v>5.8057683703326188E-2</v>
      </c>
      <c r="AA199" s="140">
        <v>3.0384617889460671E-2</v>
      </c>
      <c r="AB199" s="95">
        <v>2.3597587130278944E-2</v>
      </c>
      <c r="AC199" s="139">
        <v>259</v>
      </c>
      <c r="AD199" s="140">
        <v>0.43587859919744237</v>
      </c>
      <c r="AE199" s="95">
        <v>6.1168912948411196E-2</v>
      </c>
      <c r="AF199" s="140">
        <v>0.20195419282644445</v>
      </c>
      <c r="AG199" s="95">
        <v>4.992012501564045E-2</v>
      </c>
      <c r="AH199" s="140">
        <v>0.35323689054696417</v>
      </c>
      <c r="AI199" s="95">
        <v>5.9030287830504152E-2</v>
      </c>
      <c r="AJ199" s="140">
        <v>8.9303174291489023E-3</v>
      </c>
      <c r="AK199" s="95">
        <v>1.566285900127062E-2</v>
      </c>
    </row>
    <row r="200" spans="1:37">
      <c r="A200" s="55" t="s">
        <v>579</v>
      </c>
      <c r="B200" s="137">
        <v>222</v>
      </c>
      <c r="C200" s="138">
        <v>0.33003027381423133</v>
      </c>
      <c r="D200" s="92">
        <v>6.2700847089361827E-2</v>
      </c>
      <c r="E200" s="138">
        <v>0.25950041629884529</v>
      </c>
      <c r="F200" s="92">
        <v>5.8625746666878073E-2</v>
      </c>
      <c r="G200" s="138">
        <v>0.4004322462546448</v>
      </c>
      <c r="H200" s="92">
        <v>6.5233967699652756E-2</v>
      </c>
      <c r="I200" s="138">
        <v>1.0037063632278943E-2</v>
      </c>
      <c r="J200" s="92">
        <v>1.8026012817245796E-2</v>
      </c>
      <c r="K200" s="137">
        <v>221</v>
      </c>
      <c r="L200" s="138">
        <v>0.38797342589318662</v>
      </c>
      <c r="M200" s="92">
        <v>6.5032272446619771E-2</v>
      </c>
      <c r="N200" s="138">
        <v>0.21287820140345637</v>
      </c>
      <c r="O200" s="92">
        <v>5.5050066885524489E-2</v>
      </c>
      <c r="P200" s="138">
        <v>0.36814760743994923</v>
      </c>
      <c r="Q200" s="92">
        <v>6.4391522875281756E-2</v>
      </c>
      <c r="R200" s="138">
        <v>3.1000765263408357E-2</v>
      </c>
      <c r="S200" s="92">
        <v>2.5919879813945189E-2</v>
      </c>
      <c r="T200" s="137">
        <v>220</v>
      </c>
      <c r="U200" s="138">
        <v>0.48336212148787161</v>
      </c>
      <c r="V200" s="92">
        <v>6.6779618779149355E-2</v>
      </c>
      <c r="W200" s="138">
        <v>0.23705481581473664</v>
      </c>
      <c r="X200" s="92">
        <v>5.7213115792650052E-2</v>
      </c>
      <c r="Y200" s="138">
        <v>0.25087929097119543</v>
      </c>
      <c r="Z200" s="92">
        <v>5.826901150173959E-2</v>
      </c>
      <c r="AA200" s="138">
        <v>2.8703771726197008E-2</v>
      </c>
      <c r="AB200" s="92">
        <v>2.5263574161402371E-2</v>
      </c>
      <c r="AC200" s="137">
        <v>220</v>
      </c>
      <c r="AD200" s="138">
        <v>0.39481106452306131</v>
      </c>
      <c r="AE200" s="92">
        <v>6.5373504879908631E-2</v>
      </c>
      <c r="AF200" s="138">
        <v>0.26079797049477998</v>
      </c>
      <c r="AG200" s="92">
        <v>5.8980570313633719E-2</v>
      </c>
      <c r="AH200" s="138">
        <v>0.32795359869719326</v>
      </c>
      <c r="AI200" s="92">
        <v>6.2884210290091724E-2</v>
      </c>
      <c r="AJ200" s="138">
        <v>1.6437366284965841E-2</v>
      </c>
      <c r="AK200" s="92">
        <v>2.0892491562300046E-2</v>
      </c>
    </row>
    <row r="201" spans="1:37">
      <c r="A201" s="47" t="s">
        <v>580</v>
      </c>
      <c r="B201" s="139">
        <v>222</v>
      </c>
      <c r="C201" s="140">
        <v>0.30337999411990996</v>
      </c>
      <c r="D201" s="95">
        <v>6.1355909073287758E-2</v>
      </c>
      <c r="E201" s="140">
        <v>0.24417916862078909</v>
      </c>
      <c r="F201" s="95">
        <v>5.7507492939863611E-2</v>
      </c>
      <c r="G201" s="140">
        <v>0.44410005679265319</v>
      </c>
      <c r="H201" s="95">
        <v>6.6116661442379765E-2</v>
      </c>
      <c r="I201" s="140">
        <v>8.3407804666478964E-3</v>
      </c>
      <c r="J201" s="95">
        <v>1.7219180224898614E-2</v>
      </c>
      <c r="K201" s="139">
        <v>219</v>
      </c>
      <c r="L201" s="140">
        <v>0.24952065753489286</v>
      </c>
      <c r="M201" s="95">
        <v>5.830039291011712E-2</v>
      </c>
      <c r="N201" s="140">
        <v>0.27293224236972025</v>
      </c>
      <c r="O201" s="95">
        <v>5.9936187610710942E-2</v>
      </c>
      <c r="P201" s="140">
        <v>0.4371229380827763</v>
      </c>
      <c r="Q201" s="95">
        <v>6.6452320619681815E-2</v>
      </c>
      <c r="R201" s="140">
        <v>4.0424162012610669E-2</v>
      </c>
      <c r="S201" s="95">
        <v>2.8818010135674407E-2</v>
      </c>
      <c r="T201" s="139">
        <v>222</v>
      </c>
      <c r="U201" s="140">
        <v>0.46667151865373813</v>
      </c>
      <c r="V201" s="95">
        <v>6.6376265120988182E-2</v>
      </c>
      <c r="W201" s="140">
        <v>0.21093660246979618</v>
      </c>
      <c r="X201" s="95">
        <v>5.4751889269958602E-2</v>
      </c>
      <c r="Y201" s="140">
        <v>0.28859162814953182</v>
      </c>
      <c r="Z201" s="95">
        <v>6.0510303440716229E-2</v>
      </c>
      <c r="AA201" s="140">
        <v>3.3800250726933531E-2</v>
      </c>
      <c r="AB201" s="95">
        <v>2.6701641880624433E-2</v>
      </c>
      <c r="AC201" s="139">
        <v>221</v>
      </c>
      <c r="AD201" s="140">
        <v>0.31942045226457305</v>
      </c>
      <c r="AE201" s="95">
        <v>6.2331037540198676E-2</v>
      </c>
      <c r="AF201" s="140">
        <v>0.27984158740035531</v>
      </c>
      <c r="AG201" s="95">
        <v>6.010928160426536E-2</v>
      </c>
      <c r="AH201" s="140">
        <v>0.35999401008391319</v>
      </c>
      <c r="AI201" s="95">
        <v>6.4095633578131125E-2</v>
      </c>
      <c r="AJ201" s="140">
        <v>4.0743950251158213E-2</v>
      </c>
      <c r="AK201" s="95">
        <v>2.8756900050728972E-2</v>
      </c>
    </row>
    <row r="202" spans="1:37">
      <c r="A202" s="55" t="s">
        <v>581</v>
      </c>
      <c r="B202" s="137">
        <v>122</v>
      </c>
      <c r="C202" s="138">
        <v>0.21540630730385549</v>
      </c>
      <c r="D202" s="92">
        <v>7.4336697081434672E-2</v>
      </c>
      <c r="E202" s="138">
        <v>0.29445053734398413</v>
      </c>
      <c r="F202" s="92">
        <v>8.1725326732463549E-2</v>
      </c>
      <c r="G202" s="138">
        <v>0.49014315535216096</v>
      </c>
      <c r="H202" s="92">
        <v>8.9070849883994455E-2</v>
      </c>
      <c r="I202" s="138">
        <v>0</v>
      </c>
      <c r="J202" s="92">
        <v>2.226896426705402E-2</v>
      </c>
      <c r="K202" s="137">
        <v>122</v>
      </c>
      <c r="L202" s="138">
        <v>0.30402162962968549</v>
      </c>
      <c r="M202" s="92">
        <v>8.2422131340916152E-2</v>
      </c>
      <c r="N202" s="138">
        <v>0.23509150339403029</v>
      </c>
      <c r="O202" s="92">
        <v>7.6471473118139704E-2</v>
      </c>
      <c r="P202" s="138">
        <v>0.43771471654812344</v>
      </c>
      <c r="Q202" s="92">
        <v>8.8436677805258809E-2</v>
      </c>
      <c r="R202" s="138">
        <v>2.3172150428160957E-2</v>
      </c>
      <c r="S202" s="92">
        <v>3.4199193081162191E-2</v>
      </c>
      <c r="T202" s="137">
        <v>122</v>
      </c>
      <c r="U202" s="138">
        <v>0.41431793860080451</v>
      </c>
      <c r="V202" s="92">
        <v>8.7852204031701506E-2</v>
      </c>
      <c r="W202" s="138">
        <v>0.23438966683091028</v>
      </c>
      <c r="X202" s="92">
        <v>7.6398982592364523E-2</v>
      </c>
      <c r="Y202" s="138">
        <v>0.30721711685419323</v>
      </c>
      <c r="Z202" s="92">
        <v>8.2646119225498207E-2</v>
      </c>
      <c r="AA202" s="138">
        <v>4.4075277714092323E-2</v>
      </c>
      <c r="AB202" s="92">
        <v>4.1831515360825917E-2</v>
      </c>
      <c r="AC202" s="137">
        <v>121</v>
      </c>
      <c r="AD202" s="138">
        <v>0.18388855736851351</v>
      </c>
      <c r="AE202" s="92">
        <v>7.0737039482301617E-2</v>
      </c>
      <c r="AF202" s="138">
        <v>0.23329015786052854</v>
      </c>
      <c r="AG202" s="92">
        <v>7.659673177360124E-2</v>
      </c>
      <c r="AH202" s="138">
        <v>0.55947180590790258</v>
      </c>
      <c r="AI202" s="92">
        <v>8.8847886880087656E-2</v>
      </c>
      <c r="AJ202" s="138">
        <v>2.3349478863055922E-2</v>
      </c>
      <c r="AK202" s="92">
        <v>3.4461414164145499E-2</v>
      </c>
    </row>
    <row r="203" spans="1:37">
      <c r="A203" s="47" t="s">
        <v>584</v>
      </c>
      <c r="B203" s="139">
        <v>118</v>
      </c>
      <c r="C203" s="140">
        <v>0.19491016925936294</v>
      </c>
      <c r="D203" s="95">
        <v>7.308735622602433E-2</v>
      </c>
      <c r="E203" s="140">
        <v>0.168407184821421</v>
      </c>
      <c r="F203" s="95">
        <v>6.9456459230981329E-2</v>
      </c>
      <c r="G203" s="140">
        <v>0.60389470226528319</v>
      </c>
      <c r="H203" s="95">
        <v>8.8688457827047457E-2</v>
      </c>
      <c r="I203" s="140">
        <v>3.2787943653932915E-2</v>
      </c>
      <c r="J203" s="95">
        <v>3.8747669937241984E-2</v>
      </c>
      <c r="K203" s="139">
        <v>115</v>
      </c>
      <c r="L203" s="140">
        <v>0.20518038879669956</v>
      </c>
      <c r="M203" s="95">
        <v>7.5331526787748529E-2</v>
      </c>
      <c r="N203" s="140">
        <v>0.15755507009109246</v>
      </c>
      <c r="O203" s="95">
        <v>6.8717561314007219E-2</v>
      </c>
      <c r="P203" s="140">
        <v>0.62101679208164862</v>
      </c>
      <c r="Q203" s="95">
        <v>8.9127032601108533E-2</v>
      </c>
      <c r="R203" s="140">
        <v>1.6247749030559488E-2</v>
      </c>
      <c r="S203" s="95">
        <v>3.2514528076712998E-2</v>
      </c>
      <c r="T203" s="139">
        <v>114</v>
      </c>
      <c r="U203" s="140">
        <v>0.2923505060836401</v>
      </c>
      <c r="V203" s="95">
        <v>8.4322909617405128E-2</v>
      </c>
      <c r="W203" s="140">
        <v>0.16968131044460985</v>
      </c>
      <c r="X203" s="95">
        <v>7.0869061118814317E-2</v>
      </c>
      <c r="Y203" s="140">
        <v>0.49701021832382808</v>
      </c>
      <c r="Z203" s="95">
        <v>9.2055925697733978E-2</v>
      </c>
      <c r="AA203" s="140">
        <v>4.0957965147922284E-2</v>
      </c>
      <c r="AB203" s="95">
        <v>4.2515938098439607E-2</v>
      </c>
      <c r="AC203" s="139">
        <v>117</v>
      </c>
      <c r="AD203" s="140">
        <v>0.25047573943960044</v>
      </c>
      <c r="AE203" s="95">
        <v>7.9624349694293772E-2</v>
      </c>
      <c r="AF203" s="140">
        <v>0.12335227339332322</v>
      </c>
      <c r="AG203" s="95">
        <v>6.2287221713626842E-2</v>
      </c>
      <c r="AH203" s="140">
        <v>0.58117969827721305</v>
      </c>
      <c r="AI203" s="95">
        <v>8.9781804686874828E-2</v>
      </c>
      <c r="AJ203" s="140">
        <v>4.4992288889863487E-2</v>
      </c>
      <c r="AK203" s="95">
        <v>4.3190831991563039E-2</v>
      </c>
    </row>
    <row r="204" spans="1:37">
      <c r="A204" s="55" t="s">
        <v>585</v>
      </c>
      <c r="B204" s="137">
        <v>2259</v>
      </c>
      <c r="C204" s="138">
        <v>0.32349226314979096</v>
      </c>
      <c r="D204" s="92">
        <v>1.9672756212900152E-2</v>
      </c>
      <c r="E204" s="138">
        <v>0.2448960753111202</v>
      </c>
      <c r="F204" s="92">
        <v>1.8090548677923601E-2</v>
      </c>
      <c r="G204" s="138">
        <v>0.42702533691244882</v>
      </c>
      <c r="H204" s="92">
        <v>2.079691620059064E-2</v>
      </c>
      <c r="I204" s="138">
        <v>4.5863246266372674E-3</v>
      </c>
      <c r="J204" s="92">
        <v>3.0986625307416046E-3</v>
      </c>
      <c r="K204" s="137">
        <v>2240</v>
      </c>
      <c r="L204" s="138">
        <v>0.41050621409171389</v>
      </c>
      <c r="M204" s="92">
        <v>2.0770342128644287E-2</v>
      </c>
      <c r="N204" s="138">
        <v>0.22103184781458407</v>
      </c>
      <c r="O204" s="92">
        <v>1.7532956869176417E-2</v>
      </c>
      <c r="P204" s="138">
        <v>0.32509903701440912</v>
      </c>
      <c r="Q204" s="92">
        <v>1.9781273326279297E-2</v>
      </c>
      <c r="R204" s="138">
        <v>4.3362901079289563E-2</v>
      </c>
      <c r="S204" s="92">
        <v>8.675705730402973E-3</v>
      </c>
      <c r="T204" s="137">
        <v>2248</v>
      </c>
      <c r="U204" s="138">
        <v>0.52416413555647556</v>
      </c>
      <c r="V204" s="92">
        <v>2.1047951975701598E-2</v>
      </c>
      <c r="W204" s="138">
        <v>0.18416220913746109</v>
      </c>
      <c r="X204" s="92">
        <v>1.635532076796934E-2</v>
      </c>
      <c r="Y204" s="138">
        <v>0.24640194000472371</v>
      </c>
      <c r="Z204" s="92">
        <v>1.8172074822884788E-2</v>
      </c>
      <c r="AA204" s="138">
        <v>4.5271715301335939E-2</v>
      </c>
      <c r="AB204" s="92">
        <v>8.8359924968935896E-3</v>
      </c>
      <c r="AC204" s="137">
        <v>2245</v>
      </c>
      <c r="AD204" s="138">
        <v>0.42986872620274197</v>
      </c>
      <c r="AE204" s="92">
        <v>2.0878827793579937E-2</v>
      </c>
      <c r="AF204" s="138">
        <v>0.23051466058130735</v>
      </c>
      <c r="AG204" s="92">
        <v>1.7774625311567784E-2</v>
      </c>
      <c r="AH204" s="138">
        <v>0.30592160203489838</v>
      </c>
      <c r="AI204" s="92">
        <v>1.9439337568411433E-2</v>
      </c>
      <c r="AJ204" s="138">
        <v>3.3695011181048937E-2</v>
      </c>
      <c r="AK204" s="92">
        <v>7.6996110210824312E-3</v>
      </c>
    </row>
    <row r="205" spans="1:37">
      <c r="A205" s="47" t="s">
        <v>620</v>
      </c>
      <c r="B205" s="139">
        <v>156</v>
      </c>
      <c r="C205" s="140">
        <v>0.3235621914190272</v>
      </c>
      <c r="D205" s="95">
        <v>7.4230512304628016E-2</v>
      </c>
      <c r="E205" s="140">
        <v>0.24471367086844673</v>
      </c>
      <c r="F205" s="95">
        <v>6.8565062843068722E-2</v>
      </c>
      <c r="G205" s="140">
        <v>0.43172413771252627</v>
      </c>
      <c r="H205" s="95">
        <v>7.8353138546199907E-2</v>
      </c>
      <c r="I205" s="140">
        <v>0</v>
      </c>
      <c r="J205" s="95">
        <v>1.7566836653193994E-2</v>
      </c>
      <c r="K205" s="139">
        <v>154</v>
      </c>
      <c r="L205" s="140">
        <v>0.44608370762545829</v>
      </c>
      <c r="M205" s="95">
        <v>7.9115099369623701E-2</v>
      </c>
      <c r="N205" s="140">
        <v>0.20563639377897258</v>
      </c>
      <c r="O205" s="95">
        <v>6.51545134814773E-2</v>
      </c>
      <c r="P205" s="140">
        <v>0.31447029147487376</v>
      </c>
      <c r="Q205" s="95">
        <v>7.4170435804688115E-2</v>
      </c>
      <c r="R205" s="140">
        <v>3.3809607120695362E-2</v>
      </c>
      <c r="S205" s="95">
        <v>3.3197319753232819E-2</v>
      </c>
      <c r="T205" s="139">
        <v>155</v>
      </c>
      <c r="U205" s="140">
        <v>0.50071677145376325</v>
      </c>
      <c r="V205" s="95">
        <v>7.9305081132376026E-2</v>
      </c>
      <c r="W205" s="140">
        <v>0.18355661739621396</v>
      </c>
      <c r="X205" s="95">
        <v>6.241240821517588E-2</v>
      </c>
      <c r="Y205" s="140">
        <v>0.2914202524456897</v>
      </c>
      <c r="Z205" s="95">
        <v>7.2451399698024124E-2</v>
      </c>
      <c r="AA205" s="140">
        <v>2.4306358704333387E-2</v>
      </c>
      <c r="AB205" s="95">
        <v>2.9655348534183223E-2</v>
      </c>
      <c r="AC205" s="139">
        <v>155</v>
      </c>
      <c r="AD205" s="140">
        <v>0.4768555371134704</v>
      </c>
      <c r="AE205" s="95">
        <v>7.9224376303739519E-2</v>
      </c>
      <c r="AF205" s="140">
        <v>0.29560522916573734</v>
      </c>
      <c r="AG205" s="95">
        <v>7.2735989557143721E-2</v>
      </c>
      <c r="AH205" s="140">
        <v>0.21403475145123482</v>
      </c>
      <c r="AI205" s="95">
        <v>6.5835060445883511E-2</v>
      </c>
      <c r="AJ205" s="140">
        <v>1.3504482269557585E-2</v>
      </c>
      <c r="AK205" s="95">
        <v>2.511890839521112E-2</v>
      </c>
    </row>
    <row r="206" spans="1:37">
      <c r="A206" s="55" t="s">
        <v>621</v>
      </c>
      <c r="B206" s="137">
        <v>162</v>
      </c>
      <c r="C206" s="138">
        <v>0.3338888731361383</v>
      </c>
      <c r="D206" s="92">
        <v>7.3422502497246606E-2</v>
      </c>
      <c r="E206" s="138">
        <v>0.21408335367049092</v>
      </c>
      <c r="F206" s="92">
        <v>6.4405321159134887E-2</v>
      </c>
      <c r="G206" s="138">
        <v>0.45202777319337167</v>
      </c>
      <c r="H206" s="92">
        <v>7.7274075970106618E-2</v>
      </c>
      <c r="I206" s="138">
        <v>0</v>
      </c>
      <c r="J206" s="92">
        <v>1.6935763699852214E-2</v>
      </c>
      <c r="K206" s="137">
        <v>162</v>
      </c>
      <c r="L206" s="138">
        <v>0.43977332188145124</v>
      </c>
      <c r="M206" s="92">
        <v>7.7076936761429557E-2</v>
      </c>
      <c r="N206" s="138">
        <v>0.17771339598027139</v>
      </c>
      <c r="O206" s="92">
        <v>6.0335758010417628E-2</v>
      </c>
      <c r="P206" s="138">
        <v>0.3347954738425859</v>
      </c>
      <c r="Q206" s="92">
        <v>7.346942982455397E-2</v>
      </c>
      <c r="R206" s="138">
        <v>4.7717808295692485E-2</v>
      </c>
      <c r="S206" s="92">
        <v>3.6464314446481891E-2</v>
      </c>
      <c r="T206" s="137">
        <v>162</v>
      </c>
      <c r="U206" s="138">
        <v>0.52661103984954205</v>
      </c>
      <c r="V206" s="92">
        <v>7.7510289867991466E-2</v>
      </c>
      <c r="W206" s="138">
        <v>0.17882852225835896</v>
      </c>
      <c r="X206" s="92">
        <v>6.0472064022437724E-2</v>
      </c>
      <c r="Y206" s="138">
        <v>0.23170716713450404</v>
      </c>
      <c r="Z206" s="92">
        <v>6.6122581864559424E-2</v>
      </c>
      <c r="AA206" s="138">
        <v>6.2853270757595864E-2</v>
      </c>
      <c r="AB206" s="92">
        <v>4.0479441709580857E-2</v>
      </c>
      <c r="AC206" s="137">
        <v>161</v>
      </c>
      <c r="AD206" s="138">
        <v>0.44886277830904686</v>
      </c>
      <c r="AE206" s="92">
        <v>7.7461268734906955E-2</v>
      </c>
      <c r="AF206" s="138">
        <v>0.28629276557409905</v>
      </c>
      <c r="AG206" s="92">
        <v>7.0756384169462075E-2</v>
      </c>
      <c r="AH206" s="138">
        <v>0.25097800114312663</v>
      </c>
      <c r="AI206" s="92">
        <v>6.8038890883556538E-2</v>
      </c>
      <c r="AJ206" s="138">
        <v>1.3866454973728227E-2</v>
      </c>
      <c r="AK206" s="92">
        <v>2.4615102835758042E-2</v>
      </c>
    </row>
    <row r="207" spans="1:37">
      <c r="A207" s="47" t="s">
        <v>622</v>
      </c>
      <c r="B207" s="139">
        <v>991</v>
      </c>
      <c r="C207" s="140">
        <v>0.32762145775895307</v>
      </c>
      <c r="D207" s="95">
        <v>2.9774635416029878E-2</v>
      </c>
      <c r="E207" s="140">
        <v>0.24019820103416453</v>
      </c>
      <c r="F207" s="95">
        <v>2.712669872248576E-2</v>
      </c>
      <c r="G207" s="140">
        <v>0.42644235014305243</v>
      </c>
      <c r="H207" s="95">
        <v>3.135997436435866E-2</v>
      </c>
      <c r="I207" s="140">
        <v>5.7379910638299236E-3</v>
      </c>
      <c r="J207" s="95">
        <v>5.5511504682204723E-3</v>
      </c>
      <c r="K207" s="139">
        <v>985</v>
      </c>
      <c r="L207" s="140">
        <v>0.40976596213348687</v>
      </c>
      <c r="M207" s="95">
        <v>3.1280300798099986E-2</v>
      </c>
      <c r="N207" s="140">
        <v>0.24189838569221231</v>
      </c>
      <c r="O207" s="95">
        <v>2.7273940864544249E-2</v>
      </c>
      <c r="P207" s="140">
        <v>0.30624707311991101</v>
      </c>
      <c r="Q207" s="95">
        <v>2.9334571624945745E-2</v>
      </c>
      <c r="R207" s="140">
        <v>4.2088579054389577E-2</v>
      </c>
      <c r="S207" s="95">
        <v>1.303488682433483E-2</v>
      </c>
      <c r="T207" s="139">
        <v>983</v>
      </c>
      <c r="U207" s="140">
        <v>0.54231622526361933</v>
      </c>
      <c r="V207" s="95">
        <v>3.1717076390632606E-2</v>
      </c>
      <c r="W207" s="140">
        <v>0.17800469903142058</v>
      </c>
      <c r="X207" s="95">
        <v>2.44209699371347E-2</v>
      </c>
      <c r="Y207" s="140">
        <v>0.22985755343694059</v>
      </c>
      <c r="Z207" s="95">
        <v>2.6829293753775674E-2</v>
      </c>
      <c r="AA207" s="140">
        <v>4.9821522268019738E-2</v>
      </c>
      <c r="AB207" s="95">
        <v>1.4088826509157843E-2</v>
      </c>
      <c r="AC207" s="139">
        <v>987</v>
      </c>
      <c r="AD207" s="140">
        <v>0.43271032674802723</v>
      </c>
      <c r="AE207" s="95">
        <v>3.1479404205062136E-2</v>
      </c>
      <c r="AF207" s="140">
        <v>0.20989779001343695</v>
      </c>
      <c r="AG207" s="95">
        <v>2.592535473402971E-2</v>
      </c>
      <c r="AH207" s="140">
        <v>0.31093462136604777</v>
      </c>
      <c r="AI207" s="95">
        <v>2.942724446168074E-2</v>
      </c>
      <c r="AJ207" s="140">
        <v>4.6457261872487422E-2</v>
      </c>
      <c r="AK207" s="95">
        <v>1.3619625319472575E-2</v>
      </c>
    </row>
    <row r="208" spans="1:37">
      <c r="A208" s="55" t="s">
        <v>623</v>
      </c>
      <c r="B208" s="137">
        <v>303</v>
      </c>
      <c r="C208" s="138">
        <v>0.29106593740253761</v>
      </c>
      <c r="D208" s="92">
        <v>5.1993070915754488E-2</v>
      </c>
      <c r="E208" s="138">
        <v>0.26836496751133831</v>
      </c>
      <c r="F208" s="92">
        <v>5.075768243076012E-2</v>
      </c>
      <c r="G208" s="138">
        <v>0.43586302430818435</v>
      </c>
      <c r="H208" s="92">
        <v>5.6613777348323353E-2</v>
      </c>
      <c r="I208" s="138">
        <v>4.7060707779396698E-3</v>
      </c>
      <c r="J208" s="92">
        <v>1.199070182757558E-2</v>
      </c>
      <c r="K208" s="137">
        <v>300</v>
      </c>
      <c r="L208" s="138">
        <v>0.37246162484365203</v>
      </c>
      <c r="M208" s="92">
        <v>5.5507135663756771E-2</v>
      </c>
      <c r="N208" s="138">
        <v>0.17943292642873035</v>
      </c>
      <c r="O208" s="92">
        <v>4.441479956318832E-2</v>
      </c>
      <c r="P208" s="138">
        <v>0.39409840062432538</v>
      </c>
      <c r="Q208" s="92">
        <v>5.6087108597419798E-2</v>
      </c>
      <c r="R208" s="138">
        <v>5.4007048103292175E-2</v>
      </c>
      <c r="S208" s="92">
        <v>2.7215106997807055E-2</v>
      </c>
      <c r="T208" s="137">
        <v>303</v>
      </c>
      <c r="U208" s="138">
        <v>0.45814715305989145</v>
      </c>
      <c r="V208" s="92">
        <v>5.6877912306969397E-2</v>
      </c>
      <c r="W208" s="138">
        <v>0.19372798534364535</v>
      </c>
      <c r="X208" s="92">
        <v>4.5461928070618961E-2</v>
      </c>
      <c r="Y208" s="138">
        <v>0.30924155543515569</v>
      </c>
      <c r="Z208" s="92">
        <v>5.2872322431728493E-2</v>
      </c>
      <c r="AA208" s="138">
        <v>3.8883306161307606E-2</v>
      </c>
      <c r="AB208" s="92">
        <v>2.3635701130883917E-2</v>
      </c>
      <c r="AC208" s="137">
        <v>301</v>
      </c>
      <c r="AD208" s="138">
        <v>0.38549538857554089</v>
      </c>
      <c r="AE208" s="92">
        <v>5.5778289679750265E-2</v>
      </c>
      <c r="AF208" s="138">
        <v>0.1889296953819698</v>
      </c>
      <c r="AG208" s="92">
        <v>4.5196360473968349E-2</v>
      </c>
      <c r="AH208" s="138">
        <v>0.40261010029645211</v>
      </c>
      <c r="AI208" s="92">
        <v>5.6191984438166323E-2</v>
      </c>
      <c r="AJ208" s="138">
        <v>2.2964815746037162E-2</v>
      </c>
      <c r="AK208" s="92">
        <v>1.9288031512969726E-2</v>
      </c>
    </row>
    <row r="209" spans="1:37">
      <c r="A209" s="47" t="s">
        <v>624</v>
      </c>
      <c r="B209" s="139">
        <v>320</v>
      </c>
      <c r="C209" s="140">
        <v>0.30865060798024324</v>
      </c>
      <c r="D209" s="95">
        <v>5.1434231465041252E-2</v>
      </c>
      <c r="E209" s="140">
        <v>0.26147247090149661</v>
      </c>
      <c r="F209" s="95">
        <v>4.9002490533563196E-2</v>
      </c>
      <c r="G209" s="140">
        <v>0.42987692111826148</v>
      </c>
      <c r="H209" s="95">
        <v>5.5020020803699297E-2</v>
      </c>
      <c r="I209" s="140">
        <v>0</v>
      </c>
      <c r="J209" s="95">
        <v>8.7027280798693558E-3</v>
      </c>
      <c r="K209" s="139">
        <v>318</v>
      </c>
      <c r="L209" s="140">
        <v>0.46641564203653929</v>
      </c>
      <c r="M209" s="95">
        <v>5.5605078126513538E-2</v>
      </c>
      <c r="N209" s="140">
        <v>0.24295496197400401</v>
      </c>
      <c r="O209" s="95">
        <v>4.8011281883055923E-2</v>
      </c>
      <c r="P209" s="140">
        <v>0.26073065828992237</v>
      </c>
      <c r="Q209" s="95">
        <v>4.9111826172371406E-2</v>
      </c>
      <c r="R209" s="140">
        <v>2.9898737699535688E-2</v>
      </c>
      <c r="S209" s="95">
        <v>2.0690341671594701E-2</v>
      </c>
      <c r="T209" s="139">
        <v>320</v>
      </c>
      <c r="U209" s="140">
        <v>0.5518559591759602</v>
      </c>
      <c r="V209" s="95">
        <v>5.5263336551090551E-2</v>
      </c>
      <c r="W209" s="140">
        <v>0.23723708965764082</v>
      </c>
      <c r="X209" s="95">
        <v>4.748618099079388E-2</v>
      </c>
      <c r="Y209" s="140">
        <v>0.18746208705127321</v>
      </c>
      <c r="Z209" s="95">
        <v>4.3704537655659612E-2</v>
      </c>
      <c r="AA209" s="140">
        <v>2.3444864115126269E-2</v>
      </c>
      <c r="AB209" s="95">
        <v>1.874721838451724E-2</v>
      </c>
      <c r="AC209" s="139">
        <v>317</v>
      </c>
      <c r="AD209" s="140">
        <v>0.50070336264541238</v>
      </c>
      <c r="AE209" s="95">
        <v>5.5814503361273561E-2</v>
      </c>
      <c r="AF209" s="140">
        <v>0.27557455051122892</v>
      </c>
      <c r="AG209" s="95">
        <v>5.0031845768946856E-2</v>
      </c>
      <c r="AH209" s="140">
        <v>0.20354567207346563</v>
      </c>
      <c r="AI209" s="95">
        <v>4.5246499583392046E-2</v>
      </c>
      <c r="AJ209" s="140">
        <v>2.0176414769894416E-2</v>
      </c>
      <c r="AK209" s="95">
        <v>1.7815745559662463E-2</v>
      </c>
    </row>
    <row r="210" spans="1:37">
      <c r="A210" s="55" t="s">
        <v>625</v>
      </c>
      <c r="B210" s="137">
        <v>1196</v>
      </c>
      <c r="C210" s="138">
        <v>0.29241874687540137</v>
      </c>
      <c r="D210" s="92">
        <v>2.628033555624781E-2</v>
      </c>
      <c r="E210" s="138">
        <v>0.2311078221284428</v>
      </c>
      <c r="F210" s="92">
        <v>2.4370625305541099E-2</v>
      </c>
      <c r="G210" s="138">
        <v>0.46522523418676265</v>
      </c>
      <c r="H210" s="92">
        <v>2.8798076563185272E-2</v>
      </c>
      <c r="I210" s="138">
        <v>1.1248196809392475E-2</v>
      </c>
      <c r="J210" s="92">
        <v>6.5093632156040301E-3</v>
      </c>
      <c r="K210" s="137">
        <v>1184</v>
      </c>
      <c r="L210" s="138">
        <v>0.34463620004713463</v>
      </c>
      <c r="M210" s="92">
        <v>2.7586677655627466E-2</v>
      </c>
      <c r="N210" s="138">
        <v>0.20147013761699742</v>
      </c>
      <c r="O210" s="92">
        <v>2.3317386047290733E-2</v>
      </c>
      <c r="P210" s="138">
        <v>0.4100898073788129</v>
      </c>
      <c r="Q210" s="92">
        <v>2.8543221539601534E-2</v>
      </c>
      <c r="R210" s="138">
        <v>4.3803854957054113E-2</v>
      </c>
      <c r="S210" s="92">
        <v>1.2072196567629177E-2</v>
      </c>
      <c r="T210" s="137">
        <v>1187</v>
      </c>
      <c r="U210" s="138">
        <v>0.46076998956617266</v>
      </c>
      <c r="V210" s="92">
        <v>2.8887652696118451E-2</v>
      </c>
      <c r="W210" s="138">
        <v>0.18311921683792451</v>
      </c>
      <c r="X210" s="92">
        <v>2.2464444758398493E-2</v>
      </c>
      <c r="Y210" s="138">
        <v>0.31071273863223287</v>
      </c>
      <c r="Z210" s="92">
        <v>2.6834730557370269E-2</v>
      </c>
      <c r="AA210" s="138">
        <v>4.5398054963669547E-2</v>
      </c>
      <c r="AB210" s="92">
        <v>1.225572805177695E-2</v>
      </c>
      <c r="AC210" s="137">
        <v>1189</v>
      </c>
      <c r="AD210" s="138">
        <v>0.36441500973455826</v>
      </c>
      <c r="AE210" s="92">
        <v>2.7874691349410327E-2</v>
      </c>
      <c r="AF210" s="138">
        <v>0.20688898812580292</v>
      </c>
      <c r="AG210" s="92">
        <v>2.3496613158522375E-2</v>
      </c>
      <c r="AH210" s="138">
        <v>0.38823951382443994</v>
      </c>
      <c r="AI210" s="92">
        <v>2.8224534474067371E-2</v>
      </c>
      <c r="AJ210" s="138">
        <v>4.0456488315197742E-2</v>
      </c>
      <c r="AK210" s="92">
        <v>1.1614586865550985E-2</v>
      </c>
    </row>
    <row r="211" spans="1:37">
      <c r="A211" s="47" t="s">
        <v>626</v>
      </c>
      <c r="B211" s="139">
        <v>1180</v>
      </c>
      <c r="C211" s="140">
        <v>0.32840277821158842</v>
      </c>
      <c r="D211" s="95">
        <v>2.7309104894412392E-2</v>
      </c>
      <c r="E211" s="140">
        <v>0.23863572476720019</v>
      </c>
      <c r="F211" s="95">
        <v>2.4806650883019244E-2</v>
      </c>
      <c r="G211" s="140">
        <v>0.4287707982313948</v>
      </c>
      <c r="H211" s="95">
        <v>2.8767510765111384E-2</v>
      </c>
      <c r="I211" s="140">
        <v>4.1906987898166969E-3</v>
      </c>
      <c r="J211" s="95">
        <v>4.4385151758059337E-3</v>
      </c>
      <c r="K211" s="139">
        <v>1170</v>
      </c>
      <c r="L211" s="140">
        <v>0.45180880817586966</v>
      </c>
      <c r="M211" s="95">
        <v>2.9050470536187725E-2</v>
      </c>
      <c r="N211" s="140">
        <v>0.23266103298213703</v>
      </c>
      <c r="O211" s="95">
        <v>2.4696872090029562E-2</v>
      </c>
      <c r="P211" s="140">
        <v>0.28509095955224878</v>
      </c>
      <c r="Q211" s="95">
        <v>2.6372272181111895E-2</v>
      </c>
      <c r="R211" s="140">
        <v>3.0439199289745093E-2</v>
      </c>
      <c r="S211" s="95">
        <v>1.0279329417990883E-2</v>
      </c>
      <c r="T211" s="139">
        <v>1174</v>
      </c>
      <c r="U211" s="140">
        <v>0.55067491090598142</v>
      </c>
      <c r="V211" s="95">
        <v>2.8986822318459567E-2</v>
      </c>
      <c r="W211" s="140">
        <v>0.18077127699921738</v>
      </c>
      <c r="X211" s="95">
        <v>2.2476844540990588E-2</v>
      </c>
      <c r="Y211" s="140">
        <v>0.22520850913423338</v>
      </c>
      <c r="Z211" s="95">
        <v>2.4376891402101444E-2</v>
      </c>
      <c r="AA211" s="140">
        <v>4.3345302960568245E-2</v>
      </c>
      <c r="AB211" s="95">
        <v>1.2066633071701204E-2</v>
      </c>
      <c r="AC211" s="139">
        <v>1172</v>
      </c>
      <c r="AD211" s="140">
        <v>0.48123584604525116</v>
      </c>
      <c r="AE211" s="95">
        <v>2.9140189983377834E-2</v>
      </c>
      <c r="AF211" s="140">
        <v>0.22986164898178529</v>
      </c>
      <c r="AG211" s="95">
        <v>2.4572595056185413E-2</v>
      </c>
      <c r="AH211" s="140">
        <v>0.26346363215667468</v>
      </c>
      <c r="AI211" s="95">
        <v>2.5716303354707305E-2</v>
      </c>
      <c r="AJ211" s="140">
        <v>2.5438872816289714E-2</v>
      </c>
      <c r="AK211" s="95">
        <v>9.461910767170954E-3</v>
      </c>
    </row>
    <row r="212" spans="1:37">
      <c r="A212" s="55" t="s">
        <v>627</v>
      </c>
      <c r="B212" s="137">
        <v>345</v>
      </c>
      <c r="C212" s="138">
        <v>0.39146484578517232</v>
      </c>
      <c r="D212" s="92">
        <v>5.2281867623158715E-2</v>
      </c>
      <c r="E212" s="138">
        <v>0.23042977788390701</v>
      </c>
      <c r="F212" s="92">
        <v>4.529281922550539E-2</v>
      </c>
      <c r="G212" s="138">
        <v>0.37810537633091784</v>
      </c>
      <c r="H212" s="92">
        <v>5.1951083482578549E-2</v>
      </c>
      <c r="I212" s="138">
        <v>0</v>
      </c>
      <c r="J212" s="92">
        <v>8.0811206440933106E-3</v>
      </c>
      <c r="K212" s="137">
        <v>341</v>
      </c>
      <c r="L212" s="138">
        <v>0.48833799217889251</v>
      </c>
      <c r="M212" s="92">
        <v>5.3823881663653747E-2</v>
      </c>
      <c r="N212" s="138">
        <v>0.20246387086493972</v>
      </c>
      <c r="O212" s="92">
        <v>4.3540841239580103E-2</v>
      </c>
      <c r="P212" s="138">
        <v>0.28075079652726553</v>
      </c>
      <c r="Q212" s="92">
        <v>4.8518694621810458E-2</v>
      </c>
      <c r="R212" s="138">
        <v>2.8447340428899646E-2</v>
      </c>
      <c r="S212" s="92">
        <v>1.9490441016883013E-2</v>
      </c>
      <c r="T212" s="137">
        <v>344</v>
      </c>
      <c r="U212" s="138">
        <v>0.60431135153099291</v>
      </c>
      <c r="V212" s="92">
        <v>5.2453355201431878E-2</v>
      </c>
      <c r="W212" s="138">
        <v>0.13352637705760387</v>
      </c>
      <c r="X212" s="92">
        <v>3.6947736190982933E-2</v>
      </c>
      <c r="Y212" s="138">
        <v>0.20130501262498821</v>
      </c>
      <c r="Z212" s="92">
        <v>4.3260839665988551E-2</v>
      </c>
      <c r="AA212" s="138">
        <v>6.0857258786412675E-2</v>
      </c>
      <c r="AB212" s="92">
        <v>2.6600800211546639E-2</v>
      </c>
      <c r="AC212" s="137">
        <v>343</v>
      </c>
      <c r="AD212" s="138">
        <v>0.60296288662739161</v>
      </c>
      <c r="AE212" s="92">
        <v>5.2558916789377713E-2</v>
      </c>
      <c r="AF212" s="138">
        <v>0.18298029294658646</v>
      </c>
      <c r="AG212" s="92">
        <v>4.1831580530340626E-2</v>
      </c>
      <c r="AH212" s="138">
        <v>0.19350546236816238</v>
      </c>
      <c r="AI212" s="92">
        <v>4.27059315475165E-2</v>
      </c>
      <c r="AJ212" s="138">
        <v>2.0551358057857169E-2</v>
      </c>
      <c r="AK212" s="92">
        <v>1.7110616211593946E-2</v>
      </c>
    </row>
    <row r="213" spans="1:37">
      <c r="A213" s="47" t="s">
        <v>628</v>
      </c>
      <c r="B213" s="139">
        <v>835</v>
      </c>
      <c r="C213" s="140">
        <v>0.29061700202175245</v>
      </c>
      <c r="D213" s="95">
        <v>3.1382586437240588E-2</v>
      </c>
      <c r="E213" s="140">
        <v>0.2435525961018733</v>
      </c>
      <c r="F213" s="95">
        <v>2.9687310961774554E-2</v>
      </c>
      <c r="G213" s="140">
        <v>0.45912870380214182</v>
      </c>
      <c r="H213" s="95">
        <v>3.4409399948482695E-2</v>
      </c>
      <c r="I213" s="140">
        <v>6.7016980742321012E-3</v>
      </c>
      <c r="J213" s="95">
        <v>6.5400830225163546E-3</v>
      </c>
      <c r="K213" s="139">
        <v>829</v>
      </c>
      <c r="L213" s="140">
        <v>0.42999290560264369</v>
      </c>
      <c r="M213" s="95">
        <v>3.4309932769017081E-2</v>
      </c>
      <c r="N213" s="140">
        <v>0.2506953352726593</v>
      </c>
      <c r="O213" s="95">
        <v>3.0081334865446684E-2</v>
      </c>
      <c r="P213" s="140">
        <v>0.28768298497764799</v>
      </c>
      <c r="Q213" s="95">
        <v>3.1402079943126639E-2</v>
      </c>
      <c r="R213" s="140">
        <v>3.1628774147048754E-2</v>
      </c>
      <c r="S213" s="95">
        <v>1.2536649094283881E-2</v>
      </c>
      <c r="T213" s="139">
        <v>830</v>
      </c>
      <c r="U213" s="140">
        <v>0.51844229909227213</v>
      </c>
      <c r="V213" s="95">
        <v>3.4603830917719014E-2</v>
      </c>
      <c r="W213" s="140">
        <v>0.20916291712765284</v>
      </c>
      <c r="X213" s="95">
        <v>2.8235326952843073E-2</v>
      </c>
      <c r="Y213" s="140">
        <v>0.23957322303013562</v>
      </c>
      <c r="Z213" s="95">
        <v>2.9611951171054272E-2</v>
      </c>
      <c r="AA213" s="140">
        <v>3.2821560749940408E-2</v>
      </c>
      <c r="AB213" s="95">
        <v>1.2738443321153507E-2</v>
      </c>
      <c r="AC213" s="139">
        <v>829</v>
      </c>
      <c r="AD213" s="140">
        <v>0.40812423129387709</v>
      </c>
      <c r="AE213" s="95">
        <v>3.4063686981791484E-2</v>
      </c>
      <c r="AF213" s="140">
        <v>0.25801949809300595</v>
      </c>
      <c r="AG213" s="95">
        <v>3.0364447782846107E-2</v>
      </c>
      <c r="AH213" s="140">
        <v>0.30548186190931015</v>
      </c>
      <c r="AI213" s="95">
        <v>3.1945722648925763E-2</v>
      </c>
      <c r="AJ213" s="140">
        <v>2.8374408703807096E-2</v>
      </c>
      <c r="AK213" s="95">
        <v>1.1942310692516936E-2</v>
      </c>
    </row>
    <row r="214" spans="1:37">
      <c r="A214" s="55" t="s">
        <v>629</v>
      </c>
      <c r="B214" s="137">
        <v>218</v>
      </c>
      <c r="C214" s="138">
        <v>0.26948117079785577</v>
      </c>
      <c r="D214" s="92">
        <v>5.9843449565538769E-2</v>
      </c>
      <c r="E214" s="138">
        <v>0.32617267828940316</v>
      </c>
      <c r="F214" s="92">
        <v>6.3083401862630548E-2</v>
      </c>
      <c r="G214" s="138">
        <v>0.39767675529075541</v>
      </c>
      <c r="H214" s="92">
        <v>6.5746421609472971E-2</v>
      </c>
      <c r="I214" s="138">
        <v>6.6693956219859175E-3</v>
      </c>
      <c r="J214" s="92">
        <v>1.6612258934644512E-2</v>
      </c>
      <c r="K214" s="137">
        <v>216</v>
      </c>
      <c r="L214" s="138">
        <v>0.41881088525192778</v>
      </c>
      <c r="M214" s="92">
        <v>6.6557677756374611E-2</v>
      </c>
      <c r="N214" s="138">
        <v>0.17403538587617917</v>
      </c>
      <c r="O214" s="92">
        <v>5.1799559194411406E-2</v>
      </c>
      <c r="P214" s="138">
        <v>0.35296477020381106</v>
      </c>
      <c r="Q214" s="92">
        <v>6.4548734626731719E-2</v>
      </c>
      <c r="R214" s="138">
        <v>5.4188958668082196E-2</v>
      </c>
      <c r="S214" s="92">
        <v>3.2589455917792165E-2</v>
      </c>
      <c r="T214" s="137">
        <v>218</v>
      </c>
      <c r="U214" s="138">
        <v>0.46327869723923137</v>
      </c>
      <c r="V214" s="92">
        <v>6.6940837276639423E-2</v>
      </c>
      <c r="W214" s="138">
        <v>0.19087475269895043</v>
      </c>
      <c r="X214" s="92">
        <v>5.3331211413627247E-2</v>
      </c>
      <c r="Y214" s="138">
        <v>0.31597767534782517</v>
      </c>
      <c r="Z214" s="92">
        <v>6.257897671817407E-2</v>
      </c>
      <c r="AA214" s="138">
        <v>2.9868874713993097E-2</v>
      </c>
      <c r="AB214" s="92">
        <v>2.577441036956479E-2</v>
      </c>
      <c r="AC214" s="137">
        <v>217</v>
      </c>
      <c r="AD214" s="138">
        <v>0.42647332770062346</v>
      </c>
      <c r="AE214" s="92">
        <v>6.6562358875074987E-2</v>
      </c>
      <c r="AF214" s="138">
        <v>0.19128069378734924</v>
      </c>
      <c r="AG214" s="92">
        <v>5.3495247310930603E-2</v>
      </c>
      <c r="AH214" s="138">
        <v>0.37373803812183226</v>
      </c>
      <c r="AI214" s="92">
        <v>6.5166654915444419E-2</v>
      </c>
      <c r="AJ214" s="138">
        <v>8.5079403901949895E-3</v>
      </c>
      <c r="AK214" s="92">
        <v>1.7593105733149025E-2</v>
      </c>
    </row>
    <row r="215" spans="1:37">
      <c r="A215" s="47" t="s">
        <v>630</v>
      </c>
      <c r="B215" s="139">
        <v>391</v>
      </c>
      <c r="C215" s="140">
        <v>0.32300845014908219</v>
      </c>
      <c r="D215" s="95">
        <v>4.7125496840594736E-2</v>
      </c>
      <c r="E215" s="140">
        <v>0.23701722623562738</v>
      </c>
      <c r="F215" s="95">
        <v>4.2958169367212772E-2</v>
      </c>
      <c r="G215" s="140">
        <v>0.43460764948410557</v>
      </c>
      <c r="H215" s="95">
        <v>4.9892036121144318E-2</v>
      </c>
      <c r="I215" s="140">
        <v>5.3666741311868878E-3</v>
      </c>
      <c r="J215" s="95">
        <v>1.0197028968853768E-2</v>
      </c>
      <c r="K215" s="139">
        <v>388</v>
      </c>
      <c r="L215" s="140">
        <v>0.4540809512514658</v>
      </c>
      <c r="M215" s="95">
        <v>5.0298522438338482E-2</v>
      </c>
      <c r="N215" s="140">
        <v>0.23878588868824821</v>
      </c>
      <c r="O215" s="95">
        <v>4.3230822077374234E-2</v>
      </c>
      <c r="P215" s="140">
        <v>0.27912670116525318</v>
      </c>
      <c r="Q215" s="95">
        <v>4.542380014695898E-2</v>
      </c>
      <c r="R215" s="140">
        <v>2.8006458895034766E-2</v>
      </c>
      <c r="S215" s="95">
        <v>1.7998125923403944E-2</v>
      </c>
      <c r="T215" s="139">
        <v>389</v>
      </c>
      <c r="U215" s="140">
        <v>0.52456516222367455</v>
      </c>
      <c r="V215" s="95">
        <v>5.0383645131433417E-2</v>
      </c>
      <c r="W215" s="140">
        <v>0.20826505799263187</v>
      </c>
      <c r="X215" s="95">
        <v>4.1180346994950746E-2</v>
      </c>
      <c r="Y215" s="140">
        <v>0.24251963719183917</v>
      </c>
      <c r="Z215" s="95">
        <v>4.3398447993604566E-2</v>
      </c>
      <c r="AA215" s="140">
        <v>2.4650142591855738E-2</v>
      </c>
      <c r="AB215" s="95">
        <v>1.7067072804617302E-2</v>
      </c>
      <c r="AC215" s="139">
        <v>390</v>
      </c>
      <c r="AD215" s="140">
        <v>0.49717235351204353</v>
      </c>
      <c r="AE215" s="95">
        <v>5.0378482831134393E-2</v>
      </c>
      <c r="AF215" s="140">
        <v>0.2466802892195441</v>
      </c>
      <c r="AG215" s="95">
        <v>4.3586132947841319E-2</v>
      </c>
      <c r="AH215" s="140">
        <v>0.24071379718639765</v>
      </c>
      <c r="AI215" s="95">
        <v>4.3235724843186933E-2</v>
      </c>
      <c r="AJ215" s="140">
        <v>1.5433560082016662E-2</v>
      </c>
      <c r="AK215" s="95">
        <v>1.4227581368138498E-2</v>
      </c>
    </row>
    <row r="216" spans="1:37">
      <c r="A216" s="55" t="s">
        <v>631</v>
      </c>
      <c r="B216" s="137">
        <v>55</v>
      </c>
      <c r="C216" s="138">
        <v>0.33860180835147924</v>
      </c>
      <c r="D216" s="92">
        <v>0.12415490862663249</v>
      </c>
      <c r="E216" s="138">
        <v>0.2360047891452644</v>
      </c>
      <c r="F216" s="92">
        <v>0.11332752987630276</v>
      </c>
      <c r="G216" s="138">
        <v>0.42539340250325658</v>
      </c>
      <c r="H216" s="92">
        <v>0.12892331262433548</v>
      </c>
      <c r="I216" s="138">
        <v>0</v>
      </c>
      <c r="J216" s="92">
        <v>4.7119904748779487E-2</v>
      </c>
      <c r="K216" s="137">
        <v>56</v>
      </c>
      <c r="L216" s="138">
        <v>0.42550761133657233</v>
      </c>
      <c r="M216" s="92">
        <v>0.12784524588286389</v>
      </c>
      <c r="N216" s="138">
        <v>0.18825757871587812</v>
      </c>
      <c r="O216" s="92">
        <v>0.10498968683502692</v>
      </c>
      <c r="P216" s="138">
        <v>0.32608442140412813</v>
      </c>
      <c r="Q216" s="92">
        <v>0.12210700931529168</v>
      </c>
      <c r="R216" s="138">
        <v>6.0150388543421723E-2</v>
      </c>
      <c r="S216" s="92">
        <v>7.3696745157723897E-2</v>
      </c>
      <c r="T216" s="137">
        <v>56</v>
      </c>
      <c r="U216" s="138">
        <v>0.50735932385158511</v>
      </c>
      <c r="V216" s="92">
        <v>0.1290872627151218</v>
      </c>
      <c r="W216" s="138">
        <v>0.19092651343353531</v>
      </c>
      <c r="X216" s="92">
        <v>0.10544694528455499</v>
      </c>
      <c r="Y216" s="138">
        <v>0.26002965863991234</v>
      </c>
      <c r="Z216" s="92">
        <v>0.11542281706829285</v>
      </c>
      <c r="AA216" s="138">
        <v>4.1684504074967606E-2</v>
      </c>
      <c r="AB216" s="92">
        <v>6.6843307350445927E-2</v>
      </c>
      <c r="AC216" s="137">
        <v>56</v>
      </c>
      <c r="AD216" s="138">
        <v>0.54890530664881199</v>
      </c>
      <c r="AE216" s="92">
        <v>0.12856037188218677</v>
      </c>
      <c r="AF216" s="138">
        <v>0.2030193143082461</v>
      </c>
      <c r="AG216" s="92">
        <v>0.10744615819739591</v>
      </c>
      <c r="AH216" s="138">
        <v>0.22960949457448809</v>
      </c>
      <c r="AI216" s="92">
        <v>0.11144869474581773</v>
      </c>
      <c r="AJ216" s="138">
        <v>1.8465884468454128E-2</v>
      </c>
      <c r="AK216" s="92">
        <v>5.6575035807345957E-2</v>
      </c>
    </row>
    <row r="217" spans="1:37">
      <c r="A217" s="47" t="s">
        <v>632</v>
      </c>
      <c r="B217" s="139">
        <v>336</v>
      </c>
      <c r="C217" s="140">
        <v>0.31864134814198297</v>
      </c>
      <c r="D217" s="95">
        <v>5.0628798125588403E-2</v>
      </c>
      <c r="E217" s="140">
        <v>0.23730077106234101</v>
      </c>
      <c r="F217" s="95">
        <v>4.6349484287083791E-2</v>
      </c>
      <c r="G217" s="140">
        <v>0.43718820692155319</v>
      </c>
      <c r="H217" s="95">
        <v>5.3813071195368566E-2</v>
      </c>
      <c r="I217" s="140">
        <v>6.869673874125494E-3</v>
      </c>
      <c r="J217" s="95">
        <v>1.2131945012927751E-2</v>
      </c>
      <c r="K217" s="139">
        <v>332</v>
      </c>
      <c r="L217" s="140">
        <v>0.46228648283719598</v>
      </c>
      <c r="M217" s="95">
        <v>5.4402747825135489E-2</v>
      </c>
      <c r="N217" s="140">
        <v>0.25329632550406156</v>
      </c>
      <c r="O217" s="95">
        <v>4.7631745029181889E-2</v>
      </c>
      <c r="P217" s="140">
        <v>0.26564164629376735</v>
      </c>
      <c r="Q217" s="95">
        <v>4.8350910820801334E-2</v>
      </c>
      <c r="R217" s="140">
        <v>1.8775545364977581E-2</v>
      </c>
      <c r="S217" s="95">
        <v>1.6869224554057788E-2</v>
      </c>
      <c r="T217" s="139">
        <v>333</v>
      </c>
      <c r="U217" s="140">
        <v>0.52949741180671328</v>
      </c>
      <c r="V217" s="95">
        <v>5.4380834820412428E-2</v>
      </c>
      <c r="W217" s="140">
        <v>0.21323534931600086</v>
      </c>
      <c r="X217" s="95">
        <v>4.4881193818199654E-2</v>
      </c>
      <c r="Y217" s="140">
        <v>0.23750019006473225</v>
      </c>
      <c r="Z217" s="95">
        <v>4.6570185231913155E-2</v>
      </c>
      <c r="AA217" s="140">
        <v>1.9767048812555477E-2</v>
      </c>
      <c r="AB217" s="95">
        <v>1.7163403135698994E-2</v>
      </c>
      <c r="AC217" s="139">
        <v>334</v>
      </c>
      <c r="AD217" s="140">
        <v>0.48238846242727618</v>
      </c>
      <c r="AE217" s="95">
        <v>5.4359871589899487E-2</v>
      </c>
      <c r="AF217" s="140">
        <v>0.25915742533116165</v>
      </c>
      <c r="AG217" s="95">
        <v>4.78359664395476E-2</v>
      </c>
      <c r="AH217" s="140">
        <v>0.24388710917484627</v>
      </c>
      <c r="AI217" s="95">
        <v>4.6910403956578806E-2</v>
      </c>
      <c r="AJ217" s="140">
        <v>1.4567003066718131E-2</v>
      </c>
      <c r="AK217" s="95">
        <v>1.5345798788568199E-2</v>
      </c>
    </row>
    <row r="218" spans="1:37">
      <c r="A218" s="55" t="s">
        <v>633</v>
      </c>
      <c r="B218" s="137">
        <v>663</v>
      </c>
      <c r="C218" s="138">
        <v>0.30449193924426998</v>
      </c>
      <c r="D218" s="92">
        <v>3.5675841515160567E-2</v>
      </c>
      <c r="E218" s="138">
        <v>0.23627933065754106</v>
      </c>
      <c r="F218" s="92">
        <v>3.2972031519746141E-2</v>
      </c>
      <c r="G218" s="138">
        <v>0.45459864354253454</v>
      </c>
      <c r="H218" s="92">
        <v>3.8562114517744377E-2</v>
      </c>
      <c r="I218" s="138">
        <v>4.6300865556519605E-3</v>
      </c>
      <c r="J218" s="92">
        <v>6.7257468976184669E-3</v>
      </c>
      <c r="K218" s="137">
        <v>658</v>
      </c>
      <c r="L218" s="138">
        <v>0.34000436409281443</v>
      </c>
      <c r="M218" s="92">
        <v>3.6847838551996082E-2</v>
      </c>
      <c r="N218" s="138">
        <v>0.23346070738935937</v>
      </c>
      <c r="O218" s="92">
        <v>3.296182354463191E-2</v>
      </c>
      <c r="P218" s="138">
        <v>0.37539651303645954</v>
      </c>
      <c r="Q218" s="92">
        <v>3.7654899009964896E-2</v>
      </c>
      <c r="R218" s="138">
        <v>5.1138415481364052E-2</v>
      </c>
      <c r="S218" s="92">
        <v>1.7545914936495682E-2</v>
      </c>
      <c r="T218" s="137">
        <v>657</v>
      </c>
      <c r="U218" s="138">
        <v>0.51258214455815976</v>
      </c>
      <c r="V218" s="92">
        <v>3.8883323654300327E-2</v>
      </c>
      <c r="W218" s="138">
        <v>0.1897619529503449</v>
      </c>
      <c r="X218" s="92">
        <v>3.0617814196654974E-2</v>
      </c>
      <c r="Y218" s="138">
        <v>0.24645104227419157</v>
      </c>
      <c r="Z218" s="92">
        <v>3.3593514811993533E-2</v>
      </c>
      <c r="AA218" s="138">
        <v>5.1204860217301931E-2</v>
      </c>
      <c r="AB218" s="92">
        <v>1.7569963406885932E-2</v>
      </c>
      <c r="AC218" s="137">
        <v>659</v>
      </c>
      <c r="AD218" s="138">
        <v>0.37961691903535694</v>
      </c>
      <c r="AE218" s="92">
        <v>3.7708275563291635E-2</v>
      </c>
      <c r="AF218" s="138">
        <v>0.23190422323816318</v>
      </c>
      <c r="AG218" s="92">
        <v>3.2861454442611862E-2</v>
      </c>
      <c r="AH218" s="138">
        <v>0.33782927521026834</v>
      </c>
      <c r="AI218" s="92">
        <v>3.6763237935673571E-2</v>
      </c>
      <c r="AJ218" s="138">
        <v>5.064958251620915E-2</v>
      </c>
      <c r="AK218" s="92">
        <v>1.7457250941754404E-2</v>
      </c>
    </row>
    <row r="219" spans="1:37">
      <c r="A219" s="47" t="s">
        <v>634</v>
      </c>
      <c r="B219" s="139">
        <v>610</v>
      </c>
      <c r="C219" s="140">
        <v>0.34676978503913475</v>
      </c>
      <c r="D219" s="95">
        <v>3.8440734581954454E-2</v>
      </c>
      <c r="E219" s="140">
        <v>0.24383833027700988</v>
      </c>
      <c r="F219" s="95">
        <v>3.4738050193290293E-2</v>
      </c>
      <c r="G219" s="140">
        <v>0.40854984032928238</v>
      </c>
      <c r="H219" s="95">
        <v>3.9684872629191369E-2</v>
      </c>
      <c r="I219" s="140">
        <v>8.4204435457344321E-4</v>
      </c>
      <c r="J219" s="95">
        <v>5.1537455448883735E-3</v>
      </c>
      <c r="K219" s="139">
        <v>609</v>
      </c>
      <c r="L219" s="140">
        <v>0.47570914820771593</v>
      </c>
      <c r="M219" s="95">
        <v>4.0342548737877161E-2</v>
      </c>
      <c r="N219" s="140">
        <v>0.23128166215387616</v>
      </c>
      <c r="O219" s="95">
        <v>3.4150588315541408E-2</v>
      </c>
      <c r="P219" s="140">
        <v>0.26477528112534132</v>
      </c>
      <c r="Q219" s="95">
        <v>3.5706714746383095E-2</v>
      </c>
      <c r="R219" s="140">
        <v>2.8233908513067361E-2</v>
      </c>
      <c r="S219" s="95">
        <v>1.4068547115209664E-2</v>
      </c>
      <c r="T219" s="139">
        <v>609</v>
      </c>
      <c r="U219" s="140">
        <v>0.57892775023515075</v>
      </c>
      <c r="V219" s="95">
        <v>3.9889851988217775E-2</v>
      </c>
      <c r="W219" s="140">
        <v>0.17773757714185526</v>
      </c>
      <c r="X219" s="95">
        <v>3.1023629437379005E-2</v>
      </c>
      <c r="Y219" s="140">
        <v>0.19279627892576395</v>
      </c>
      <c r="Z219" s="95">
        <v>3.1992402401564819E-2</v>
      </c>
      <c r="AA219" s="140">
        <v>5.0538393697231253E-2</v>
      </c>
      <c r="AB219" s="95">
        <v>1.8173010023985102E-2</v>
      </c>
      <c r="AC219" s="139">
        <v>606</v>
      </c>
      <c r="AD219" s="140">
        <v>0.49167700958149319</v>
      </c>
      <c r="AE219" s="95">
        <v>4.048327996004495E-2</v>
      </c>
      <c r="AF219" s="140">
        <v>0.22844310485466818</v>
      </c>
      <c r="AG219" s="95">
        <v>3.4089641236727329E-2</v>
      </c>
      <c r="AH219" s="140">
        <v>0.25608224726785483</v>
      </c>
      <c r="AI219" s="95">
        <v>3.5416199436374945E-2</v>
      </c>
      <c r="AJ219" s="140">
        <v>2.3797638295984903E-2</v>
      </c>
      <c r="AK219" s="95">
        <v>1.3106268162253217E-2</v>
      </c>
    </row>
    <row r="220" spans="1:37">
      <c r="A220" s="55" t="s">
        <v>635</v>
      </c>
      <c r="B220" s="137">
        <v>228</v>
      </c>
      <c r="C220" s="138">
        <v>0.40107529134277004</v>
      </c>
      <c r="D220" s="92">
        <v>6.440020944034236E-2</v>
      </c>
      <c r="E220" s="138">
        <v>0.24499243802746978</v>
      </c>
      <c r="F220" s="92">
        <v>5.6810967082768747E-2</v>
      </c>
      <c r="G220" s="138">
        <v>0.35393227062976002</v>
      </c>
      <c r="H220" s="92">
        <v>6.2889283207670316E-2</v>
      </c>
      <c r="I220" s="138">
        <v>0</v>
      </c>
      <c r="J220" s="92">
        <v>1.2138832930496682E-2</v>
      </c>
      <c r="K220" s="137">
        <v>226</v>
      </c>
      <c r="L220" s="138">
        <v>0.5355910173199131</v>
      </c>
      <c r="M220" s="92">
        <v>6.5776559350711514E-2</v>
      </c>
      <c r="N220" s="138">
        <v>0.1737771124154964</v>
      </c>
      <c r="O220" s="92">
        <v>5.0604700353914886E-2</v>
      </c>
      <c r="P220" s="138">
        <v>0.26681927406114264</v>
      </c>
      <c r="Q220" s="92">
        <v>5.8607247951554184E-2</v>
      </c>
      <c r="R220" s="138">
        <v>2.3812596203447584E-2</v>
      </c>
      <c r="S220" s="92">
        <v>2.3243169719616288E-2</v>
      </c>
      <c r="T220" s="137">
        <v>227</v>
      </c>
      <c r="U220" s="138">
        <v>0.63407577607587529</v>
      </c>
      <c r="V220" s="92">
        <v>6.3469780448277779E-2</v>
      </c>
      <c r="W220" s="138">
        <v>0.12278732449118811</v>
      </c>
      <c r="X220" s="92">
        <v>4.4155511148118796E-2</v>
      </c>
      <c r="Y220" s="138">
        <v>0.17788596281982386</v>
      </c>
      <c r="Z220" s="92">
        <v>5.093154180656214E-2</v>
      </c>
      <c r="AA220" s="138">
        <v>6.5250936613112251E-2</v>
      </c>
      <c r="AB220" s="92">
        <v>3.4183681964399991E-2</v>
      </c>
      <c r="AC220" s="137">
        <v>227</v>
      </c>
      <c r="AD220" s="138">
        <v>0.62818946971547718</v>
      </c>
      <c r="AE220" s="92">
        <v>6.3672814228814045E-2</v>
      </c>
      <c r="AF220" s="138">
        <v>0.17611931951786178</v>
      </c>
      <c r="AG220" s="92">
        <v>5.0743853275500003E-2</v>
      </c>
      <c r="AH220" s="138">
        <v>0.17466767452105272</v>
      </c>
      <c r="AI220" s="92">
        <v>5.0588336956001428E-2</v>
      </c>
      <c r="AJ220" s="138">
        <v>2.1023536245607759E-2</v>
      </c>
      <c r="AK220" s="92">
        <v>2.2198625253593632E-2</v>
      </c>
    </row>
    <row r="221" spans="1:37">
      <c r="A221" s="47" t="s">
        <v>636</v>
      </c>
      <c r="B221" s="139">
        <v>382</v>
      </c>
      <c r="C221" s="140">
        <v>0.30018271975974264</v>
      </c>
      <c r="D221" s="95">
        <v>4.6748834836920168E-2</v>
      </c>
      <c r="E221" s="140">
        <v>0.24284825584865458</v>
      </c>
      <c r="F221" s="95">
        <v>4.3812647235721092E-2</v>
      </c>
      <c r="G221" s="140">
        <v>0.4554046154374764</v>
      </c>
      <c r="H221" s="95">
        <v>5.0699997005137387E-2</v>
      </c>
      <c r="I221" s="140">
        <v>1.5644089541284412E-3</v>
      </c>
      <c r="J221" s="95">
        <v>8.3226750892895131E-3</v>
      </c>
      <c r="K221" s="139">
        <v>383</v>
      </c>
      <c r="L221" s="140">
        <v>0.42496916257899592</v>
      </c>
      <c r="M221" s="95">
        <v>5.0269161487402292E-2</v>
      </c>
      <c r="N221" s="140">
        <v>0.28000726258302355</v>
      </c>
      <c r="O221" s="95">
        <v>4.5760693776823645E-2</v>
      </c>
      <c r="P221" s="140">
        <v>0.26304333498328913</v>
      </c>
      <c r="Q221" s="95">
        <v>4.4895080927306909E-2</v>
      </c>
      <c r="R221" s="140">
        <v>3.1980239854693712E-2</v>
      </c>
      <c r="S221" s="95">
        <v>1.9145064009127858E-2</v>
      </c>
      <c r="T221" s="139">
        <v>382</v>
      </c>
      <c r="U221" s="140">
        <v>0.53200007044212216</v>
      </c>
      <c r="V221" s="95">
        <v>5.0796465588349202E-2</v>
      </c>
      <c r="W221" s="140">
        <v>0.2244969637495296</v>
      </c>
      <c r="X221" s="95">
        <v>4.2665468570554213E-2</v>
      </c>
      <c r="Y221" s="140">
        <v>0.20548406836455957</v>
      </c>
      <c r="Z221" s="95">
        <v>4.135637661407144E-2</v>
      </c>
      <c r="AA221" s="140">
        <v>3.8018897443789994E-2</v>
      </c>
      <c r="AB221" s="95">
        <v>2.0605821889884548E-2</v>
      </c>
      <c r="AC221" s="139">
        <v>379</v>
      </c>
      <c r="AD221" s="140">
        <v>0.37451329045546372</v>
      </c>
      <c r="AE221" s="95">
        <v>4.9496713545824175E-2</v>
      </c>
      <c r="AF221" s="140">
        <v>0.27335072195273624</v>
      </c>
      <c r="AG221" s="95">
        <v>4.5668518679862637E-2</v>
      </c>
      <c r="AH221" s="140">
        <v>0.32595743759634088</v>
      </c>
      <c r="AI221" s="95">
        <v>4.7970681734937216E-2</v>
      </c>
      <c r="AJ221" s="140">
        <v>2.6178549995461466E-2</v>
      </c>
      <c r="AK221" s="95">
        <v>1.774733664358907E-2</v>
      </c>
    </row>
  </sheetData>
  <mergeCells count="23">
    <mergeCell ref="K181:S181"/>
    <mergeCell ref="B181:J181"/>
    <mergeCell ref="T181:AB181"/>
    <mergeCell ref="I49:Q49"/>
    <mergeCell ref="A180:AK180"/>
    <mergeCell ref="A179:AK179"/>
    <mergeCell ref="AC181:AK181"/>
    <mergeCell ref="B49:H49"/>
    <mergeCell ref="A135:D135"/>
    <mergeCell ref="A136:D136"/>
    <mergeCell ref="A137:D137"/>
    <mergeCell ref="B93:H93"/>
    <mergeCell ref="I93:J93"/>
    <mergeCell ref="K93:L93"/>
    <mergeCell ref="M93:N93"/>
    <mergeCell ref="O93:P93"/>
    <mergeCell ref="A91:P91"/>
    <mergeCell ref="A92:P92"/>
    <mergeCell ref="A3:D3"/>
    <mergeCell ref="A4:D4"/>
    <mergeCell ref="A5:D5"/>
    <mergeCell ref="A47:Q47"/>
    <mergeCell ref="A48:Q48"/>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265"/>
  <sheetViews>
    <sheetView zoomScaleNormal="100" workbookViewId="0"/>
  </sheetViews>
  <sheetFormatPr defaultColWidth="16.5703125" defaultRowHeight="15"/>
  <cols>
    <col min="1" max="1" width="45.5703125" customWidth="1"/>
  </cols>
  <sheetData>
    <row r="1" spans="1:15" ht="31.5">
      <c r="A1" s="31" t="s">
        <v>40</v>
      </c>
    </row>
    <row r="3" spans="1:15" ht="18.75">
      <c r="A3" s="343" t="s">
        <v>3</v>
      </c>
      <c r="B3" s="343"/>
      <c r="C3" s="343"/>
      <c r="D3" s="343"/>
      <c r="E3" s="343"/>
      <c r="F3" s="343"/>
      <c r="G3" s="343"/>
      <c r="H3" s="343"/>
      <c r="I3" s="343"/>
      <c r="J3" s="343"/>
      <c r="K3" s="343"/>
      <c r="L3" s="343"/>
      <c r="M3" s="343"/>
      <c r="N3" s="343"/>
      <c r="O3" s="343"/>
    </row>
    <row r="4" spans="1:15" ht="42" customHeight="1">
      <c r="A4" s="370" t="s">
        <v>358</v>
      </c>
      <c r="B4" s="370"/>
      <c r="C4" s="370"/>
      <c r="D4" s="370"/>
      <c r="E4" s="370"/>
      <c r="F4" s="370"/>
      <c r="G4" s="370"/>
      <c r="H4" s="370"/>
      <c r="I4" s="370"/>
      <c r="J4" s="370"/>
      <c r="K4" s="370"/>
      <c r="L4" s="370"/>
      <c r="M4" s="370"/>
      <c r="N4" s="370"/>
      <c r="O4" s="370"/>
    </row>
    <row r="5" spans="1:15" ht="15.75">
      <c r="A5" s="401" t="s">
        <v>115</v>
      </c>
      <c r="B5" s="401"/>
      <c r="C5" s="401"/>
      <c r="D5" s="401"/>
      <c r="E5" s="394" t="s">
        <v>31</v>
      </c>
      <c r="F5" s="394"/>
      <c r="G5" s="394"/>
      <c r="H5" s="394"/>
      <c r="I5" s="394"/>
      <c r="J5" s="394"/>
      <c r="K5" s="394"/>
      <c r="L5" s="394"/>
      <c r="M5" s="394"/>
      <c r="N5" s="394"/>
      <c r="O5" s="394"/>
    </row>
    <row r="6" spans="1:15" ht="72">
      <c r="A6" s="35" t="s">
        <v>70</v>
      </c>
      <c r="B6" s="36" t="s">
        <v>71</v>
      </c>
      <c r="C6" s="37" t="s">
        <v>550</v>
      </c>
      <c r="D6" s="38" t="s">
        <v>72</v>
      </c>
      <c r="E6" s="63" t="s">
        <v>71</v>
      </c>
      <c r="F6" s="63" t="s">
        <v>306</v>
      </c>
      <c r="G6" s="86" t="s">
        <v>142</v>
      </c>
      <c r="H6" s="63" t="s">
        <v>307</v>
      </c>
      <c r="I6" s="86" t="s">
        <v>197</v>
      </c>
      <c r="J6" s="63" t="s">
        <v>308</v>
      </c>
      <c r="K6" s="86" t="s">
        <v>199</v>
      </c>
      <c r="L6" s="63" t="s">
        <v>309</v>
      </c>
      <c r="M6" s="86" t="s">
        <v>200</v>
      </c>
      <c r="N6" s="63" t="s">
        <v>310</v>
      </c>
      <c r="O6" s="86" t="s">
        <v>203</v>
      </c>
    </row>
    <row r="7" spans="1:15" ht="84">
      <c r="A7" s="39"/>
      <c r="B7" s="40" t="s">
        <v>73</v>
      </c>
      <c r="C7" s="41" t="s">
        <v>117</v>
      </c>
      <c r="D7" s="42" t="s">
        <v>75</v>
      </c>
      <c r="E7" s="66" t="s">
        <v>73</v>
      </c>
      <c r="F7" s="66" t="s">
        <v>198</v>
      </c>
      <c r="G7" s="88" t="s">
        <v>87</v>
      </c>
      <c r="H7" s="66" t="s">
        <v>196</v>
      </c>
      <c r="I7" s="88" t="s">
        <v>87</v>
      </c>
      <c r="J7" s="66" t="s">
        <v>178</v>
      </c>
      <c r="K7" s="88" t="s">
        <v>87</v>
      </c>
      <c r="L7" s="66" t="s">
        <v>201</v>
      </c>
      <c r="M7" s="88" t="s">
        <v>87</v>
      </c>
      <c r="N7" s="66" t="s">
        <v>202</v>
      </c>
      <c r="O7" s="88" t="s">
        <v>87</v>
      </c>
    </row>
    <row r="8" spans="1:15">
      <c r="A8" s="43" t="s">
        <v>348</v>
      </c>
      <c r="B8" s="141">
        <v>13292</v>
      </c>
      <c r="C8" s="142">
        <v>3.2157016365461688</v>
      </c>
      <c r="D8" s="128">
        <v>1.7780956282388603E-2</v>
      </c>
      <c r="E8" s="120">
        <v>13292</v>
      </c>
      <c r="F8" s="143">
        <v>6.2783561717994235E-2</v>
      </c>
      <c r="G8" s="92">
        <v>4.2114959915721759E-3</v>
      </c>
      <c r="H8" s="144">
        <v>0.17780663032393992</v>
      </c>
      <c r="I8" s="92">
        <v>6.6332015775098967E-3</v>
      </c>
      <c r="J8" s="144">
        <v>0.3416360823384445</v>
      </c>
      <c r="K8" s="92">
        <v>8.2261937645276111E-3</v>
      </c>
      <c r="L8" s="144">
        <v>0.31647206093319324</v>
      </c>
      <c r="M8" s="92">
        <v>8.0674383547051955E-3</v>
      </c>
      <c r="N8" s="144">
        <v>0.10130166468644919</v>
      </c>
      <c r="O8" s="92">
        <v>5.2361578177108868E-3</v>
      </c>
    </row>
    <row r="9" spans="1:15">
      <c r="A9" s="47" t="s">
        <v>349</v>
      </c>
      <c r="B9" s="145">
        <v>9796</v>
      </c>
      <c r="C9" s="146">
        <v>3.1677388723754865</v>
      </c>
      <c r="D9" s="130">
        <v>2.0622751460591306E-2</v>
      </c>
      <c r="E9" s="123">
        <v>9796</v>
      </c>
      <c r="F9" s="147">
        <v>6.6599940263533552E-2</v>
      </c>
      <c r="G9" s="95">
        <v>5.0433909924152802E-3</v>
      </c>
      <c r="H9" s="148">
        <v>0.19702726166794071</v>
      </c>
      <c r="I9" s="95">
        <v>8.0377283107085015E-3</v>
      </c>
      <c r="J9" s="148">
        <v>0.33133051246887235</v>
      </c>
      <c r="K9" s="95">
        <v>9.5099051097896903E-3</v>
      </c>
      <c r="L9" s="148">
        <v>0.31211855662881605</v>
      </c>
      <c r="M9" s="95">
        <v>9.3618717216014669E-3</v>
      </c>
      <c r="N9" s="148">
        <v>9.2923728970839517E-2</v>
      </c>
      <c r="O9" s="95">
        <v>5.8701651861999176E-3</v>
      </c>
    </row>
    <row r="10" spans="1:15">
      <c r="A10" s="43" t="s">
        <v>350</v>
      </c>
      <c r="B10" s="52">
        <v>3496</v>
      </c>
      <c r="C10" s="53">
        <v>3.2554944223628399</v>
      </c>
      <c r="D10" s="54">
        <v>3.5091350706499054E-2</v>
      </c>
      <c r="E10" s="81">
        <v>3496</v>
      </c>
      <c r="F10" s="96">
        <v>5.9617265181835959E-2</v>
      </c>
      <c r="G10" s="92">
        <v>8.036067128565123E-3</v>
      </c>
      <c r="H10" s="96">
        <v>0.16186004176594918</v>
      </c>
      <c r="I10" s="92">
        <v>1.246354981528444E-2</v>
      </c>
      <c r="J10" s="96">
        <v>0.35018620119896093</v>
      </c>
      <c r="K10" s="92">
        <v>1.6128310418774845E-2</v>
      </c>
      <c r="L10" s="96">
        <v>0.32008398921403775</v>
      </c>
      <c r="M10" s="92">
        <v>1.5773546564941746E-2</v>
      </c>
      <c r="N10" s="96">
        <v>0.10825250263921539</v>
      </c>
      <c r="O10" s="92">
        <v>1.0522600304761372E-2</v>
      </c>
    </row>
    <row r="11" spans="1:15">
      <c r="A11" s="47" t="s">
        <v>568</v>
      </c>
      <c r="B11" s="145">
        <v>10962</v>
      </c>
      <c r="C11" s="146">
        <v>3.2135803968872119</v>
      </c>
      <c r="D11" s="130">
        <v>1.9757096926352032E-2</v>
      </c>
      <c r="E11" s="123">
        <v>10962</v>
      </c>
      <c r="F11" s="147">
        <v>6.3129141774627917E-2</v>
      </c>
      <c r="G11" s="95">
        <v>4.6501952787620839E-3</v>
      </c>
      <c r="H11" s="148">
        <v>0.1781294971681866</v>
      </c>
      <c r="I11" s="95">
        <v>7.3094979207381991E-3</v>
      </c>
      <c r="J11" s="148">
        <v>0.3416275080090343</v>
      </c>
      <c r="K11" s="95">
        <v>9.0580724840792753E-3</v>
      </c>
      <c r="L11" s="148">
        <v>0.31625952849168809</v>
      </c>
      <c r="M11" s="95">
        <v>8.8817399809069195E-3</v>
      </c>
      <c r="N11" s="148">
        <v>0.10085432455648702</v>
      </c>
      <c r="O11" s="95">
        <v>5.7550122450975008E-3</v>
      </c>
    </row>
    <row r="12" spans="1:15">
      <c r="A12" s="43" t="s">
        <v>569</v>
      </c>
      <c r="B12" s="52">
        <v>2330</v>
      </c>
      <c r="C12" s="53">
        <v>3.4720625642812628</v>
      </c>
      <c r="D12" s="54">
        <v>3.9730289037281617E-2</v>
      </c>
      <c r="E12" s="81">
        <v>2330</v>
      </c>
      <c r="F12" s="96">
        <v>2.1018726918787763E-2</v>
      </c>
      <c r="G12" s="92">
        <v>6.0507189190106688E-3</v>
      </c>
      <c r="H12" s="96">
        <v>0.13878678484026005</v>
      </c>
      <c r="I12" s="92">
        <v>1.4339012346937456E-2</v>
      </c>
      <c r="J12" s="96">
        <v>0.34267232689161919</v>
      </c>
      <c r="K12" s="92">
        <v>1.9651320911845859E-2</v>
      </c>
      <c r="L12" s="96">
        <v>0.34215751973955877</v>
      </c>
      <c r="M12" s="92">
        <v>1.9644268866085952E-2</v>
      </c>
      <c r="N12" s="96">
        <v>0.15536464160977265</v>
      </c>
      <c r="O12" s="92">
        <v>1.5019737263970075E-2</v>
      </c>
    </row>
    <row r="13" spans="1:15">
      <c r="A13" s="47" t="s">
        <v>570</v>
      </c>
      <c r="B13" s="145">
        <v>598</v>
      </c>
      <c r="C13" s="146">
        <v>3.3598404254747205</v>
      </c>
      <c r="D13" s="130">
        <v>7.8531823713283516E-2</v>
      </c>
      <c r="E13" s="123">
        <v>598</v>
      </c>
      <c r="F13" s="147">
        <v>2.4026409825678607E-2</v>
      </c>
      <c r="G13" s="95">
        <v>1.3256924965274851E-2</v>
      </c>
      <c r="H13" s="148">
        <v>0.15833016890899201</v>
      </c>
      <c r="I13" s="95">
        <v>2.9928809413611319E-2</v>
      </c>
      <c r="J13" s="148">
        <v>0.36216112097895953</v>
      </c>
      <c r="K13" s="95">
        <v>3.9198963509972685E-2</v>
      </c>
      <c r="L13" s="148">
        <v>0.34474118653766822</v>
      </c>
      <c r="M13" s="95">
        <v>3.8769612788535142E-2</v>
      </c>
      <c r="N13" s="148">
        <v>0.11074111374870185</v>
      </c>
      <c r="O13" s="95">
        <v>2.5839321755890522E-2</v>
      </c>
    </row>
    <row r="14" spans="1:15">
      <c r="A14" s="43" t="s">
        <v>571</v>
      </c>
      <c r="B14" s="52">
        <v>1248</v>
      </c>
      <c r="C14" s="53">
        <v>3.3841190009458915</v>
      </c>
      <c r="D14" s="54">
        <v>5.3072905098916982E-2</v>
      </c>
      <c r="E14" s="81">
        <v>1248</v>
      </c>
      <c r="F14" s="96">
        <v>2.2991960051601135E-2</v>
      </c>
      <c r="G14" s="92">
        <v>8.7410229116741799E-3</v>
      </c>
      <c r="H14" s="96">
        <v>0.15300177812278604</v>
      </c>
      <c r="I14" s="92">
        <v>2.0408009427406833E-2</v>
      </c>
      <c r="J14" s="96">
        <v>0.35495266361503724</v>
      </c>
      <c r="K14" s="92">
        <v>2.7054287409038948E-2</v>
      </c>
      <c r="L14" s="96">
        <v>0.35500249724927019</v>
      </c>
      <c r="M14" s="92">
        <v>2.7055135399519009E-2</v>
      </c>
      <c r="N14" s="96">
        <v>0.11405110096130615</v>
      </c>
      <c r="O14" s="92">
        <v>1.8051552546544756E-2</v>
      </c>
    </row>
    <row r="15" spans="1:15">
      <c r="A15" s="47" t="s">
        <v>582</v>
      </c>
      <c r="B15" s="145">
        <v>859</v>
      </c>
      <c r="C15" s="146">
        <v>3.5553447796424993</v>
      </c>
      <c r="D15" s="130">
        <v>6.5921997432174639E-2</v>
      </c>
      <c r="E15" s="123">
        <v>859</v>
      </c>
      <c r="F15" s="147">
        <v>2.3147142171918437E-2</v>
      </c>
      <c r="G15" s="95">
        <v>1.0702845504658253E-2</v>
      </c>
      <c r="H15" s="148">
        <v>0.11899301036461801</v>
      </c>
      <c r="I15" s="95">
        <v>2.2183919450035366E-2</v>
      </c>
      <c r="J15" s="148">
        <v>0.31647710800437773</v>
      </c>
      <c r="K15" s="95">
        <v>3.1687264096246504E-2</v>
      </c>
      <c r="L15" s="148">
        <v>0.36213340456722098</v>
      </c>
      <c r="M15" s="95">
        <v>3.2733241139284407E-2</v>
      </c>
      <c r="N15" s="148">
        <v>0.17924933489186642</v>
      </c>
      <c r="O15" s="95">
        <v>2.6197441446744841E-2</v>
      </c>
    </row>
    <row r="16" spans="1:15">
      <c r="A16" s="43" t="s">
        <v>583</v>
      </c>
      <c r="B16" s="52">
        <v>1471</v>
      </c>
      <c r="C16" s="53">
        <v>3.4380662192209477</v>
      </c>
      <c r="D16" s="54">
        <v>4.9726365417595259E-2</v>
      </c>
      <c r="E16" s="81">
        <v>1471</v>
      </c>
      <c r="F16" s="96">
        <v>2.0149893890472805E-2</v>
      </c>
      <c r="G16" s="92">
        <v>7.5448541837462276E-3</v>
      </c>
      <c r="H16" s="96">
        <v>0.14686673305250977</v>
      </c>
      <c r="I16" s="92">
        <v>1.8482962159096516E-2</v>
      </c>
      <c r="J16" s="96">
        <v>0.35336538658460126</v>
      </c>
      <c r="K16" s="92">
        <v>2.489924110006651E-2</v>
      </c>
      <c r="L16" s="96">
        <v>0.33400323289042971</v>
      </c>
      <c r="M16" s="92">
        <v>2.4569200568623842E-2</v>
      </c>
      <c r="N16" s="96">
        <v>0.14561475358198636</v>
      </c>
      <c r="O16" s="92">
        <v>1.8418217486064585E-2</v>
      </c>
    </row>
    <row r="17" spans="1:15">
      <c r="A17" s="47" t="s">
        <v>572</v>
      </c>
      <c r="B17" s="145">
        <v>289</v>
      </c>
      <c r="C17" s="146">
        <v>3.8515626627288393</v>
      </c>
      <c r="D17" s="130">
        <v>0.11444183139944711</v>
      </c>
      <c r="E17" s="123">
        <v>289</v>
      </c>
      <c r="F17" s="147">
        <v>1.086730207637337E-2</v>
      </c>
      <c r="G17" s="95">
        <v>1.5340084990664138E-2</v>
      </c>
      <c r="H17" s="148">
        <v>7.7512029035720464E-2</v>
      </c>
      <c r="I17" s="95">
        <v>3.2283780237340798E-2</v>
      </c>
      <c r="J17" s="148">
        <v>0.27964156366909826</v>
      </c>
      <c r="K17" s="95">
        <v>5.2612164722501624E-2</v>
      </c>
      <c r="L17" s="148">
        <v>0.31314891452030919</v>
      </c>
      <c r="M17" s="95">
        <v>5.4307106727251302E-2</v>
      </c>
      <c r="N17" s="148">
        <v>0.31883019069849855</v>
      </c>
      <c r="O17" s="95">
        <v>5.456218050529469E-2</v>
      </c>
    </row>
    <row r="18" spans="1:15">
      <c r="A18" s="43" t="s">
        <v>573</v>
      </c>
      <c r="B18" s="141">
        <v>436</v>
      </c>
      <c r="C18" s="142">
        <v>3.4443660603823458</v>
      </c>
      <c r="D18" s="128">
        <v>9.1209995337385552E-2</v>
      </c>
      <c r="E18" s="120">
        <v>436</v>
      </c>
      <c r="F18" s="143">
        <v>2.0036295100771165E-2</v>
      </c>
      <c r="G18" s="92">
        <v>1.471062107184979E-2</v>
      </c>
      <c r="H18" s="144">
        <v>0.1506236505530861</v>
      </c>
      <c r="I18" s="92">
        <v>3.4396804946132752E-2</v>
      </c>
      <c r="J18" s="144">
        <v>0.34433454065394253</v>
      </c>
      <c r="K18" s="92">
        <v>4.5347831375238616E-2</v>
      </c>
      <c r="L18" s="144">
        <v>0.33494872624742711</v>
      </c>
      <c r="M18" s="92">
        <v>4.5050591089289049E-2</v>
      </c>
      <c r="N18" s="144">
        <v>0.1500567874447741</v>
      </c>
      <c r="O18" s="92">
        <v>3.4345328826381777E-2</v>
      </c>
    </row>
    <row r="19" spans="1:15">
      <c r="A19" s="47" t="s">
        <v>574</v>
      </c>
      <c r="B19" s="145">
        <v>668</v>
      </c>
      <c r="C19" s="146">
        <v>3.3934582909443827</v>
      </c>
      <c r="D19" s="130">
        <v>7.0057146714913365E-2</v>
      </c>
      <c r="E19" s="123">
        <v>668</v>
      </c>
      <c r="F19" s="147">
        <v>2.0941131195962952E-2</v>
      </c>
      <c r="G19" s="95">
        <v>1.175812303739771E-2</v>
      </c>
      <c r="H19" s="148">
        <v>0.12696254693573192</v>
      </c>
      <c r="I19" s="95">
        <v>2.5876855629201778E-2</v>
      </c>
      <c r="J19" s="148">
        <v>0.38020856541425913</v>
      </c>
      <c r="K19" s="95">
        <v>3.746588423993532E-2</v>
      </c>
      <c r="L19" s="148">
        <v>0.38147241263604742</v>
      </c>
      <c r="M19" s="95">
        <v>3.7489519230696711E-2</v>
      </c>
      <c r="N19" s="148">
        <v>9.0415343817997151E-2</v>
      </c>
      <c r="O19" s="95">
        <v>2.2391484821286205E-2</v>
      </c>
    </row>
    <row r="20" spans="1:15">
      <c r="A20" s="43" t="s">
        <v>575</v>
      </c>
      <c r="B20" s="52">
        <v>911</v>
      </c>
      <c r="C20" s="53">
        <v>3.2742745459562279</v>
      </c>
      <c r="D20" s="54">
        <v>6.3992960388627396E-2</v>
      </c>
      <c r="E20" s="81">
        <v>911</v>
      </c>
      <c r="F20" s="96">
        <v>2.9629688716779037E-2</v>
      </c>
      <c r="G20" s="92">
        <v>1.1581396953197754E-2</v>
      </c>
      <c r="H20" s="96">
        <v>0.18648246302194238</v>
      </c>
      <c r="I20" s="92">
        <v>2.5825329206669936E-2</v>
      </c>
      <c r="J20" s="96">
        <v>0.35408872059175039</v>
      </c>
      <c r="K20" s="92">
        <v>3.1632841385856404E-2</v>
      </c>
      <c r="L20" s="96">
        <v>0.33958186892732273</v>
      </c>
      <c r="M20" s="92">
        <v>3.1326974912044801E-2</v>
      </c>
      <c r="N20" s="96">
        <v>9.0217258742201295E-2</v>
      </c>
      <c r="O20" s="92">
        <v>1.9110614500015666E-2</v>
      </c>
    </row>
    <row r="21" spans="1:15">
      <c r="A21" s="47" t="s">
        <v>576</v>
      </c>
      <c r="B21" s="145">
        <v>740</v>
      </c>
      <c r="C21" s="146">
        <v>3.4861255686305963</v>
      </c>
      <c r="D21" s="130">
        <v>7.0352397128258762E-2</v>
      </c>
      <c r="E21" s="123">
        <v>740</v>
      </c>
      <c r="F21" s="147">
        <v>2.4823234992885593E-2</v>
      </c>
      <c r="G21" s="95">
        <v>1.1965091856647066E-2</v>
      </c>
      <c r="H21" s="148">
        <v>0.12787920823518673</v>
      </c>
      <c r="I21" s="95">
        <v>2.464926880954859E-2</v>
      </c>
      <c r="J21" s="148">
        <v>0.34180487157500467</v>
      </c>
      <c r="K21" s="95">
        <v>3.4799168163556098E-2</v>
      </c>
      <c r="L21" s="148">
        <v>0.34733412354229271</v>
      </c>
      <c r="M21" s="95">
        <v>3.4930273709340785E-2</v>
      </c>
      <c r="N21" s="148">
        <v>0.1581585616546301</v>
      </c>
      <c r="O21" s="95">
        <v>2.6880616672913693E-2</v>
      </c>
    </row>
    <row r="22" spans="1:15">
      <c r="A22" s="55" t="s">
        <v>577</v>
      </c>
      <c r="B22" s="141">
        <v>752</v>
      </c>
      <c r="C22" s="142">
        <v>3.4782752525072791</v>
      </c>
      <c r="D22" s="128">
        <v>7.0243683933632631E-2</v>
      </c>
      <c r="E22" s="120">
        <v>752</v>
      </c>
      <c r="F22" s="143">
        <v>1.9644599587848907E-2</v>
      </c>
      <c r="G22" s="92">
        <v>1.0713670430627863E-2</v>
      </c>
      <c r="H22" s="144">
        <v>0.13561754033401502</v>
      </c>
      <c r="I22" s="92">
        <v>2.5053036660381629E-2</v>
      </c>
      <c r="J22" s="144">
        <v>0.3280780805652932</v>
      </c>
      <c r="K22" s="92">
        <v>3.4176231739636798E-2</v>
      </c>
      <c r="L22" s="144">
        <v>0.38013756700869128</v>
      </c>
      <c r="M22" s="92">
        <v>3.5320499820674624E-2</v>
      </c>
      <c r="N22" s="144">
        <v>0.13652221250414828</v>
      </c>
      <c r="O22" s="92">
        <v>2.5121740982772461E-2</v>
      </c>
    </row>
    <row r="23" spans="1:15">
      <c r="A23" s="47" t="s">
        <v>578</v>
      </c>
      <c r="B23" s="145">
        <v>256</v>
      </c>
      <c r="C23" s="146">
        <v>3.3927449898006148</v>
      </c>
      <c r="D23" s="130">
        <v>0.12042575996943375</v>
      </c>
      <c r="E23" s="123">
        <v>256</v>
      </c>
      <c r="F23" s="147">
        <v>1.6781386194615017E-2</v>
      </c>
      <c r="G23" s="95">
        <v>1.9066332537536895E-2</v>
      </c>
      <c r="H23" s="148">
        <v>0.17254139812492292</v>
      </c>
      <c r="I23" s="95">
        <v>4.740088321310508E-2</v>
      </c>
      <c r="J23" s="148">
        <v>0.36944081038788118</v>
      </c>
      <c r="K23" s="95">
        <v>5.9932621996624601E-2</v>
      </c>
      <c r="L23" s="148">
        <v>0.28362365027039327</v>
      </c>
      <c r="M23" s="95">
        <v>5.6105775113143186E-2</v>
      </c>
      <c r="N23" s="148">
        <v>0.15761275502218763</v>
      </c>
      <c r="O23" s="95">
        <v>4.5800617211288121E-2</v>
      </c>
    </row>
    <row r="24" spans="1:15">
      <c r="A24" s="55" t="s">
        <v>579</v>
      </c>
      <c r="B24" s="141">
        <v>219</v>
      </c>
      <c r="C24" s="142">
        <v>3.4765170984031419</v>
      </c>
      <c r="D24" s="128">
        <v>0.12797768711412003</v>
      </c>
      <c r="E24" s="120">
        <v>219</v>
      </c>
      <c r="F24" s="143">
        <v>1.7997752049720459E-2</v>
      </c>
      <c r="G24" s="92">
        <v>2.1567977620691136E-2</v>
      </c>
      <c r="H24" s="144">
        <v>0.15209867383362063</v>
      </c>
      <c r="I24" s="92">
        <v>4.8892267327194261E-2</v>
      </c>
      <c r="J24" s="144">
        <v>0.31058211931012358</v>
      </c>
      <c r="K24" s="92">
        <v>6.215797412133614E-2</v>
      </c>
      <c r="L24" s="144">
        <v>0.37403163327686789</v>
      </c>
      <c r="M24" s="92">
        <v>6.4882940029048153E-2</v>
      </c>
      <c r="N24" s="144">
        <v>0.14528982152966813</v>
      </c>
      <c r="O24" s="92">
        <v>4.8038457117650112E-2</v>
      </c>
    </row>
    <row r="25" spans="1:15">
      <c r="A25" s="47" t="s">
        <v>580</v>
      </c>
      <c r="B25" s="145">
        <v>216</v>
      </c>
      <c r="C25" s="146">
        <v>3.5256015075899261</v>
      </c>
      <c r="D25" s="130">
        <v>0.1266067216653306</v>
      </c>
      <c r="E25" s="123">
        <v>216</v>
      </c>
      <c r="F25" s="147">
        <v>2.2242178432035971E-2</v>
      </c>
      <c r="G25" s="95">
        <v>2.3344106037328918E-2</v>
      </c>
      <c r="H25" s="148">
        <v>0.10231829658941509</v>
      </c>
      <c r="I25" s="95">
        <v>4.2114112822661393E-2</v>
      </c>
      <c r="J25" s="148">
        <v>0.4039522712673197</v>
      </c>
      <c r="K25" s="95">
        <v>6.6210030104272191E-2</v>
      </c>
      <c r="L25" s="148">
        <v>0.27057034637904437</v>
      </c>
      <c r="M25" s="95">
        <v>6.019041616735997E-2</v>
      </c>
      <c r="N25" s="148">
        <v>0.20091690733218484</v>
      </c>
      <c r="O25" s="95">
        <v>5.4568136855857576E-2</v>
      </c>
    </row>
    <row r="26" spans="1:15">
      <c r="A26" s="55" t="s">
        <v>581</v>
      </c>
      <c r="B26" s="141">
        <v>118</v>
      </c>
      <c r="C26" s="142">
        <v>3.4563747413157131</v>
      </c>
      <c r="D26" s="128">
        <v>0.18002702571338483</v>
      </c>
      <c r="E26" s="120">
        <v>118</v>
      </c>
      <c r="F26" s="143">
        <v>3.7974993863576556E-2</v>
      </c>
      <c r="G26" s="92">
        <v>4.0610611511475464E-2</v>
      </c>
      <c r="H26" s="144">
        <v>0.12394190947207964</v>
      </c>
      <c r="I26" s="92">
        <v>6.2121433529026611E-2</v>
      </c>
      <c r="J26" s="144">
        <v>0.31363109833407415</v>
      </c>
      <c r="K26" s="92">
        <v>8.4447460180044134E-2</v>
      </c>
      <c r="L26" s="144">
        <v>0.39263735814559281</v>
      </c>
      <c r="M26" s="92">
        <v>8.8561680593663733E-2</v>
      </c>
      <c r="N26" s="144">
        <v>0.1318146401846772</v>
      </c>
      <c r="O26" s="92">
        <v>6.3551457527897717E-2</v>
      </c>
    </row>
    <row r="27" spans="1:15">
      <c r="A27" s="47" t="s">
        <v>584</v>
      </c>
      <c r="B27" s="145">
        <v>115</v>
      </c>
      <c r="C27" s="146">
        <v>3.9744125075236729</v>
      </c>
      <c r="D27" s="130">
        <v>0.18265937766036611</v>
      </c>
      <c r="E27" s="123">
        <v>115</v>
      </c>
      <c r="F27" s="147">
        <v>3.6271153168585032E-3</v>
      </c>
      <c r="G27" s="95">
        <v>2.5862821142350462E-2</v>
      </c>
      <c r="H27" s="148">
        <v>4.4993447652042183E-2</v>
      </c>
      <c r="I27" s="95">
        <v>4.3638379707898717E-2</v>
      </c>
      <c r="J27" s="148">
        <v>0.29991079564980239</v>
      </c>
      <c r="K27" s="95">
        <v>8.4537406641014445E-2</v>
      </c>
      <c r="L27" s="148">
        <v>0.27627709695316405</v>
      </c>
      <c r="M27" s="95">
        <v>8.2656797146902078E-2</v>
      </c>
      <c r="N27" s="148">
        <v>0.37519154442813296</v>
      </c>
      <c r="O27" s="95">
        <v>8.8962734670405649E-2</v>
      </c>
    </row>
    <row r="28" spans="1:15">
      <c r="A28" s="55" t="s">
        <v>585</v>
      </c>
      <c r="B28" s="141">
        <v>2215</v>
      </c>
      <c r="C28" s="142">
        <v>3.3822281944127486</v>
      </c>
      <c r="D28" s="128">
        <v>4.0352472587064502E-2</v>
      </c>
      <c r="E28" s="120">
        <v>2215</v>
      </c>
      <c r="F28" s="143">
        <v>2.4128838685046009E-2</v>
      </c>
      <c r="G28" s="92">
        <v>6.6269035146600454E-3</v>
      </c>
      <c r="H28" s="144">
        <v>0.1555596848027537</v>
      </c>
      <c r="I28" s="92">
        <v>1.5413086497402312E-2</v>
      </c>
      <c r="J28" s="144">
        <v>0.35031929742559986</v>
      </c>
      <c r="K28" s="92">
        <v>2.0258642478767578E-2</v>
      </c>
      <c r="L28" s="144">
        <v>0.35393880158760205</v>
      </c>
      <c r="M28" s="92">
        <v>2.0306039321482752E-2</v>
      </c>
      <c r="N28" s="144">
        <v>0.11605337749899586</v>
      </c>
      <c r="O28" s="92">
        <v>1.3633718553354733E-2</v>
      </c>
    </row>
    <row r="29" spans="1:15">
      <c r="A29" s="47" t="s">
        <v>620</v>
      </c>
      <c r="B29" s="145">
        <v>153</v>
      </c>
      <c r="C29" s="146">
        <v>3.3573275150195805</v>
      </c>
      <c r="D29" s="130">
        <v>0.15019436592007906</v>
      </c>
      <c r="E29" s="123">
        <v>153</v>
      </c>
      <c r="F29" s="147">
        <v>2.8691565345902448E-2</v>
      </c>
      <c r="G29" s="95">
        <v>3.1539271031909136E-2</v>
      </c>
      <c r="H29" s="148">
        <v>0.13092033460212005</v>
      </c>
      <c r="I29" s="95">
        <v>5.5438705407469875E-2</v>
      </c>
      <c r="J29" s="148">
        <v>0.41909353115415032</v>
      </c>
      <c r="K29" s="95">
        <v>7.8810171210240976E-2</v>
      </c>
      <c r="L29" s="148">
        <v>0.29695815748214938</v>
      </c>
      <c r="M29" s="95">
        <v>7.3293396478242748E-2</v>
      </c>
      <c r="N29" s="148">
        <v>0.12433641141567781</v>
      </c>
      <c r="O29" s="95">
        <v>5.4358154306886834E-2</v>
      </c>
    </row>
    <row r="30" spans="1:15">
      <c r="A30" s="55" t="s">
        <v>621</v>
      </c>
      <c r="B30" s="141">
        <v>159</v>
      </c>
      <c r="C30" s="142">
        <v>3.2586450279365997</v>
      </c>
      <c r="D30" s="128">
        <v>0.14093942323349579</v>
      </c>
      <c r="E30" s="120">
        <v>159</v>
      </c>
      <c r="F30" s="143">
        <v>1.7999860827688698E-2</v>
      </c>
      <c r="G30" s="92">
        <v>2.6648528287733682E-2</v>
      </c>
      <c r="H30" s="144">
        <v>0.16130688417460284</v>
      </c>
      <c r="I30" s="92">
        <v>5.8791088942964795E-2</v>
      </c>
      <c r="J30" s="144">
        <v>0.42310856970166455</v>
      </c>
      <c r="K30" s="92">
        <v>7.7439756339697297E-2</v>
      </c>
      <c r="L30" s="144">
        <v>0.33921773682550843</v>
      </c>
      <c r="M30" s="92">
        <v>7.4373003524981496E-2</v>
      </c>
      <c r="N30" s="144">
        <v>5.8366948470535945E-2</v>
      </c>
      <c r="O30" s="92">
        <v>3.9758564905313168E-2</v>
      </c>
    </row>
    <row r="31" spans="1:15">
      <c r="A31" s="47" t="s">
        <v>622</v>
      </c>
      <c r="B31" s="145">
        <v>970</v>
      </c>
      <c r="C31" s="146">
        <v>3.355475955590455</v>
      </c>
      <c r="D31" s="130">
        <v>6.1391054805366496E-2</v>
      </c>
      <c r="E31" s="123">
        <v>970</v>
      </c>
      <c r="F31" s="147">
        <v>1.8196971709894035E-2</v>
      </c>
      <c r="G31" s="95">
        <v>9.010277706395238E-3</v>
      </c>
      <c r="H31" s="148">
        <v>0.17630924836507195</v>
      </c>
      <c r="I31" s="95">
        <v>2.4493481588555813E-2</v>
      </c>
      <c r="J31" s="148">
        <v>0.34486128398852828</v>
      </c>
      <c r="K31" s="95">
        <v>3.0473960124789402E-2</v>
      </c>
      <c r="L31" s="148">
        <v>0.35308584449769542</v>
      </c>
      <c r="M31" s="95">
        <v>3.0639531463863143E-2</v>
      </c>
      <c r="N31" s="148">
        <v>0.10754665143881033</v>
      </c>
      <c r="O31" s="95">
        <v>1.9983855893869959E-2</v>
      </c>
    </row>
    <row r="32" spans="1:15">
      <c r="A32" s="55" t="s">
        <v>623</v>
      </c>
      <c r="B32" s="141">
        <v>299</v>
      </c>
      <c r="C32" s="142">
        <v>3.4378361860410873</v>
      </c>
      <c r="D32" s="128">
        <v>0.1104712287372796</v>
      </c>
      <c r="E32" s="120">
        <v>299</v>
      </c>
      <c r="F32" s="143">
        <v>2.2052070956738529E-2</v>
      </c>
      <c r="G32" s="92">
        <v>1.9073328497570739E-2</v>
      </c>
      <c r="H32" s="144">
        <v>0.15630821126804684</v>
      </c>
      <c r="I32" s="92">
        <v>4.2211811493772733E-2</v>
      </c>
      <c r="J32" s="144">
        <v>0.31664843695302308</v>
      </c>
      <c r="K32" s="92">
        <v>5.3555306739536804E-2</v>
      </c>
      <c r="L32" s="144">
        <v>0.37173402242177345</v>
      </c>
      <c r="M32" s="92">
        <v>5.5577300526522287E-2</v>
      </c>
      <c r="N32" s="144">
        <v>0.13325725840041791</v>
      </c>
      <c r="O32" s="92">
        <v>3.9639877725690664E-2</v>
      </c>
    </row>
    <row r="33" spans="1:15">
      <c r="A33" s="47" t="s">
        <v>624</v>
      </c>
      <c r="B33" s="145">
        <v>316</v>
      </c>
      <c r="C33" s="146">
        <v>3.4445366363176455</v>
      </c>
      <c r="D33" s="130">
        <v>0.10363452786657172</v>
      </c>
      <c r="E33" s="123">
        <v>316</v>
      </c>
      <c r="F33" s="147">
        <v>2.4083242185141528E-2</v>
      </c>
      <c r="G33" s="95">
        <v>1.9082147586622314E-2</v>
      </c>
      <c r="H33" s="148">
        <v>0.11205593947934353</v>
      </c>
      <c r="I33" s="95">
        <v>3.5923252400299435E-2</v>
      </c>
      <c r="J33" s="148">
        <v>0.38121308497527306</v>
      </c>
      <c r="K33" s="95">
        <v>5.4341538251045644E-2</v>
      </c>
      <c r="L33" s="148">
        <v>0.36053640655321401</v>
      </c>
      <c r="M33" s="95">
        <v>5.3739315144171386E-2</v>
      </c>
      <c r="N33" s="148">
        <v>0.12211132680702942</v>
      </c>
      <c r="O33" s="95">
        <v>3.7206826394693263E-2</v>
      </c>
    </row>
    <row r="34" spans="1:15">
      <c r="A34" s="55" t="s">
        <v>625</v>
      </c>
      <c r="B34" s="141">
        <v>1170</v>
      </c>
      <c r="C34" s="142">
        <v>3.5026093877265243</v>
      </c>
      <c r="D34" s="128">
        <v>5.5224874159319079E-2</v>
      </c>
      <c r="E34" s="120">
        <v>1170</v>
      </c>
      <c r="F34" s="143">
        <v>1.5633961329694367E-2</v>
      </c>
      <c r="G34" s="92">
        <v>7.6073857841990724E-3</v>
      </c>
      <c r="H34" s="144">
        <v>0.13187778081408588</v>
      </c>
      <c r="I34" s="92">
        <v>1.9829588546614509E-2</v>
      </c>
      <c r="J34" s="144">
        <v>0.35412895855432597</v>
      </c>
      <c r="K34" s="92">
        <v>2.7924599719754233E-2</v>
      </c>
      <c r="L34" s="144">
        <v>0.33096350740378844</v>
      </c>
      <c r="M34" s="92">
        <v>2.7479032740321759E-2</v>
      </c>
      <c r="N34" s="144">
        <v>0.16739579189810511</v>
      </c>
      <c r="O34" s="92">
        <v>2.1850272075124917E-2</v>
      </c>
    </row>
    <row r="35" spans="1:15">
      <c r="A35" s="47" t="s">
        <v>626</v>
      </c>
      <c r="B35" s="145">
        <v>1159</v>
      </c>
      <c r="C35" s="146">
        <v>3.4030826452296181</v>
      </c>
      <c r="D35" s="130">
        <v>5.7051858978479017E-2</v>
      </c>
      <c r="E35" s="123">
        <v>1159</v>
      </c>
      <c r="F35" s="147">
        <v>3.1927497370842987E-2</v>
      </c>
      <c r="G35" s="95">
        <v>1.0558378244077177E-2</v>
      </c>
      <c r="H35" s="148">
        <v>0.15334673556326647</v>
      </c>
      <c r="I35" s="95">
        <v>2.1198541711829902E-2</v>
      </c>
      <c r="J35" s="148">
        <v>0.32141431963584954</v>
      </c>
      <c r="K35" s="95">
        <v>2.7402679246136694E-2</v>
      </c>
      <c r="L35" s="148">
        <v>0.36633851932551004</v>
      </c>
      <c r="M35" s="95">
        <v>2.826342665706039E-2</v>
      </c>
      <c r="N35" s="148">
        <v>0.12697292810453153</v>
      </c>
      <c r="O35" s="95">
        <v>1.9609807833466875E-2</v>
      </c>
    </row>
    <row r="36" spans="1:15">
      <c r="A36" s="55" t="s">
        <v>627</v>
      </c>
      <c r="B36" s="141">
        <v>339</v>
      </c>
      <c r="C36" s="142">
        <v>3.2798669139955909</v>
      </c>
      <c r="D36" s="128">
        <v>0.10053840004960553</v>
      </c>
      <c r="E36" s="120">
        <v>339</v>
      </c>
      <c r="F36" s="143">
        <v>3.0001481462270232E-2</v>
      </c>
      <c r="G36" s="92">
        <v>1.9977685792871173E-2</v>
      </c>
      <c r="H36" s="144">
        <v>0.17636122082507399</v>
      </c>
      <c r="I36" s="92">
        <v>4.150052293932241E-2</v>
      </c>
      <c r="J36" s="144">
        <v>0.35212100568140509</v>
      </c>
      <c r="K36" s="92">
        <v>5.1636639693901011E-2</v>
      </c>
      <c r="L36" s="144">
        <v>0.36680148631728904</v>
      </c>
      <c r="M36" s="92">
        <v>5.2089802143987743E-2</v>
      </c>
      <c r="N36" s="144">
        <v>7.4714805713958526E-2</v>
      </c>
      <c r="O36" s="92">
        <v>2.9242404975480477E-2</v>
      </c>
    </row>
    <row r="37" spans="1:15">
      <c r="A37" s="47" t="s">
        <v>628</v>
      </c>
      <c r="B37" s="145">
        <v>820</v>
      </c>
      <c r="C37" s="146">
        <v>3.4766019722091048</v>
      </c>
      <c r="D37" s="130">
        <v>6.8969859222781579E-2</v>
      </c>
      <c r="E37" s="123">
        <v>820</v>
      </c>
      <c r="F37" s="147">
        <v>3.3076696356491131E-2</v>
      </c>
      <c r="G37" s="95">
        <v>1.2864900028880464E-2</v>
      </c>
      <c r="H37" s="148">
        <v>0.13961464591625825</v>
      </c>
      <c r="I37" s="95">
        <v>2.4273950600305287E-2</v>
      </c>
      <c r="J37" s="148">
        <v>0.30309251227221162</v>
      </c>
      <c r="K37" s="95">
        <v>3.2049942839134891E-2</v>
      </c>
      <c r="L37" s="148">
        <v>0.36606228007173541</v>
      </c>
      <c r="M37" s="95">
        <v>3.3576057157049588E-2</v>
      </c>
      <c r="N37" s="148">
        <v>0.15815386538330409</v>
      </c>
      <c r="O37" s="95">
        <v>2.5530584907883545E-2</v>
      </c>
    </row>
    <row r="38" spans="1:15">
      <c r="A38" s="55" t="s">
        <v>629</v>
      </c>
      <c r="B38" s="141">
        <v>214</v>
      </c>
      <c r="C38" s="142">
        <v>3.3584433187417928</v>
      </c>
      <c r="D38" s="128">
        <v>0.1251482645722943</v>
      </c>
      <c r="E38" s="120">
        <v>214</v>
      </c>
      <c r="F38" s="143">
        <v>1.599452009312503E-2</v>
      </c>
      <c r="G38" s="92">
        <v>2.1096793669602352E-2</v>
      </c>
      <c r="H38" s="144">
        <v>0.16509633636354185</v>
      </c>
      <c r="I38" s="92">
        <v>5.1029359263453859E-2</v>
      </c>
      <c r="J38" s="144">
        <v>0.36064082392113966</v>
      </c>
      <c r="K38" s="92">
        <v>6.5144184198965505E-2</v>
      </c>
      <c r="L38" s="144">
        <v>0.36100794395280289</v>
      </c>
      <c r="M38" s="92">
        <v>6.5158050717060267E-2</v>
      </c>
      <c r="N38" s="144">
        <v>9.7260375669390858E-2</v>
      </c>
      <c r="O38" s="92">
        <v>4.1463690641423349E-2</v>
      </c>
    </row>
    <row r="39" spans="1:15">
      <c r="A39" s="47" t="s">
        <v>630</v>
      </c>
      <c r="B39" s="145">
        <v>384</v>
      </c>
      <c r="C39" s="146">
        <v>3.3615991225261221</v>
      </c>
      <c r="D39" s="130">
        <v>0.1005728933212674</v>
      </c>
      <c r="E39" s="123">
        <v>384</v>
      </c>
      <c r="F39" s="147">
        <v>3.4137062402797527E-2</v>
      </c>
      <c r="G39" s="95">
        <v>1.9642019751118164E-2</v>
      </c>
      <c r="H39" s="148">
        <v>0.14981282483561759</v>
      </c>
      <c r="I39" s="95">
        <v>3.6592543940469825E-2</v>
      </c>
      <c r="J39" s="148">
        <v>0.36407489169512636</v>
      </c>
      <c r="K39" s="95">
        <v>4.8895358733264838E-2</v>
      </c>
      <c r="L39" s="148">
        <v>0.324264369965586</v>
      </c>
      <c r="M39" s="95">
        <v>4.7596940599434541E-2</v>
      </c>
      <c r="N39" s="148">
        <v>0.12771085110087502</v>
      </c>
      <c r="O39" s="95">
        <v>3.4318666556185845E-2</v>
      </c>
    </row>
    <row r="40" spans="1:15">
      <c r="A40" s="55" t="s">
        <v>631</v>
      </c>
      <c r="B40" s="141">
        <v>55</v>
      </c>
      <c r="C40" s="142">
        <v>3.3224505120588539</v>
      </c>
      <c r="D40" s="128">
        <v>0.22951998725277817</v>
      </c>
      <c r="E40" s="120">
        <v>55</v>
      </c>
      <c r="F40" s="143">
        <v>2.1234484046771571E-2</v>
      </c>
      <c r="G40" s="92">
        <v>5.8692076288672283E-2</v>
      </c>
      <c r="H40" s="144">
        <v>0.10958625096315559</v>
      </c>
      <c r="I40" s="92">
        <v>8.9269738721090064E-2</v>
      </c>
      <c r="J40" s="144">
        <v>0.47188810639020112</v>
      </c>
      <c r="K40" s="92">
        <v>0.13000997235076722</v>
      </c>
      <c r="L40" s="144">
        <v>0.32007658608419087</v>
      </c>
      <c r="M40" s="92">
        <v>0.12264548657010287</v>
      </c>
      <c r="N40" s="144">
        <v>7.7214572515680896E-2</v>
      </c>
      <c r="O40" s="92">
        <v>8.0113412102326059E-2</v>
      </c>
    </row>
    <row r="41" spans="1:15">
      <c r="A41" s="47" t="s">
        <v>632</v>
      </c>
      <c r="B41" s="145">
        <v>329</v>
      </c>
      <c r="C41" s="146">
        <v>3.3725968638254433</v>
      </c>
      <c r="D41" s="130">
        <v>0.1110636309589489</v>
      </c>
      <c r="E41" s="123">
        <v>329</v>
      </c>
      <c r="F41" s="147">
        <v>3.7761692170242528E-2</v>
      </c>
      <c r="G41" s="95">
        <v>2.2310393663716337E-2</v>
      </c>
      <c r="H41" s="148">
        <v>0.16111339074400857</v>
      </c>
      <c r="I41" s="95">
        <v>4.0699339056475478E-2</v>
      </c>
      <c r="J41" s="148">
        <v>0.33378769044552487</v>
      </c>
      <c r="K41" s="95">
        <v>5.1759803577748627E-2</v>
      </c>
      <c r="L41" s="148">
        <v>0.32544081437051686</v>
      </c>
      <c r="M41" s="95">
        <v>5.1436625687293965E-2</v>
      </c>
      <c r="N41" s="148">
        <v>0.14189641226970981</v>
      </c>
      <c r="O41" s="95">
        <v>3.8721941584321899E-2</v>
      </c>
    </row>
    <row r="42" spans="1:15">
      <c r="A42" s="55" t="s">
        <v>633</v>
      </c>
      <c r="B42" s="141">
        <v>649</v>
      </c>
      <c r="C42" s="142">
        <v>3.3929253592731232</v>
      </c>
      <c r="D42" s="128">
        <v>7.2440531277268086E-2</v>
      </c>
      <c r="E42" s="120">
        <v>649</v>
      </c>
      <c r="F42" s="143">
        <v>1.9337907341430871E-2</v>
      </c>
      <c r="G42" s="92">
        <v>1.1552063525347094E-2</v>
      </c>
      <c r="H42" s="144">
        <v>0.14636707343359337</v>
      </c>
      <c r="I42" s="92">
        <v>2.7833583718349455E-2</v>
      </c>
      <c r="J42" s="144">
        <v>0.37632652901099173</v>
      </c>
      <c r="K42" s="92">
        <v>3.7932129405990112E-2</v>
      </c>
      <c r="L42" s="144">
        <v>0.33796873303838632</v>
      </c>
      <c r="M42" s="92">
        <v>3.7047755007515192E-2</v>
      </c>
      <c r="N42" s="144">
        <v>0.119999757175595</v>
      </c>
      <c r="O42" s="92">
        <v>2.5644938696880271E-2</v>
      </c>
    </row>
    <row r="43" spans="1:15">
      <c r="A43" s="47" t="s">
        <v>634</v>
      </c>
      <c r="B43" s="145">
        <v>599</v>
      </c>
      <c r="C43" s="146">
        <v>3.3691142435106607</v>
      </c>
      <c r="D43" s="130">
        <v>7.7892193974387777E-2</v>
      </c>
      <c r="E43" s="123">
        <v>599</v>
      </c>
      <c r="F43" s="147">
        <v>2.9217935935654825E-2</v>
      </c>
      <c r="G43" s="95">
        <v>1.4408155190381623E-2</v>
      </c>
      <c r="H43" s="148">
        <v>0.16430635270589503</v>
      </c>
      <c r="I43" s="95">
        <v>3.0343514496000756E-2</v>
      </c>
      <c r="J43" s="148">
        <v>0.31853469675488399</v>
      </c>
      <c r="K43" s="95">
        <v>3.7984527914128444E-2</v>
      </c>
      <c r="L43" s="148">
        <v>0.38402556111926822</v>
      </c>
      <c r="M43" s="95">
        <v>3.9627434065586817E-2</v>
      </c>
      <c r="N43" s="148">
        <v>0.1039154534842982</v>
      </c>
      <c r="O43" s="95">
        <v>2.5128722635204565E-2</v>
      </c>
    </row>
    <row r="44" spans="1:15">
      <c r="A44" s="55" t="s">
        <v>635</v>
      </c>
      <c r="B44" s="141">
        <v>224</v>
      </c>
      <c r="C44" s="142">
        <v>3.2758858906732109</v>
      </c>
      <c r="D44" s="128">
        <v>0.12149249363219362</v>
      </c>
      <c r="E44" s="120">
        <v>224</v>
      </c>
      <c r="F44" s="143">
        <v>2.3500639676420444E-2</v>
      </c>
      <c r="G44" s="92">
        <v>2.3262499107558156E-2</v>
      </c>
      <c r="H44" s="144">
        <v>0.19435421602441774</v>
      </c>
      <c r="I44" s="92">
        <v>5.2953102925905569E-2</v>
      </c>
      <c r="J44" s="144">
        <v>0.3379341835562929</v>
      </c>
      <c r="K44" s="92">
        <v>6.2778946283649148E-2</v>
      </c>
      <c r="L44" s="144">
        <v>0.37118053543526863</v>
      </c>
      <c r="M44" s="92">
        <v>6.4069958960908183E-2</v>
      </c>
      <c r="N44" s="144">
        <v>7.3030425307600455E-2</v>
      </c>
      <c r="O44" s="92">
        <v>3.604029637968844E-2</v>
      </c>
    </row>
    <row r="45" spans="1:15">
      <c r="A45" s="47" t="s">
        <v>636</v>
      </c>
      <c r="B45" s="145">
        <v>375</v>
      </c>
      <c r="C45" s="146">
        <v>3.4488051916629199</v>
      </c>
      <c r="D45" s="130">
        <v>0.10067343529793774</v>
      </c>
      <c r="E45" s="123">
        <v>375</v>
      </c>
      <c r="F45" s="147">
        <v>3.4105041047982156E-2</v>
      </c>
      <c r="G45" s="95">
        <v>1.9894022906685016E-2</v>
      </c>
      <c r="H45" s="148">
        <v>0.13862164794684348</v>
      </c>
      <c r="I45" s="95">
        <v>3.5904850528806112E-2</v>
      </c>
      <c r="J45" s="148">
        <v>0.30195215024602334</v>
      </c>
      <c r="K45" s="95">
        <v>4.7257293309068645E-2</v>
      </c>
      <c r="L45" s="148">
        <v>0.3950053998125781</v>
      </c>
      <c r="M45" s="95">
        <v>5.0245581565972086E-2</v>
      </c>
      <c r="N45" s="148">
        <v>0.13031576094657493</v>
      </c>
      <c r="O45" s="95">
        <v>3.5020253461224921E-2</v>
      </c>
    </row>
    <row r="47" spans="1:15" ht="18.75">
      <c r="A47" s="343" t="s">
        <v>204</v>
      </c>
      <c r="B47" s="343"/>
      <c r="C47" s="343"/>
      <c r="D47" s="343"/>
      <c r="E47" s="343"/>
      <c r="F47" s="343"/>
      <c r="G47" s="343"/>
      <c r="H47" s="343"/>
      <c r="I47" s="343"/>
      <c r="J47" s="233"/>
      <c r="K47" s="233"/>
    </row>
    <row r="48" spans="1:15" ht="81" customHeight="1">
      <c r="A48" s="348" t="s">
        <v>205</v>
      </c>
      <c r="B48" s="348"/>
      <c r="C48" s="348"/>
      <c r="D48" s="348"/>
      <c r="E48" s="348"/>
      <c r="F48" s="348"/>
      <c r="G48" s="348"/>
      <c r="H48" s="348"/>
      <c r="I48" s="348"/>
      <c r="J48" s="233"/>
      <c r="K48" s="233"/>
    </row>
    <row r="49" spans="1:9" ht="30" customHeight="1">
      <c r="A49" s="394" t="s">
        <v>204</v>
      </c>
      <c r="B49" s="394"/>
      <c r="C49" s="394"/>
      <c r="D49" s="394"/>
      <c r="E49" s="350" t="s">
        <v>206</v>
      </c>
      <c r="F49" s="351"/>
      <c r="G49" s="351"/>
      <c r="H49" s="351"/>
      <c r="I49" s="352"/>
    </row>
    <row r="50" spans="1:9" ht="72">
      <c r="A50" s="35" t="s">
        <v>70</v>
      </c>
      <c r="B50" s="36" t="s">
        <v>71</v>
      </c>
      <c r="C50" s="37" t="s">
        <v>550</v>
      </c>
      <c r="D50" s="38" t="s">
        <v>72</v>
      </c>
      <c r="E50" s="36" t="s">
        <v>71</v>
      </c>
      <c r="F50" s="36" t="s">
        <v>211</v>
      </c>
      <c r="G50" s="87" t="s">
        <v>208</v>
      </c>
      <c r="H50" s="36" t="s">
        <v>212</v>
      </c>
      <c r="I50" s="87" t="s">
        <v>210</v>
      </c>
    </row>
    <row r="51" spans="1:9" ht="84">
      <c r="A51" s="39"/>
      <c r="B51" s="40" t="s">
        <v>73</v>
      </c>
      <c r="C51" s="41" t="s">
        <v>288</v>
      </c>
      <c r="D51" s="42" t="s">
        <v>75</v>
      </c>
      <c r="E51" s="40" t="s">
        <v>73</v>
      </c>
      <c r="F51" s="40" t="s">
        <v>207</v>
      </c>
      <c r="G51" s="89" t="s">
        <v>87</v>
      </c>
      <c r="H51" s="40" t="s">
        <v>209</v>
      </c>
      <c r="I51" s="89" t="s">
        <v>87</v>
      </c>
    </row>
    <row r="52" spans="1:9">
      <c r="A52" s="43" t="s">
        <v>348</v>
      </c>
      <c r="B52" s="149">
        <v>13544</v>
      </c>
      <c r="C52" s="82">
        <v>12.519755301226652</v>
      </c>
      <c r="D52" s="83">
        <v>8.8934485141396194E-2</v>
      </c>
      <c r="E52" s="81">
        <v>13544</v>
      </c>
      <c r="F52" s="96">
        <v>0.84765803633467895</v>
      </c>
      <c r="G52" s="92">
        <v>6.1763582944921926E-3</v>
      </c>
      <c r="H52" s="96">
        <v>0.15234196366532649</v>
      </c>
      <c r="I52" s="92">
        <v>6.176358294492282E-3</v>
      </c>
    </row>
    <row r="53" spans="1:9">
      <c r="A53" s="47" t="s">
        <v>349</v>
      </c>
      <c r="B53" s="47">
        <v>10035</v>
      </c>
      <c r="C53" s="151">
        <v>11.796030889239407</v>
      </c>
      <c r="D53" s="152">
        <v>9.6483580813808797E-2</v>
      </c>
      <c r="E53" s="123">
        <v>10035</v>
      </c>
      <c r="F53" s="153">
        <v>0.88018330311680648</v>
      </c>
      <c r="G53" s="95">
        <v>6.4858513470029038E-3</v>
      </c>
      <c r="H53" s="153">
        <v>0.11981669688318362</v>
      </c>
      <c r="I53" s="95">
        <v>6.4858513470026739E-3</v>
      </c>
    </row>
    <row r="54" spans="1:9">
      <c r="A54" s="43" t="s">
        <v>350</v>
      </c>
      <c r="B54" s="51">
        <v>3509</v>
      </c>
      <c r="C54" s="82">
        <v>13.132194826746412</v>
      </c>
      <c r="D54" s="83">
        <v>0.19636422728631525</v>
      </c>
      <c r="E54" s="81">
        <v>3509</v>
      </c>
      <c r="F54" s="96">
        <v>0.82013408021889012</v>
      </c>
      <c r="G54" s="92">
        <v>1.2970325643831033E-2</v>
      </c>
      <c r="H54" s="96">
        <v>0.1798659197811093</v>
      </c>
      <c r="I54" s="92">
        <v>1.2970325643831018E-2</v>
      </c>
    </row>
    <row r="55" spans="1:9">
      <c r="A55" s="47" t="s">
        <v>568</v>
      </c>
      <c r="B55" s="47">
        <v>11168</v>
      </c>
      <c r="C55" s="151">
        <v>12.526014613738464</v>
      </c>
      <c r="D55" s="152">
        <v>9.9607264104460122E-2</v>
      </c>
      <c r="E55" s="123">
        <v>11168</v>
      </c>
      <c r="F55" s="153">
        <v>0.84746024462667935</v>
      </c>
      <c r="G55" s="95">
        <v>6.8055129656445449E-3</v>
      </c>
      <c r="H55" s="153">
        <v>0.15253975537332551</v>
      </c>
      <c r="I55" s="95">
        <v>6.8055129656446316E-3</v>
      </c>
    </row>
    <row r="56" spans="1:9">
      <c r="A56" s="43" t="s">
        <v>569</v>
      </c>
      <c r="B56" s="51">
        <v>2376</v>
      </c>
      <c r="C56" s="82">
        <v>11.766719174286793</v>
      </c>
      <c r="D56" s="83">
        <v>0.18938275982332559</v>
      </c>
      <c r="E56" s="81">
        <v>2376</v>
      </c>
      <c r="F56" s="96">
        <v>0.87145366907381727</v>
      </c>
      <c r="G56" s="92">
        <v>1.3749595747190285E-2</v>
      </c>
      <c r="H56" s="96">
        <v>0.1285463309261827</v>
      </c>
      <c r="I56" s="92">
        <v>1.3749595747190287E-2</v>
      </c>
    </row>
    <row r="57" spans="1:9">
      <c r="A57" s="47" t="s">
        <v>570</v>
      </c>
      <c r="B57" s="47">
        <v>607</v>
      </c>
      <c r="C57" s="151">
        <v>10.99560276128353</v>
      </c>
      <c r="D57" s="152">
        <v>0.34724912738078262</v>
      </c>
      <c r="E57" s="123">
        <v>607</v>
      </c>
      <c r="F57" s="153">
        <v>0.91823251186920563</v>
      </c>
      <c r="G57" s="95">
        <v>2.2505038823557411E-2</v>
      </c>
      <c r="H57" s="153">
        <v>8.1767488130795124E-2</v>
      </c>
      <c r="I57" s="95">
        <v>2.2505038823557491E-2</v>
      </c>
    </row>
    <row r="58" spans="1:9">
      <c r="A58" s="43" t="s">
        <v>571</v>
      </c>
      <c r="B58" s="51">
        <v>1278</v>
      </c>
      <c r="C58" s="82">
        <v>10.170479812725409</v>
      </c>
      <c r="D58" s="83">
        <v>0.22690640902775175</v>
      </c>
      <c r="E58" s="81">
        <v>1278</v>
      </c>
      <c r="F58" s="96">
        <v>0.95468138207306141</v>
      </c>
      <c r="G58" s="92">
        <v>1.1790276962602021E-2</v>
      </c>
      <c r="H58" s="96">
        <v>4.5318617926939045E-2</v>
      </c>
      <c r="I58" s="92">
        <v>1.179027696260208E-2</v>
      </c>
    </row>
    <row r="59" spans="1:9">
      <c r="A59" s="47" t="s">
        <v>582</v>
      </c>
      <c r="B59" s="47">
        <v>867</v>
      </c>
      <c r="C59" s="151">
        <v>12.391903042266716</v>
      </c>
      <c r="D59" s="152">
        <v>0.32705963120091458</v>
      </c>
      <c r="E59" s="123">
        <v>867</v>
      </c>
      <c r="F59" s="153">
        <v>0.85693280867068866</v>
      </c>
      <c r="G59" s="95">
        <v>2.3840884899097317E-2</v>
      </c>
      <c r="H59" s="153">
        <v>0.14306719132931298</v>
      </c>
      <c r="I59" s="95">
        <v>2.3840884899097428E-2</v>
      </c>
    </row>
    <row r="60" spans="1:9">
      <c r="A60" s="43" t="s">
        <v>583</v>
      </c>
      <c r="B60" s="51">
        <v>1509</v>
      </c>
      <c r="C60" s="82">
        <v>11.51488194617534</v>
      </c>
      <c r="D60" s="83">
        <v>0.22938446831705755</v>
      </c>
      <c r="E60" s="81">
        <v>1509</v>
      </c>
      <c r="F60" s="96">
        <v>0.87730297744694097</v>
      </c>
      <c r="G60" s="92">
        <v>1.6928306884995279E-2</v>
      </c>
      <c r="H60" s="96">
        <v>0.12269702255305782</v>
      </c>
      <c r="I60" s="92">
        <v>1.692830688499521E-2</v>
      </c>
    </row>
    <row r="61" spans="1:9">
      <c r="A61" s="47" t="s">
        <v>572</v>
      </c>
      <c r="B61" s="47">
        <v>291</v>
      </c>
      <c r="C61" s="151">
        <v>16.333792211645925</v>
      </c>
      <c r="D61" s="152">
        <v>0.6961110789614906</v>
      </c>
      <c r="E61" s="123">
        <v>291</v>
      </c>
      <c r="F61" s="153">
        <v>0.6244710329656441</v>
      </c>
      <c r="G61" s="95">
        <v>5.6439469740206222E-2</v>
      </c>
      <c r="H61" s="153">
        <v>0.37552896703435573</v>
      </c>
      <c r="I61" s="95">
        <v>5.6439469740206215E-2</v>
      </c>
    </row>
    <row r="62" spans="1:9">
      <c r="A62" s="43" t="s">
        <v>573</v>
      </c>
      <c r="B62" s="149">
        <v>447</v>
      </c>
      <c r="C62" s="82">
        <v>11.706944206845991</v>
      </c>
      <c r="D62" s="83">
        <v>0.41406602197970327</v>
      </c>
      <c r="E62" s="81">
        <v>447</v>
      </c>
      <c r="F62" s="96">
        <v>0.91610083854140012</v>
      </c>
      <c r="G62" s="92">
        <v>2.6623379760993209E-2</v>
      </c>
      <c r="H62" s="96">
        <v>8.3899161458600061E-2</v>
      </c>
      <c r="I62" s="92">
        <v>2.6623379760993236E-2</v>
      </c>
    </row>
    <row r="63" spans="1:9">
      <c r="A63" s="47" t="s">
        <v>574</v>
      </c>
      <c r="B63" s="150">
        <v>678</v>
      </c>
      <c r="C63" s="151">
        <v>10.607955928119168</v>
      </c>
      <c r="D63" s="152">
        <v>0.31245051935412788</v>
      </c>
      <c r="E63" s="123">
        <v>678</v>
      </c>
      <c r="F63" s="153">
        <v>0.94502713931101401</v>
      </c>
      <c r="G63" s="95">
        <v>1.7840477509452682E-2</v>
      </c>
      <c r="H63" s="153">
        <v>5.497286068898613E-2</v>
      </c>
      <c r="I63" s="95">
        <v>1.7840477509452713E-2</v>
      </c>
    </row>
    <row r="64" spans="1:9">
      <c r="A64" s="43" t="s">
        <v>575</v>
      </c>
      <c r="B64" s="81">
        <v>934</v>
      </c>
      <c r="C64" s="82">
        <v>9.5829763897193594</v>
      </c>
      <c r="D64" s="83">
        <v>0.24817343703696365</v>
      </c>
      <c r="E64" s="81">
        <v>934</v>
      </c>
      <c r="F64" s="96">
        <v>0.95480032235468204</v>
      </c>
      <c r="G64" s="92">
        <v>1.3839935968690417E-2</v>
      </c>
      <c r="H64" s="96">
        <v>4.5199677645317363E-2</v>
      </c>
      <c r="I64" s="92">
        <v>1.3839935968690336E-2</v>
      </c>
    </row>
    <row r="65" spans="1:9">
      <c r="A65" s="47" t="s">
        <v>576</v>
      </c>
      <c r="B65" s="150">
        <v>756</v>
      </c>
      <c r="C65" s="151">
        <v>11.988309310813694</v>
      </c>
      <c r="D65" s="152">
        <v>0.31802678851690025</v>
      </c>
      <c r="E65" s="123">
        <v>756</v>
      </c>
      <c r="F65" s="153">
        <v>0.85399056852404509</v>
      </c>
      <c r="G65" s="95">
        <v>2.5752491113507785E-2</v>
      </c>
      <c r="H65" s="153">
        <v>0.14600943147595541</v>
      </c>
      <c r="I65" s="95">
        <v>2.575249111350782E-2</v>
      </c>
    </row>
    <row r="66" spans="1:9">
      <c r="A66" s="55" t="s">
        <v>577</v>
      </c>
      <c r="B66" s="149">
        <v>768</v>
      </c>
      <c r="C66" s="82">
        <v>11.060129436529092</v>
      </c>
      <c r="D66" s="83">
        <v>0.30285409020936255</v>
      </c>
      <c r="E66" s="81">
        <v>768</v>
      </c>
      <c r="F66" s="96">
        <v>0.89545353846927567</v>
      </c>
      <c r="G66" s="92">
        <v>2.22133851959922E-2</v>
      </c>
      <c r="H66" s="96">
        <v>0.1045464615307235</v>
      </c>
      <c r="I66" s="92">
        <v>2.2213385195992121E-2</v>
      </c>
    </row>
    <row r="67" spans="1:9">
      <c r="A67" s="47" t="s">
        <v>578</v>
      </c>
      <c r="B67" s="150">
        <v>258</v>
      </c>
      <c r="C67" s="151">
        <v>12.456520804698103</v>
      </c>
      <c r="D67" s="152">
        <v>0.62296200138704749</v>
      </c>
      <c r="E67" s="123">
        <v>258</v>
      </c>
      <c r="F67" s="153">
        <v>0.86685009274622349</v>
      </c>
      <c r="G67" s="95">
        <v>4.2713124900679737E-2</v>
      </c>
      <c r="H67" s="153">
        <v>0.13314990725377665</v>
      </c>
      <c r="I67" s="95">
        <v>4.2713124900679751E-2</v>
      </c>
    </row>
    <row r="68" spans="1:9">
      <c r="A68" s="55" t="s">
        <v>579</v>
      </c>
      <c r="B68" s="149">
        <v>222</v>
      </c>
      <c r="C68" s="82">
        <v>11.852740393665373</v>
      </c>
      <c r="D68" s="83">
        <v>0.6476710979052368</v>
      </c>
      <c r="E68" s="81">
        <v>222</v>
      </c>
      <c r="F68" s="96">
        <v>0.879088917624674</v>
      </c>
      <c r="G68" s="92">
        <v>4.4390383615837484E-2</v>
      </c>
      <c r="H68" s="96">
        <v>0.12091108237532593</v>
      </c>
      <c r="I68" s="92">
        <v>4.439038361583747E-2</v>
      </c>
    </row>
    <row r="69" spans="1:9">
      <c r="A69" s="47" t="s">
        <v>580</v>
      </c>
      <c r="B69" s="150">
        <v>221</v>
      </c>
      <c r="C69" s="151">
        <v>11.825475011973548</v>
      </c>
      <c r="D69" s="152">
        <v>0.68929844835519838</v>
      </c>
      <c r="E69" s="123">
        <v>221</v>
      </c>
      <c r="F69" s="153">
        <v>0.86294736081988932</v>
      </c>
      <c r="G69" s="95">
        <v>4.6744951698122733E-2</v>
      </c>
      <c r="H69" s="153">
        <v>0.13705263918011068</v>
      </c>
      <c r="I69" s="95">
        <v>4.6744951698122733E-2</v>
      </c>
    </row>
    <row r="70" spans="1:9">
      <c r="A70" s="55" t="s">
        <v>581</v>
      </c>
      <c r="B70" s="149">
        <v>122</v>
      </c>
      <c r="C70" s="82">
        <v>11.059912058255362</v>
      </c>
      <c r="D70" s="83">
        <v>0.95644506338212476</v>
      </c>
      <c r="E70" s="81">
        <v>122</v>
      </c>
      <c r="F70" s="96">
        <v>0.89673571992572942</v>
      </c>
      <c r="G70" s="92">
        <v>5.7025681190381323E-2</v>
      </c>
      <c r="H70" s="96">
        <v>0.10326428007427106</v>
      </c>
      <c r="I70" s="92">
        <v>5.7025681190381421E-2</v>
      </c>
    </row>
    <row r="71" spans="1:9">
      <c r="A71" s="47" t="s">
        <v>584</v>
      </c>
      <c r="B71" s="150">
        <v>116</v>
      </c>
      <c r="C71" s="151">
        <v>17.897293245891127</v>
      </c>
      <c r="D71" s="152">
        <v>1.1918238803247094</v>
      </c>
      <c r="E71" s="123">
        <v>116</v>
      </c>
      <c r="F71" s="153">
        <v>0.501830645160526</v>
      </c>
      <c r="G71" s="95">
        <v>9.1286521172280963E-2</v>
      </c>
      <c r="H71" s="153">
        <v>0.49816935483947428</v>
      </c>
      <c r="I71" s="95">
        <v>9.1286521172280963E-2</v>
      </c>
    </row>
    <row r="72" spans="1:9">
      <c r="A72" s="55" t="s">
        <v>585</v>
      </c>
      <c r="B72" s="149">
        <v>2260</v>
      </c>
      <c r="C72" s="82">
        <v>10.678069632033781</v>
      </c>
      <c r="D72" s="83">
        <v>0.17768396112705095</v>
      </c>
      <c r="E72" s="81">
        <v>2260</v>
      </c>
      <c r="F72" s="96">
        <v>0.93709025238388155</v>
      </c>
      <c r="G72" s="92">
        <v>1.0263885345367704E-2</v>
      </c>
      <c r="H72" s="96">
        <v>6.2909747616118311E-2</v>
      </c>
      <c r="I72" s="92">
        <v>1.0263885345367698E-2</v>
      </c>
    </row>
    <row r="73" spans="1:9">
      <c r="A73" s="47" t="s">
        <v>620</v>
      </c>
      <c r="B73" s="150">
        <v>155</v>
      </c>
      <c r="C73" s="151">
        <v>10.887961042226245</v>
      </c>
      <c r="D73" s="152">
        <v>0.70236256215858717</v>
      </c>
      <c r="E73" s="123">
        <v>155</v>
      </c>
      <c r="F73" s="153">
        <v>0.93724318406942575</v>
      </c>
      <c r="G73" s="95">
        <v>4.1456684027175963E-2</v>
      </c>
      <c r="H73" s="153">
        <v>6.2756815930574583E-2</v>
      </c>
      <c r="I73" s="95">
        <v>4.1456684027176047E-2</v>
      </c>
    </row>
    <row r="74" spans="1:9">
      <c r="A74" s="55" t="s">
        <v>621</v>
      </c>
      <c r="B74" s="149">
        <v>163</v>
      </c>
      <c r="C74" s="82">
        <v>10.173367288246869</v>
      </c>
      <c r="D74" s="83">
        <v>0.5912728299620279</v>
      </c>
      <c r="E74" s="81">
        <v>163</v>
      </c>
      <c r="F74" s="96">
        <v>0.95046537891037797</v>
      </c>
      <c r="G74" s="92">
        <v>3.6847379214543646E-2</v>
      </c>
      <c r="H74" s="96">
        <v>4.9534621089622269E-2</v>
      </c>
      <c r="I74" s="92">
        <v>3.6847379214543723E-2</v>
      </c>
    </row>
    <row r="75" spans="1:9">
      <c r="A75" s="47" t="s">
        <v>622</v>
      </c>
      <c r="B75" s="150">
        <v>996</v>
      </c>
      <c r="C75" s="151">
        <v>10.149770744436228</v>
      </c>
      <c r="D75" s="152">
        <v>0.24875490851453522</v>
      </c>
      <c r="E75" s="123">
        <v>996</v>
      </c>
      <c r="F75" s="153">
        <v>0.97093097546281759</v>
      </c>
      <c r="G75" s="95">
        <v>1.0953479046057216E-2</v>
      </c>
      <c r="H75" s="153">
        <v>2.9069024537182929E-2</v>
      </c>
      <c r="I75" s="95">
        <v>1.0953479046057297E-2</v>
      </c>
    </row>
    <row r="76" spans="1:9">
      <c r="A76" s="55" t="s">
        <v>623</v>
      </c>
      <c r="B76" s="149">
        <v>303</v>
      </c>
      <c r="C76" s="82">
        <v>11.168797019979412</v>
      </c>
      <c r="D76" s="83">
        <v>0.52679245233022043</v>
      </c>
      <c r="E76" s="81">
        <v>303</v>
      </c>
      <c r="F76" s="96">
        <v>0.89351297763338566</v>
      </c>
      <c r="G76" s="92">
        <v>3.5943584379321346E-2</v>
      </c>
      <c r="H76" s="96">
        <v>0.10648702236661432</v>
      </c>
      <c r="I76" s="92">
        <v>3.5943584379321353E-2</v>
      </c>
    </row>
    <row r="77" spans="1:9">
      <c r="A77" s="47" t="s">
        <v>624</v>
      </c>
      <c r="B77" s="150">
        <v>319</v>
      </c>
      <c r="C77" s="151">
        <v>10.251680570018577</v>
      </c>
      <c r="D77" s="152">
        <v>0.43279006900073858</v>
      </c>
      <c r="E77" s="123">
        <v>319</v>
      </c>
      <c r="F77" s="153">
        <v>0.95242231956608547</v>
      </c>
      <c r="G77" s="95">
        <v>2.4971135063283488E-2</v>
      </c>
      <c r="H77" s="153">
        <v>4.7577680433914527E-2</v>
      </c>
      <c r="I77" s="95">
        <v>2.4971135063283492E-2</v>
      </c>
    </row>
    <row r="78" spans="1:9">
      <c r="A78" s="55" t="s">
        <v>625</v>
      </c>
      <c r="B78" s="149">
        <v>1193</v>
      </c>
      <c r="C78" s="82">
        <v>12.220449153727591</v>
      </c>
      <c r="D78" s="83">
        <v>0.28862872119270266</v>
      </c>
      <c r="E78" s="81">
        <v>1193</v>
      </c>
      <c r="F78" s="96">
        <v>0.84561580203154096</v>
      </c>
      <c r="G78" s="92">
        <v>2.0950410044152597E-2</v>
      </c>
      <c r="H78" s="96">
        <v>0.1543841979684594</v>
      </c>
      <c r="I78" s="92">
        <v>2.0950410044152618E-2</v>
      </c>
    </row>
    <row r="79" spans="1:9">
      <c r="A79" s="47" t="s">
        <v>626</v>
      </c>
      <c r="B79" s="150">
        <v>1182</v>
      </c>
      <c r="C79" s="151">
        <v>10.82983658236723</v>
      </c>
      <c r="D79" s="152">
        <v>0.2435664975553882</v>
      </c>
      <c r="E79" s="123">
        <v>1182</v>
      </c>
      <c r="F79" s="153">
        <v>0.92242138243893923</v>
      </c>
      <c r="G79" s="95">
        <v>1.5665322140770026E-2</v>
      </c>
      <c r="H79" s="153">
        <v>7.7578617561060131E-2</v>
      </c>
      <c r="I79" s="95">
        <v>1.5665322140769981E-2</v>
      </c>
    </row>
    <row r="80" spans="1:9">
      <c r="A80" s="55" t="s">
        <v>627</v>
      </c>
      <c r="B80" s="149">
        <v>346</v>
      </c>
      <c r="C80" s="82">
        <v>10.837624963066245</v>
      </c>
      <c r="D80" s="83">
        <v>0.44842435283424131</v>
      </c>
      <c r="E80" s="81">
        <v>346</v>
      </c>
      <c r="F80" s="96">
        <v>0.93681832896862471</v>
      </c>
      <c r="G80" s="92">
        <v>2.694464219673922E-2</v>
      </c>
      <c r="H80" s="96">
        <v>6.318167103137462E-2</v>
      </c>
      <c r="I80" s="92">
        <v>2.6944642196739085E-2</v>
      </c>
    </row>
    <row r="81" spans="1:9">
      <c r="A81" s="47" t="s">
        <v>628</v>
      </c>
      <c r="B81" s="150">
        <v>836</v>
      </c>
      <c r="C81" s="151">
        <v>10.825180638200308</v>
      </c>
      <c r="D81" s="152">
        <v>0.28972329562704618</v>
      </c>
      <c r="E81" s="123">
        <v>836</v>
      </c>
      <c r="F81" s="153">
        <v>0.9138147950356037</v>
      </c>
      <c r="G81" s="95">
        <v>1.956482692729521E-2</v>
      </c>
      <c r="H81" s="153">
        <v>8.6185204964396245E-2</v>
      </c>
      <c r="I81" s="95">
        <v>1.9564826927295206E-2</v>
      </c>
    </row>
    <row r="82" spans="1:9">
      <c r="A82" s="55" t="s">
        <v>629</v>
      </c>
      <c r="B82" s="149">
        <v>217</v>
      </c>
      <c r="C82" s="82">
        <v>11.301564807606191</v>
      </c>
      <c r="D82" s="83">
        <v>0.59968744624431414</v>
      </c>
      <c r="E82" s="81">
        <v>217</v>
      </c>
      <c r="F82" s="96">
        <v>0.90168021029849665</v>
      </c>
      <c r="G82" s="92">
        <v>4.1344106690376539E-2</v>
      </c>
      <c r="H82" s="96">
        <v>9.8319789701502888E-2</v>
      </c>
      <c r="I82" s="92">
        <v>4.1344106690376463E-2</v>
      </c>
    </row>
    <row r="83" spans="1:9">
      <c r="A83" s="47" t="s">
        <v>630</v>
      </c>
      <c r="B83" s="150">
        <v>390</v>
      </c>
      <c r="C83" s="151">
        <v>10.614795335201274</v>
      </c>
      <c r="D83" s="152">
        <v>0.42560642950650895</v>
      </c>
      <c r="E83" s="123">
        <v>390</v>
      </c>
      <c r="F83" s="153">
        <v>0.93883388851914129</v>
      </c>
      <c r="G83" s="95">
        <v>2.4949721167389562E-2</v>
      </c>
      <c r="H83" s="153">
        <v>6.116611148085889E-2</v>
      </c>
      <c r="I83" s="95">
        <v>2.4949721167389586E-2</v>
      </c>
    </row>
    <row r="84" spans="1:9">
      <c r="A84" s="55" t="s">
        <v>631</v>
      </c>
      <c r="B84" s="149">
        <v>55</v>
      </c>
      <c r="C84" s="82">
        <v>10.992015822084602</v>
      </c>
      <c r="D84" s="83">
        <v>1.1665630954945467</v>
      </c>
      <c r="E84" s="81">
        <v>55</v>
      </c>
      <c r="F84" s="96">
        <v>0.89705205365427076</v>
      </c>
      <c r="G84" s="92">
        <v>8.7527763024397284E-2</v>
      </c>
      <c r="H84" s="96">
        <v>0.10294794634572942</v>
      </c>
      <c r="I84" s="92">
        <v>8.7527763024397326E-2</v>
      </c>
    </row>
    <row r="85" spans="1:9">
      <c r="A85" s="47" t="s">
        <v>632</v>
      </c>
      <c r="B85" s="150">
        <v>335</v>
      </c>
      <c r="C85" s="151">
        <v>10.509173445955554</v>
      </c>
      <c r="D85" s="152">
        <v>0.45761972527557293</v>
      </c>
      <c r="E85" s="123">
        <v>335</v>
      </c>
      <c r="F85" s="153">
        <v>0.95053281921890886</v>
      </c>
      <c r="G85" s="95">
        <v>2.4718355235061461E-2</v>
      </c>
      <c r="H85" s="153">
        <v>4.9467180781091101E-2</v>
      </c>
      <c r="I85" s="95">
        <v>2.4718355235061471E-2</v>
      </c>
    </row>
    <row r="86" spans="1:9">
      <c r="A86" s="55" t="s">
        <v>633</v>
      </c>
      <c r="B86" s="149">
        <v>665</v>
      </c>
      <c r="C86" s="82">
        <v>10.039617804383759</v>
      </c>
      <c r="D86" s="83">
        <v>0.32589725664642205</v>
      </c>
      <c r="E86" s="81">
        <v>665</v>
      </c>
      <c r="F86" s="96">
        <v>0.95467824121732958</v>
      </c>
      <c r="G86" s="92">
        <v>1.6535949258120235E-2</v>
      </c>
      <c r="H86" s="96">
        <v>4.532175878267114E-2</v>
      </c>
      <c r="I86" s="92">
        <v>1.6535949258120332E-2</v>
      </c>
    </row>
    <row r="87" spans="1:9">
      <c r="A87" s="47" t="s">
        <v>634</v>
      </c>
      <c r="B87" s="150">
        <v>613</v>
      </c>
      <c r="C87" s="151">
        <v>10.39428732353525</v>
      </c>
      <c r="D87" s="152">
        <v>0.31441533331312999</v>
      </c>
      <c r="E87" s="123">
        <v>613</v>
      </c>
      <c r="F87" s="153">
        <v>0.95468675373984335</v>
      </c>
      <c r="G87" s="95">
        <v>1.7256169060795485E-2</v>
      </c>
      <c r="H87" s="153">
        <v>4.5313246260156939E-2</v>
      </c>
      <c r="I87" s="95">
        <v>1.7256169060795537E-2</v>
      </c>
    </row>
    <row r="88" spans="1:9">
      <c r="A88" s="55" t="s">
        <v>635</v>
      </c>
      <c r="B88" s="149">
        <v>229</v>
      </c>
      <c r="C88" s="82">
        <v>10.819216240845265</v>
      </c>
      <c r="D88" s="83">
        <v>0.5423712328305208</v>
      </c>
      <c r="E88" s="81">
        <v>229</v>
      </c>
      <c r="F88" s="96">
        <v>0.942108238626441</v>
      </c>
      <c r="G88" s="92">
        <v>3.2411983723971985E-2</v>
      </c>
      <c r="H88" s="96">
        <v>5.7891761373558392E-2</v>
      </c>
      <c r="I88" s="92">
        <v>3.2411983723971867E-2</v>
      </c>
    </row>
    <row r="89" spans="1:9">
      <c r="A89" s="47" t="s">
        <v>636</v>
      </c>
      <c r="B89" s="150">
        <v>384</v>
      </c>
      <c r="C89" s="151">
        <v>10.031441900396377</v>
      </c>
      <c r="D89" s="152">
        <v>0.37989533110207035</v>
      </c>
      <c r="E89" s="123">
        <v>384</v>
      </c>
      <c r="F89" s="153">
        <v>0.96542750696434354</v>
      </c>
      <c r="G89" s="95">
        <v>1.974598003626141E-2</v>
      </c>
      <c r="H89" s="153">
        <v>3.457249303565689E-2</v>
      </c>
      <c r="I89" s="95">
        <v>1.9745980036261521E-2</v>
      </c>
    </row>
    <row r="91" spans="1:9" ht="18.75">
      <c r="A91" s="343" t="s">
        <v>351</v>
      </c>
      <c r="B91" s="343"/>
      <c r="C91" s="343"/>
      <c r="D91" s="343"/>
    </row>
    <row r="92" spans="1:9" ht="97.5" customHeight="1">
      <c r="A92" s="370" t="s">
        <v>379</v>
      </c>
      <c r="B92" s="370"/>
      <c r="C92" s="370"/>
      <c r="D92" s="370"/>
    </row>
    <row r="93" spans="1:9" ht="36" customHeight="1">
      <c r="A93" s="402" t="s">
        <v>118</v>
      </c>
      <c r="B93" s="394"/>
      <c r="C93" s="394"/>
      <c r="D93" s="394"/>
    </row>
    <row r="94" spans="1:9" ht="72">
      <c r="A94" s="35" t="s">
        <v>70</v>
      </c>
      <c r="B94" s="36" t="s">
        <v>71</v>
      </c>
      <c r="C94" s="37" t="s">
        <v>550</v>
      </c>
      <c r="D94" s="38" t="s">
        <v>72</v>
      </c>
    </row>
    <row r="95" spans="1:9" ht="84">
      <c r="A95" s="39"/>
      <c r="B95" s="40" t="s">
        <v>73</v>
      </c>
      <c r="C95" s="41" t="s">
        <v>119</v>
      </c>
      <c r="D95" s="42" t="s">
        <v>75</v>
      </c>
    </row>
    <row r="96" spans="1:9">
      <c r="A96" s="43" t="s">
        <v>348</v>
      </c>
      <c r="B96" s="154">
        <v>10264</v>
      </c>
      <c r="C96" s="82">
        <v>5.3006208479915813</v>
      </c>
      <c r="D96" s="83">
        <v>2.6719251846929002E-2</v>
      </c>
    </row>
    <row r="97" spans="1:4">
      <c r="A97" s="47" t="s">
        <v>349</v>
      </c>
      <c r="B97" s="47">
        <v>8119</v>
      </c>
      <c r="C97" s="156">
        <v>5.3656834675598448</v>
      </c>
      <c r="D97" s="157">
        <v>2.9672117658980486E-2</v>
      </c>
    </row>
    <row r="98" spans="1:4">
      <c r="A98" s="43" t="s">
        <v>350</v>
      </c>
      <c r="B98" s="51">
        <v>2145</v>
      </c>
      <c r="C98" s="82">
        <v>5.2304402162232035</v>
      </c>
      <c r="D98" s="83">
        <v>6.035898468368902E-2</v>
      </c>
    </row>
    <row r="99" spans="1:4">
      <c r="A99" s="47" t="s">
        <v>568</v>
      </c>
      <c r="B99" s="47">
        <v>8206</v>
      </c>
      <c r="C99" s="156">
        <v>5.2975843652601489</v>
      </c>
      <c r="D99" s="157">
        <v>3.0587904707041185E-2</v>
      </c>
    </row>
    <row r="100" spans="1:4">
      <c r="A100" s="43" t="s">
        <v>569</v>
      </c>
      <c r="B100" s="51">
        <v>2058</v>
      </c>
      <c r="C100" s="82">
        <v>5.6026116671516624</v>
      </c>
      <c r="D100" s="83">
        <v>5.2659796680903495E-2</v>
      </c>
    </row>
    <row r="101" spans="1:4">
      <c r="A101" s="47" t="s">
        <v>570</v>
      </c>
      <c r="B101" s="47">
        <v>565</v>
      </c>
      <c r="C101" s="156">
        <v>5.5615993273128339</v>
      </c>
      <c r="D101" s="157">
        <v>0.1050115004089478</v>
      </c>
    </row>
    <row r="102" spans="1:4">
      <c r="A102" s="43" t="s">
        <v>571</v>
      </c>
      <c r="B102" s="51">
        <v>1149</v>
      </c>
      <c r="C102" s="82">
        <v>5.6759821709620129</v>
      </c>
      <c r="D102" s="83">
        <v>6.6423488149695231E-2</v>
      </c>
    </row>
    <row r="103" spans="1:4">
      <c r="A103" s="47" t="s">
        <v>582</v>
      </c>
      <c r="B103" s="47">
        <v>699</v>
      </c>
      <c r="C103" s="156">
        <v>5.5865700259002047</v>
      </c>
      <c r="D103" s="157">
        <v>9.1976045870724318E-2</v>
      </c>
    </row>
    <row r="104" spans="1:4">
      <c r="A104" s="43" t="s">
        <v>583</v>
      </c>
      <c r="B104" s="51">
        <v>1359</v>
      </c>
      <c r="C104" s="82">
        <v>5.6083256253498268</v>
      </c>
      <c r="D104" s="83">
        <v>6.4184092716403976E-2</v>
      </c>
    </row>
    <row r="105" spans="1:4">
      <c r="A105" s="47" t="s">
        <v>572</v>
      </c>
      <c r="B105" s="47">
        <v>182</v>
      </c>
      <c r="C105" s="156">
        <v>5.364898399705452</v>
      </c>
      <c r="D105" s="157">
        <v>0.17584319079377805</v>
      </c>
    </row>
    <row r="106" spans="1:4">
      <c r="A106" s="43" t="s">
        <v>573</v>
      </c>
      <c r="B106" s="154">
        <v>393</v>
      </c>
      <c r="C106" s="82">
        <v>5.4193235375787925</v>
      </c>
      <c r="D106" s="83">
        <v>0.12109668578804768</v>
      </c>
    </row>
    <row r="107" spans="1:4">
      <c r="A107" s="47" t="s">
        <v>574</v>
      </c>
      <c r="B107" s="155">
        <v>605</v>
      </c>
      <c r="C107" s="156">
        <v>5.6591757968718523</v>
      </c>
      <c r="D107" s="157">
        <v>9.5048312354710437E-2</v>
      </c>
    </row>
    <row r="108" spans="1:4">
      <c r="A108" s="43" t="s">
        <v>575</v>
      </c>
      <c r="B108" s="81">
        <v>852</v>
      </c>
      <c r="C108" s="82">
        <v>5.787485410391108</v>
      </c>
      <c r="D108" s="83">
        <v>8.0236712738227606E-2</v>
      </c>
    </row>
    <row r="109" spans="1:4">
      <c r="A109" s="47" t="s">
        <v>576</v>
      </c>
      <c r="B109" s="155">
        <v>649</v>
      </c>
      <c r="C109" s="156">
        <v>5.5713068354904012</v>
      </c>
      <c r="D109" s="157">
        <v>9.0208988281354041E-2</v>
      </c>
    </row>
    <row r="110" spans="1:4">
      <c r="A110" s="55" t="s">
        <v>577</v>
      </c>
      <c r="B110" s="154">
        <v>686</v>
      </c>
      <c r="C110" s="82">
        <v>5.7380264271576529</v>
      </c>
      <c r="D110" s="83">
        <v>9.2555763424357868E-2</v>
      </c>
    </row>
    <row r="111" spans="1:4">
      <c r="A111" s="47" t="s">
        <v>578</v>
      </c>
      <c r="B111" s="155">
        <v>226</v>
      </c>
      <c r="C111" s="156">
        <v>5.366079951433492</v>
      </c>
      <c r="D111" s="157">
        <v>0.18182017721540872</v>
      </c>
    </row>
    <row r="112" spans="1:4">
      <c r="A112" s="55" t="s">
        <v>579</v>
      </c>
      <c r="B112" s="154">
        <v>185</v>
      </c>
      <c r="C112" s="82">
        <v>5.5895748575005531</v>
      </c>
      <c r="D112" s="83">
        <v>0.16422385200565304</v>
      </c>
    </row>
    <row r="113" spans="1:4">
      <c r="A113" s="47" t="s">
        <v>580</v>
      </c>
      <c r="B113" s="155">
        <v>190</v>
      </c>
      <c r="C113" s="156">
        <v>5.7707384610397288</v>
      </c>
      <c r="D113" s="157">
        <v>0.15949686746898542</v>
      </c>
    </row>
    <row r="114" spans="1:4">
      <c r="A114" s="55" t="s">
        <v>581</v>
      </c>
      <c r="B114" s="154">
        <v>108</v>
      </c>
      <c r="C114" s="82">
        <v>5.5844903524570526</v>
      </c>
      <c r="D114" s="83">
        <v>0.23468156408561835</v>
      </c>
    </row>
    <row r="115" spans="1:4">
      <c r="A115" s="47" t="s">
        <v>584</v>
      </c>
      <c r="B115" s="155">
        <v>60</v>
      </c>
      <c r="C115" s="156">
        <v>5.3996531698202412</v>
      </c>
      <c r="D115" s="157">
        <v>0.30775255901630438</v>
      </c>
    </row>
    <row r="116" spans="1:4">
      <c r="A116" s="55" t="s">
        <v>585</v>
      </c>
      <c r="B116" s="154">
        <v>1998</v>
      </c>
      <c r="C116" s="82">
        <v>5.6239914690459898</v>
      </c>
      <c r="D116" s="83">
        <v>5.3451095722874611E-2</v>
      </c>
    </row>
    <row r="117" spans="1:4">
      <c r="A117" s="47" t="s">
        <v>620</v>
      </c>
      <c r="B117" s="155">
        <v>146</v>
      </c>
      <c r="C117" s="156">
        <v>5.5494987035551624</v>
      </c>
      <c r="D117" s="157">
        <v>0.20345328040372337</v>
      </c>
    </row>
    <row r="118" spans="1:4">
      <c r="A118" s="55" t="s">
        <v>621</v>
      </c>
      <c r="B118" s="154">
        <v>147</v>
      </c>
      <c r="C118" s="82">
        <v>5.6744994901846662</v>
      </c>
      <c r="D118" s="83">
        <v>0.18133913799764165</v>
      </c>
    </row>
    <row r="119" spans="1:4">
      <c r="A119" s="47" t="s">
        <v>622</v>
      </c>
      <c r="B119" s="155">
        <v>900</v>
      </c>
      <c r="C119" s="156">
        <v>5.6386910659498009</v>
      </c>
      <c r="D119" s="157">
        <v>7.7543097863622915E-2</v>
      </c>
    </row>
    <row r="120" spans="1:4">
      <c r="A120" s="55" t="s">
        <v>623</v>
      </c>
      <c r="B120" s="154">
        <v>272</v>
      </c>
      <c r="C120" s="82">
        <v>5.7693729479140812</v>
      </c>
      <c r="D120" s="83">
        <v>0.14739206375892813</v>
      </c>
    </row>
    <row r="121" spans="1:4">
      <c r="A121" s="47" t="s">
        <v>624</v>
      </c>
      <c r="B121" s="155">
        <v>295</v>
      </c>
      <c r="C121" s="156">
        <v>5.6151372349991853</v>
      </c>
      <c r="D121" s="157">
        <v>0.13128857078461331</v>
      </c>
    </row>
    <row r="122" spans="1:4">
      <c r="A122" s="55" t="s">
        <v>625</v>
      </c>
      <c r="B122" s="154">
        <v>1007</v>
      </c>
      <c r="C122" s="82">
        <v>5.6264021160780242</v>
      </c>
      <c r="D122" s="83">
        <v>7.3927012728955049E-2</v>
      </c>
    </row>
    <row r="123" spans="1:4">
      <c r="A123" s="47" t="s">
        <v>626</v>
      </c>
      <c r="B123" s="155">
        <v>1051</v>
      </c>
      <c r="C123" s="156">
        <v>5.560213524566775</v>
      </c>
      <c r="D123" s="157">
        <v>7.4937612825606653E-2</v>
      </c>
    </row>
    <row r="124" spans="1:4">
      <c r="A124" s="55" t="s">
        <v>627</v>
      </c>
      <c r="B124" s="154">
        <v>307</v>
      </c>
      <c r="C124" s="82">
        <v>5.5442059726828763</v>
      </c>
      <c r="D124" s="83">
        <v>0.14142276679474849</v>
      </c>
    </row>
    <row r="125" spans="1:4">
      <c r="A125" s="47" t="s">
        <v>628</v>
      </c>
      <c r="B125" s="155">
        <v>744</v>
      </c>
      <c r="C125" s="156">
        <v>5.5699458563678883</v>
      </c>
      <c r="D125" s="157">
        <v>8.8351729635324325E-2</v>
      </c>
    </row>
    <row r="126" spans="1:4">
      <c r="A126" s="55" t="s">
        <v>629</v>
      </c>
      <c r="B126" s="154">
        <v>199</v>
      </c>
      <c r="C126" s="82">
        <v>5.5788994536970247</v>
      </c>
      <c r="D126" s="83">
        <v>0.17375414043082063</v>
      </c>
    </row>
    <row r="127" spans="1:4">
      <c r="A127" s="47" t="s">
        <v>630</v>
      </c>
      <c r="B127" s="155">
        <v>366</v>
      </c>
      <c r="C127" s="156">
        <v>5.5405608007032541</v>
      </c>
      <c r="D127" s="157">
        <v>0.13190425230974967</v>
      </c>
    </row>
    <row r="128" spans="1:4">
      <c r="A128" s="55" t="s">
        <v>631</v>
      </c>
      <c r="B128" s="154">
        <v>51</v>
      </c>
      <c r="C128" s="82">
        <v>5.621307265775549</v>
      </c>
      <c r="D128" s="83">
        <v>0.39066224810833294</v>
      </c>
    </row>
    <row r="129" spans="1:26">
      <c r="A129" s="47" t="s">
        <v>632</v>
      </c>
      <c r="B129" s="155">
        <v>315</v>
      </c>
      <c r="C129" s="156">
        <v>5.5179496698736825</v>
      </c>
      <c r="D129" s="157">
        <v>0.13977629195785413</v>
      </c>
    </row>
    <row r="130" spans="1:26">
      <c r="A130" s="55" t="s">
        <v>633</v>
      </c>
      <c r="B130" s="154">
        <v>605</v>
      </c>
      <c r="C130" s="82">
        <v>5.7393414375507312</v>
      </c>
      <c r="D130" s="83">
        <v>8.7194085672462215E-2</v>
      </c>
    </row>
    <row r="131" spans="1:26">
      <c r="A131" s="47" t="s">
        <v>634</v>
      </c>
      <c r="B131" s="155">
        <v>544</v>
      </c>
      <c r="C131" s="156">
        <v>5.5664832901991019</v>
      </c>
      <c r="D131" s="157">
        <v>0.10115455431160188</v>
      </c>
    </row>
    <row r="132" spans="1:26">
      <c r="A132" s="55" t="s">
        <v>635</v>
      </c>
      <c r="B132" s="154">
        <v>203</v>
      </c>
      <c r="C132" s="82">
        <v>5.4903748522556759</v>
      </c>
      <c r="D132" s="83">
        <v>0.16539685726174785</v>
      </c>
    </row>
    <row r="133" spans="1:26">
      <c r="A133" s="47" t="s">
        <v>636</v>
      </c>
      <c r="B133" s="155">
        <v>341</v>
      </c>
      <c r="C133" s="156">
        <v>5.6318784611128452</v>
      </c>
      <c r="D133" s="157">
        <v>0.12751765992867975</v>
      </c>
    </row>
    <row r="135" spans="1:26" ht="18.75">
      <c r="A135" s="343" t="s">
        <v>352</v>
      </c>
      <c r="B135" s="343"/>
      <c r="C135" s="343"/>
      <c r="D135" s="343"/>
      <c r="E135" s="343"/>
      <c r="F135" s="343"/>
      <c r="G135" s="343"/>
      <c r="H135" s="343"/>
      <c r="I135" s="343"/>
      <c r="J135" s="343"/>
      <c r="K135" s="343"/>
      <c r="L135" s="343"/>
      <c r="M135" s="343"/>
      <c r="N135" s="343"/>
      <c r="O135" s="343"/>
      <c r="P135" s="343"/>
      <c r="Q135" s="343"/>
      <c r="R135" s="343"/>
      <c r="S135" s="343"/>
      <c r="T135" s="343"/>
      <c r="U135" s="343"/>
      <c r="V135" s="343"/>
    </row>
    <row r="136" spans="1:26" ht="58.5" customHeight="1">
      <c r="A136" s="348" t="s">
        <v>566</v>
      </c>
      <c r="B136" s="348"/>
      <c r="C136" s="348"/>
      <c r="D136" s="348"/>
      <c r="E136" s="348"/>
      <c r="F136" s="348"/>
      <c r="G136" s="348"/>
      <c r="H136" s="348"/>
      <c r="I136" s="348"/>
      <c r="J136" s="348"/>
      <c r="K136" s="348"/>
      <c r="L136" s="348"/>
      <c r="M136" s="348"/>
      <c r="N136" s="348"/>
      <c r="O136" s="348"/>
      <c r="P136" s="348"/>
      <c r="Q136" s="348"/>
      <c r="R136" s="348"/>
      <c r="S136" s="348"/>
      <c r="T136" s="348"/>
      <c r="U136" s="348"/>
      <c r="V136" s="348"/>
    </row>
    <row r="137" spans="1:26" ht="38.25" customHeight="1">
      <c r="A137" s="62" t="s">
        <v>70</v>
      </c>
      <c r="B137" s="349" t="s">
        <v>289</v>
      </c>
      <c r="C137" s="349"/>
      <c r="D137" s="349"/>
      <c r="E137" s="349"/>
      <c r="F137" s="349"/>
      <c r="G137" s="349"/>
      <c r="H137" s="349"/>
      <c r="I137" s="395" t="s">
        <v>213</v>
      </c>
      <c r="J137" s="396"/>
      <c r="K137" s="396"/>
      <c r="L137" s="396"/>
      <c r="M137" s="396"/>
      <c r="N137" s="396"/>
      <c r="O137" s="397"/>
      <c r="P137" s="404" t="s">
        <v>229</v>
      </c>
      <c r="Q137" s="405"/>
      <c r="R137" s="405"/>
      <c r="S137" s="405"/>
      <c r="T137" s="405"/>
      <c r="U137" s="405"/>
      <c r="V137" s="406"/>
    </row>
    <row r="138" spans="1:26" ht="72">
      <c r="A138" s="35" t="s">
        <v>70</v>
      </c>
      <c r="B138" s="36" t="s">
        <v>71</v>
      </c>
      <c r="C138" s="36" t="s">
        <v>155</v>
      </c>
      <c r="D138" s="87" t="s">
        <v>84</v>
      </c>
      <c r="E138" s="36" t="s">
        <v>156</v>
      </c>
      <c r="F138" s="87" t="s">
        <v>85</v>
      </c>
      <c r="G138" s="36" t="s">
        <v>157</v>
      </c>
      <c r="H138" s="87" t="s">
        <v>86</v>
      </c>
      <c r="I138" s="63" t="s">
        <v>71</v>
      </c>
      <c r="J138" s="63" t="s">
        <v>155</v>
      </c>
      <c r="K138" s="86" t="s">
        <v>84</v>
      </c>
      <c r="L138" s="63" t="s">
        <v>156</v>
      </c>
      <c r="M138" s="86" t="s">
        <v>85</v>
      </c>
      <c r="N138" s="63" t="s">
        <v>157</v>
      </c>
      <c r="O138" s="86" t="s">
        <v>86</v>
      </c>
      <c r="P138" s="36" t="s">
        <v>71</v>
      </c>
      <c r="Q138" s="36" t="s">
        <v>155</v>
      </c>
      <c r="R138" s="87" t="s">
        <v>84</v>
      </c>
      <c r="S138" s="36" t="s">
        <v>156</v>
      </c>
      <c r="T138" s="87" t="s">
        <v>85</v>
      </c>
      <c r="U138" s="36" t="s">
        <v>157</v>
      </c>
      <c r="V138" s="87" t="s">
        <v>86</v>
      </c>
      <c r="Z138" s="268"/>
    </row>
    <row r="139" spans="1:26" ht="72">
      <c r="A139" s="39"/>
      <c r="B139" s="40" t="s">
        <v>73</v>
      </c>
      <c r="C139" s="40" t="s">
        <v>158</v>
      </c>
      <c r="D139" s="89" t="s">
        <v>87</v>
      </c>
      <c r="E139" s="40" t="s">
        <v>159</v>
      </c>
      <c r="F139" s="89" t="s">
        <v>87</v>
      </c>
      <c r="G139" s="40" t="s">
        <v>160</v>
      </c>
      <c r="H139" s="89" t="s">
        <v>87</v>
      </c>
      <c r="I139" s="66" t="s">
        <v>73</v>
      </c>
      <c r="J139" s="66" t="s">
        <v>158</v>
      </c>
      <c r="K139" s="88" t="s">
        <v>87</v>
      </c>
      <c r="L139" s="66" t="s">
        <v>159</v>
      </c>
      <c r="M139" s="88" t="s">
        <v>87</v>
      </c>
      <c r="N139" s="66" t="s">
        <v>160</v>
      </c>
      <c r="O139" s="88" t="s">
        <v>87</v>
      </c>
      <c r="P139" s="40" t="s">
        <v>73</v>
      </c>
      <c r="Q139" s="40" t="s">
        <v>158</v>
      </c>
      <c r="R139" s="89" t="s">
        <v>87</v>
      </c>
      <c r="S139" s="40" t="s">
        <v>159</v>
      </c>
      <c r="T139" s="89" t="s">
        <v>87</v>
      </c>
      <c r="U139" s="40" t="s">
        <v>160</v>
      </c>
      <c r="V139" s="89" t="s">
        <v>87</v>
      </c>
    </row>
    <row r="140" spans="1:26">
      <c r="A140" s="43" t="s">
        <v>348</v>
      </c>
      <c r="B140" s="154">
        <v>10489</v>
      </c>
      <c r="C140" s="158">
        <v>0.14565470592678445</v>
      </c>
      <c r="D140" s="92">
        <v>6.8901089120470905E-3</v>
      </c>
      <c r="E140" s="158">
        <v>0.11374187917114803</v>
      </c>
      <c r="F140" s="92">
        <v>6.2024792183501959E-3</v>
      </c>
      <c r="G140" s="158">
        <v>0.74060341490207637</v>
      </c>
      <c r="H140" s="92">
        <v>8.5586450335398603E-3</v>
      </c>
      <c r="I140" s="154">
        <v>8312</v>
      </c>
      <c r="J140" s="158">
        <v>0.17744309172835074</v>
      </c>
      <c r="K140" s="92">
        <v>8.3817383862121574E-3</v>
      </c>
      <c r="L140" s="158">
        <v>0.12725743355485764</v>
      </c>
      <c r="M140" s="92">
        <v>7.313386375707615E-3</v>
      </c>
      <c r="N140" s="158">
        <v>0.69529947471679554</v>
      </c>
      <c r="O140" s="92">
        <v>1.0095617870299223E-2</v>
      </c>
      <c r="P140" s="154">
        <v>9626</v>
      </c>
      <c r="Q140" s="158">
        <v>0.11803423183595713</v>
      </c>
      <c r="R140" s="92">
        <v>6.5795974512955092E-3</v>
      </c>
      <c r="S140" s="158">
        <v>9.8303118975524198E-2</v>
      </c>
      <c r="T140" s="92">
        <v>6.0723788117061752E-3</v>
      </c>
      <c r="U140" s="158">
        <v>0.7836626491885258</v>
      </c>
      <c r="V140" s="92">
        <v>8.3933003107519218E-3</v>
      </c>
    </row>
    <row r="141" spans="1:26">
      <c r="A141" s="47" t="s">
        <v>349</v>
      </c>
      <c r="B141" s="155">
        <v>8304</v>
      </c>
      <c r="C141" s="159">
        <v>0.14117205369926639</v>
      </c>
      <c r="D141" s="95">
        <v>7.6441833036109364E-3</v>
      </c>
      <c r="E141" s="159">
        <v>0.10912478663506393</v>
      </c>
      <c r="F141" s="95">
        <v>6.8466823336989779E-3</v>
      </c>
      <c r="G141" s="159">
        <v>0.74970315966567358</v>
      </c>
      <c r="H141" s="95">
        <v>9.5065635720665183E-3</v>
      </c>
      <c r="I141" s="155">
        <v>6561</v>
      </c>
      <c r="J141" s="159">
        <v>0.18181338833319408</v>
      </c>
      <c r="K141" s="95">
        <v>9.5242702048950346E-3</v>
      </c>
      <c r="L141" s="159">
        <v>0.11615278684473487</v>
      </c>
      <c r="M141" s="95">
        <v>7.9158101162414458E-3</v>
      </c>
      <c r="N141" s="159">
        <v>0.70203382482207477</v>
      </c>
      <c r="O141" s="95">
        <v>1.1290852762469328E-2</v>
      </c>
      <c r="P141" s="155">
        <v>7483</v>
      </c>
      <c r="Q141" s="159">
        <v>0.1084955098102466</v>
      </c>
      <c r="R141" s="95">
        <v>7.1946720727196229E-3</v>
      </c>
      <c r="S141" s="159">
        <v>9.3708972906481808E-2</v>
      </c>
      <c r="T141" s="95">
        <v>6.7429649963781906E-3</v>
      </c>
      <c r="U141" s="159">
        <v>0.79779551728327425</v>
      </c>
      <c r="V141" s="95">
        <v>9.2863435419072611E-3</v>
      </c>
    </row>
    <row r="142" spans="1:26">
      <c r="A142" s="43" t="s">
        <v>350</v>
      </c>
      <c r="B142" s="154">
        <v>2185</v>
      </c>
      <c r="C142" s="158">
        <v>0.15051110979782892</v>
      </c>
      <c r="D142" s="92">
        <v>1.5311803847051563E-2</v>
      </c>
      <c r="E142" s="158">
        <v>0.11874393262681573</v>
      </c>
      <c r="F142" s="92">
        <v>1.3863166707576252E-2</v>
      </c>
      <c r="G142" s="158">
        <v>0.73074495757535696</v>
      </c>
      <c r="H142" s="92">
        <v>1.897083291588551E-2</v>
      </c>
      <c r="I142" s="154">
        <v>1751</v>
      </c>
      <c r="J142" s="158">
        <v>0.17304257853131097</v>
      </c>
      <c r="K142" s="92">
        <v>1.809034547158658E-2</v>
      </c>
      <c r="L142" s="158">
        <v>0.13843885871080203</v>
      </c>
      <c r="M142" s="92">
        <v>1.6528919048341806E-2</v>
      </c>
      <c r="N142" s="158">
        <v>0.68851856275788648</v>
      </c>
      <c r="O142" s="92">
        <v>2.2117148296631313E-2</v>
      </c>
      <c r="P142" s="154">
        <v>2143</v>
      </c>
      <c r="Q142" s="158">
        <v>0.12820596607496557</v>
      </c>
      <c r="R142" s="92">
        <v>1.4463469709951262E-2</v>
      </c>
      <c r="S142" s="158">
        <v>0.10320214347204745</v>
      </c>
      <c r="T142" s="92">
        <v>1.317275053546128E-2</v>
      </c>
      <c r="U142" s="158">
        <v>0.76859189045298848</v>
      </c>
      <c r="V142" s="92">
        <v>1.821708124947044E-2</v>
      </c>
    </row>
    <row r="143" spans="1:26">
      <c r="A143" s="47" t="s">
        <v>568</v>
      </c>
      <c r="B143" s="155">
        <v>8392</v>
      </c>
      <c r="C143" s="159">
        <v>0.14624422791034125</v>
      </c>
      <c r="D143" s="95">
        <v>7.7162662697016111E-3</v>
      </c>
      <c r="E143" s="159">
        <v>0.11392646782423561</v>
      </c>
      <c r="F143" s="95">
        <v>6.9397878802887883E-3</v>
      </c>
      <c r="G143" s="159">
        <v>0.73982930426543381</v>
      </c>
      <c r="H143" s="95">
        <v>9.5774642438287844E-3</v>
      </c>
      <c r="I143" s="155">
        <v>6340</v>
      </c>
      <c r="J143" s="159">
        <v>0.17832640618832013</v>
      </c>
      <c r="K143" s="95">
        <v>9.6161034945973188E-3</v>
      </c>
      <c r="L143" s="159">
        <v>0.1275176201815596</v>
      </c>
      <c r="M143" s="95">
        <v>8.3821020730885393E-3</v>
      </c>
      <c r="N143" s="159">
        <v>0.69415597363012305</v>
      </c>
      <c r="O143" s="95">
        <v>1.1571123871724093E-2</v>
      </c>
      <c r="P143" s="155">
        <v>8153</v>
      </c>
      <c r="Q143" s="159">
        <v>0.1182939122403381</v>
      </c>
      <c r="R143" s="95">
        <v>7.1565729814909397E-3</v>
      </c>
      <c r="S143" s="159">
        <v>9.8549164502958184E-2</v>
      </c>
      <c r="T143" s="95">
        <v>6.6061461143810058E-3</v>
      </c>
      <c r="U143" s="159">
        <v>0.78315692325671094</v>
      </c>
      <c r="V143" s="95">
        <v>9.1277227649378956E-3</v>
      </c>
    </row>
    <row r="144" spans="1:26">
      <c r="A144" s="43" t="s">
        <v>569</v>
      </c>
      <c r="B144" s="154">
        <v>2097</v>
      </c>
      <c r="C144" s="158">
        <v>8.7176036466412476E-2</v>
      </c>
      <c r="D144" s="92">
        <v>1.2358648192594088E-2</v>
      </c>
      <c r="E144" s="158">
        <v>9.5431283245745971E-2</v>
      </c>
      <c r="F144" s="92">
        <v>1.2866005920725343E-2</v>
      </c>
      <c r="G144" s="158">
        <v>0.81739268028783907</v>
      </c>
      <c r="H144" s="92">
        <v>1.6879058723809084E-2</v>
      </c>
      <c r="I144" s="154">
        <v>1972</v>
      </c>
      <c r="J144" s="158">
        <v>0.10273732428295589</v>
      </c>
      <c r="K144" s="92">
        <v>1.3707518665261176E-2</v>
      </c>
      <c r="L144" s="158">
        <v>0.10525231249355492</v>
      </c>
      <c r="M144" s="92">
        <v>1.3853228485635624E-2</v>
      </c>
      <c r="N144" s="158">
        <v>0.79201036322348517</v>
      </c>
      <c r="O144" s="92">
        <v>1.8280031650995825E-2</v>
      </c>
      <c r="P144" s="154">
        <v>1473</v>
      </c>
      <c r="Q144" s="158">
        <v>8.2931122682249184E-2</v>
      </c>
      <c r="R144" s="92">
        <v>1.4440074067615277E-2</v>
      </c>
      <c r="S144" s="158">
        <v>6.5043146869098123E-2</v>
      </c>
      <c r="T144" s="92">
        <v>1.2940765043363703E-2</v>
      </c>
      <c r="U144" s="158">
        <v>0.85202573044865304</v>
      </c>
      <c r="V144" s="92">
        <v>1.8527235605265487E-2</v>
      </c>
    </row>
    <row r="145" spans="1:22">
      <c r="A145" s="47" t="s">
        <v>570</v>
      </c>
      <c r="B145" s="155">
        <v>572</v>
      </c>
      <c r="C145" s="159">
        <v>9.1070728208284865E-2</v>
      </c>
      <c r="D145" s="95">
        <v>2.4308681865941727E-2</v>
      </c>
      <c r="E145" s="159">
        <v>7.0375302770460044E-2</v>
      </c>
      <c r="F145" s="95">
        <v>2.172704615061042E-2</v>
      </c>
      <c r="G145" s="159">
        <v>0.83855396902125545</v>
      </c>
      <c r="H145" s="95">
        <v>3.0840946151573168E-2</v>
      </c>
      <c r="I145" s="155">
        <v>554</v>
      </c>
      <c r="J145" s="159">
        <v>0.11956431577306838</v>
      </c>
      <c r="K145" s="95">
        <v>2.7738700595391776E-2</v>
      </c>
      <c r="L145" s="159">
        <v>7.4941184628573188E-2</v>
      </c>
      <c r="M145" s="95">
        <v>2.2703644994287668E-2</v>
      </c>
      <c r="N145" s="159">
        <v>0.80549449959835784</v>
      </c>
      <c r="O145" s="95">
        <v>3.3655042692867745E-2</v>
      </c>
      <c r="P145" s="155">
        <v>355</v>
      </c>
      <c r="Q145" s="159">
        <v>0.10249320892188678</v>
      </c>
      <c r="R145" s="95">
        <v>3.2618310143861684E-2</v>
      </c>
      <c r="S145" s="159">
        <v>4.5180355709438923E-2</v>
      </c>
      <c r="T145" s="95">
        <v>2.3059357620822934E-2</v>
      </c>
      <c r="U145" s="159">
        <v>0.85232643536867403</v>
      </c>
      <c r="V145" s="95">
        <v>3.7855742556093183E-2</v>
      </c>
    </row>
    <row r="146" spans="1:22">
      <c r="A146" s="43" t="s">
        <v>571</v>
      </c>
      <c r="B146" s="154">
        <v>1171</v>
      </c>
      <c r="C146" s="158">
        <v>7.7034106023909907E-2</v>
      </c>
      <c r="D146" s="92">
        <v>1.5690172864225412E-2</v>
      </c>
      <c r="E146" s="158">
        <v>8.8317659824794226E-2</v>
      </c>
      <c r="F146" s="92">
        <v>1.6674057724351678E-2</v>
      </c>
      <c r="G146" s="158">
        <v>0.8346482341512963</v>
      </c>
      <c r="H146" s="92">
        <v>2.1735097048313116E-2</v>
      </c>
      <c r="I146" s="154">
        <v>1096</v>
      </c>
      <c r="J146" s="158">
        <v>8.7998602525259151E-2</v>
      </c>
      <c r="K146" s="92">
        <v>1.7213854262588986E-2</v>
      </c>
      <c r="L146" s="158">
        <v>9.7267362330362955E-2</v>
      </c>
      <c r="M146" s="92">
        <v>1.7988265619699309E-2</v>
      </c>
      <c r="N146" s="158">
        <v>0.81473403514437881</v>
      </c>
      <c r="O146" s="92">
        <v>2.3483967106850911E-2</v>
      </c>
      <c r="P146" s="154">
        <v>817</v>
      </c>
      <c r="Q146" s="158">
        <v>4.8327090343131297E-2</v>
      </c>
      <c r="R146" s="92">
        <v>1.5288479226928817E-2</v>
      </c>
      <c r="S146" s="158">
        <v>6.3609348717443351E-2</v>
      </c>
      <c r="T146" s="92">
        <v>1.7297896628810008E-2</v>
      </c>
      <c r="U146" s="158">
        <v>0.88806356093942596</v>
      </c>
      <c r="V146" s="92">
        <v>2.2168715448568337E-2</v>
      </c>
    </row>
    <row r="147" spans="1:22">
      <c r="A147" s="47" t="s">
        <v>582</v>
      </c>
      <c r="B147" s="155">
        <v>712</v>
      </c>
      <c r="C147" s="159">
        <v>7.9923850833204496E-2</v>
      </c>
      <c r="D147" s="95">
        <v>2.0537768171173216E-2</v>
      </c>
      <c r="E147" s="159">
        <v>0.10029388665999611</v>
      </c>
      <c r="F147" s="95">
        <v>2.2672691746428261E-2</v>
      </c>
      <c r="G147" s="159">
        <v>0.81978226250679997</v>
      </c>
      <c r="H147" s="95">
        <v>2.8839634683263615E-2</v>
      </c>
      <c r="I147" s="155">
        <v>649</v>
      </c>
      <c r="J147" s="159">
        <v>0.12507614523009311</v>
      </c>
      <c r="K147" s="95">
        <v>2.609312417318059E-2</v>
      </c>
      <c r="L147" s="159">
        <v>0.10877805328296213</v>
      </c>
      <c r="M147" s="95">
        <v>2.4602785008116742E-2</v>
      </c>
      <c r="N147" s="159">
        <v>0.76614580148694433</v>
      </c>
      <c r="O147" s="95">
        <v>3.3208381688016292E-2</v>
      </c>
      <c r="P147" s="155">
        <v>613</v>
      </c>
      <c r="Q147" s="159">
        <v>6.1117501886828629E-2</v>
      </c>
      <c r="R147" s="95">
        <v>1.9701423397785515E-2</v>
      </c>
      <c r="S147" s="159">
        <v>8.0719823493325377E-2</v>
      </c>
      <c r="T147" s="95">
        <v>2.2266415173187355E-2</v>
      </c>
      <c r="U147" s="159">
        <v>0.85816267461984608</v>
      </c>
      <c r="V147" s="95">
        <v>2.828167963496369E-2</v>
      </c>
    </row>
    <row r="148" spans="1:22">
      <c r="A148" s="43" t="s">
        <v>583</v>
      </c>
      <c r="B148" s="154">
        <v>1385</v>
      </c>
      <c r="C148" s="158">
        <v>8.9727418205375095E-2</v>
      </c>
      <c r="D148" s="92">
        <v>1.542715332979477E-2</v>
      </c>
      <c r="E148" s="158">
        <v>9.3720577234840688E-2</v>
      </c>
      <c r="F148" s="92">
        <v>1.5726820936866011E-2</v>
      </c>
      <c r="G148" s="158">
        <v>0.81655200455978483</v>
      </c>
      <c r="H148" s="92">
        <v>2.0809474293068689E-2</v>
      </c>
      <c r="I148" s="154">
        <v>1323</v>
      </c>
      <c r="J148" s="158">
        <v>9.5137930351584424E-2</v>
      </c>
      <c r="K148" s="92">
        <v>1.6200829737000263E-2</v>
      </c>
      <c r="L148" s="158">
        <v>0.1040528985575193</v>
      </c>
      <c r="M148" s="92">
        <v>1.6848060084933413E-2</v>
      </c>
      <c r="N148" s="158">
        <v>0.80080917109089667</v>
      </c>
      <c r="O148" s="92">
        <v>2.1965138408043643E-2</v>
      </c>
      <c r="P148" s="154">
        <v>860</v>
      </c>
      <c r="Q148" s="158">
        <v>9.3270768012919017E-2</v>
      </c>
      <c r="R148" s="92">
        <v>1.9965193446862678E-2</v>
      </c>
      <c r="S148" s="158">
        <v>5.7612410001601652E-2</v>
      </c>
      <c r="T148" s="92">
        <v>1.6116061311269438E-2</v>
      </c>
      <c r="U148" s="158">
        <v>0.84911682198547911</v>
      </c>
      <c r="V148" s="92">
        <v>2.4461172409533743E-2</v>
      </c>
    </row>
    <row r="149" spans="1:22">
      <c r="A149" s="47" t="s">
        <v>572</v>
      </c>
      <c r="B149" s="155">
        <v>182</v>
      </c>
      <c r="C149" s="159">
        <v>7.8064357860395853E-2</v>
      </c>
      <c r="D149" s="95">
        <v>4.1359990356798819E-2</v>
      </c>
      <c r="E149" s="159">
        <v>0.14079099999752184</v>
      </c>
      <c r="F149" s="95">
        <v>5.2149278045440305E-2</v>
      </c>
      <c r="G149" s="159">
        <v>0.78114464214208224</v>
      </c>
      <c r="H149" s="95">
        <v>6.1227726492243874E-2</v>
      </c>
      <c r="I149" s="155">
        <v>182</v>
      </c>
      <c r="J149" s="159">
        <v>0.12985600119126089</v>
      </c>
      <c r="K149" s="95">
        <v>5.0550265264095007E-2</v>
      </c>
      <c r="L149" s="159">
        <v>0.17319486523591948</v>
      </c>
      <c r="M149" s="95">
        <v>5.6367196133380343E-2</v>
      </c>
      <c r="N149" s="159">
        <v>0.69694913357281973</v>
      </c>
      <c r="O149" s="95">
        <v>6.7658446776069442E-2</v>
      </c>
      <c r="P149" s="155">
        <v>176</v>
      </c>
      <c r="Q149" s="159">
        <v>0.16887504287439811</v>
      </c>
      <c r="R149" s="95">
        <v>5.6798899187534925E-2</v>
      </c>
      <c r="S149" s="159">
        <v>0.11856457674040585</v>
      </c>
      <c r="T149" s="95">
        <v>4.9643512333728879E-2</v>
      </c>
      <c r="U149" s="159">
        <v>0.7125603803851962</v>
      </c>
      <c r="V149" s="95">
        <v>6.7791159331586456E-2</v>
      </c>
    </row>
    <row r="150" spans="1:22">
      <c r="A150" s="43" t="s">
        <v>573</v>
      </c>
      <c r="B150" s="154">
        <v>394</v>
      </c>
      <c r="C150" s="158">
        <v>0.10894019713250168</v>
      </c>
      <c r="D150" s="92">
        <v>3.1722843208946694E-2</v>
      </c>
      <c r="E150" s="158">
        <v>0.13562373239489894</v>
      </c>
      <c r="F150" s="92">
        <v>3.4711339412657041E-2</v>
      </c>
      <c r="G150" s="158">
        <v>0.75543607047259986</v>
      </c>
      <c r="H150" s="92">
        <v>4.3242605627055015E-2</v>
      </c>
      <c r="I150" s="154">
        <v>390</v>
      </c>
      <c r="J150" s="158">
        <v>0.12412807172107365</v>
      </c>
      <c r="K150" s="92">
        <v>3.3656122375126094E-2</v>
      </c>
      <c r="L150" s="158">
        <v>0.12346353199443623</v>
      </c>
      <c r="M150" s="92">
        <v>3.3582151873568555E-2</v>
      </c>
      <c r="N150" s="158">
        <v>0.75240839628449063</v>
      </c>
      <c r="O150" s="92">
        <v>4.3638691791789155E-2</v>
      </c>
      <c r="P150" s="154">
        <v>310</v>
      </c>
      <c r="Q150" s="158">
        <v>8.3642705738681891E-2</v>
      </c>
      <c r="R150" s="92">
        <v>3.2129340332287051E-2</v>
      </c>
      <c r="S150" s="158">
        <v>6.4397153636077398E-2</v>
      </c>
      <c r="T150" s="92">
        <v>2.878732885694164E-2</v>
      </c>
      <c r="U150" s="158">
        <v>0.85196014062524084</v>
      </c>
      <c r="V150" s="92">
        <v>4.0578622582987098E-2</v>
      </c>
    </row>
    <row r="151" spans="1:22">
      <c r="A151" s="47" t="s">
        <v>574</v>
      </c>
      <c r="B151" s="155">
        <v>611</v>
      </c>
      <c r="C151" s="159">
        <v>9.0635528065929519E-2</v>
      </c>
      <c r="D151" s="95">
        <v>2.3456381660112335E-2</v>
      </c>
      <c r="E151" s="159">
        <v>8.8237450699433284E-2</v>
      </c>
      <c r="F151" s="95">
        <v>2.3185352569070374E-2</v>
      </c>
      <c r="G151" s="159">
        <v>0.82112702123463766</v>
      </c>
      <c r="H151" s="95">
        <v>3.1048297606178131E-2</v>
      </c>
      <c r="I151" s="155">
        <v>590</v>
      </c>
      <c r="J151" s="159">
        <v>9.2370987443752314E-2</v>
      </c>
      <c r="K151" s="95">
        <v>2.4074647849692998E-2</v>
      </c>
      <c r="L151" s="159">
        <v>9.0929072092414243E-2</v>
      </c>
      <c r="M151" s="95">
        <v>2.3911609379572929E-2</v>
      </c>
      <c r="N151" s="159">
        <v>0.8166999404638331</v>
      </c>
      <c r="O151" s="95">
        <v>3.189285785672559E-2</v>
      </c>
      <c r="P151" s="155">
        <v>431</v>
      </c>
      <c r="Q151" s="159">
        <v>4.3774958619793816E-2</v>
      </c>
      <c r="R151" s="95">
        <v>2.0492554948882212E-2</v>
      </c>
      <c r="S151" s="159">
        <v>4.8415692017758277E-2</v>
      </c>
      <c r="T151" s="95">
        <v>2.1400349477064321E-2</v>
      </c>
      <c r="U151" s="159">
        <v>0.90780934936244728</v>
      </c>
      <c r="V151" s="95">
        <v>2.8241327633225462E-2</v>
      </c>
    </row>
    <row r="152" spans="1:22">
      <c r="A152" s="43" t="s">
        <v>575</v>
      </c>
      <c r="B152" s="154">
        <v>884</v>
      </c>
      <c r="C152" s="158">
        <v>7.0501705450686999E-2</v>
      </c>
      <c r="D152" s="92">
        <v>1.739697511118506E-2</v>
      </c>
      <c r="E152" s="158">
        <v>6.0436160928471663E-2</v>
      </c>
      <c r="F152" s="92">
        <v>1.623592930911627E-2</v>
      </c>
      <c r="G152" s="158">
        <v>0.86906213362084017</v>
      </c>
      <c r="H152" s="92">
        <v>2.2761737555070934E-2</v>
      </c>
      <c r="I152" s="154">
        <v>785</v>
      </c>
      <c r="J152" s="158">
        <v>8.0038470373928916E-2</v>
      </c>
      <c r="K152" s="92">
        <v>1.9553449046474804E-2</v>
      </c>
      <c r="L152" s="158">
        <v>7.4058539710212576E-2</v>
      </c>
      <c r="M152" s="92">
        <v>1.8893171030593642E-2</v>
      </c>
      <c r="N152" s="158">
        <v>0.84590298991585822</v>
      </c>
      <c r="O152" s="92">
        <v>2.5825898147018973E-2</v>
      </c>
      <c r="P152" s="154">
        <v>541</v>
      </c>
      <c r="Q152" s="158">
        <v>5.1107686255787071E-2</v>
      </c>
      <c r="R152" s="92">
        <v>1.9430931086876314E-2</v>
      </c>
      <c r="S152" s="158">
        <v>4.266939766459335E-2</v>
      </c>
      <c r="T152" s="92">
        <v>1.7951527851263371E-2</v>
      </c>
      <c r="U152" s="158">
        <v>0.90622291607961925</v>
      </c>
      <c r="V152" s="92">
        <v>2.5326683484890592E-2</v>
      </c>
    </row>
    <row r="153" spans="1:22">
      <c r="A153" s="47" t="s">
        <v>576</v>
      </c>
      <c r="B153" s="155">
        <v>662</v>
      </c>
      <c r="C153" s="159">
        <v>9.119886836095871E-2</v>
      </c>
      <c r="D153" s="95">
        <v>2.2578928531495519E-2</v>
      </c>
      <c r="E153" s="159">
        <v>0.10512919634669148</v>
      </c>
      <c r="F153" s="95">
        <v>2.40050510600564E-2</v>
      </c>
      <c r="G153" s="159">
        <v>0.80367193529234993</v>
      </c>
      <c r="H153" s="95">
        <v>3.0891434102939173E-2</v>
      </c>
      <c r="I153" s="155">
        <v>616</v>
      </c>
      <c r="J153" s="159">
        <v>0.11140752549416762</v>
      </c>
      <c r="K153" s="95">
        <v>2.5518878983836063E-2</v>
      </c>
      <c r="L153" s="159">
        <v>0.11548419123915796</v>
      </c>
      <c r="M153" s="95">
        <v>2.5909172831073569E-2</v>
      </c>
      <c r="N153" s="159">
        <v>0.7731082832666748</v>
      </c>
      <c r="O153" s="95">
        <v>3.3732456711376889E-2</v>
      </c>
      <c r="P153" s="155">
        <v>485</v>
      </c>
      <c r="Q153" s="159">
        <v>0.11289046065864947</v>
      </c>
      <c r="R153" s="95">
        <v>2.8968323918930578E-2</v>
      </c>
      <c r="S153" s="159">
        <v>4.330247080384881E-2</v>
      </c>
      <c r="T153" s="95">
        <v>1.9148679299591419E-2</v>
      </c>
      <c r="U153" s="159">
        <v>0.84380706853750242</v>
      </c>
      <c r="V153" s="95">
        <v>3.3073332013599778E-2</v>
      </c>
    </row>
    <row r="154" spans="1:22">
      <c r="A154" s="55" t="s">
        <v>577</v>
      </c>
      <c r="B154" s="154">
        <v>702</v>
      </c>
      <c r="C154" s="158">
        <v>5.8858539923007144E-2</v>
      </c>
      <c r="D154" s="92">
        <v>1.8063960961206525E-2</v>
      </c>
      <c r="E154" s="158">
        <v>9.3146077859817974E-2</v>
      </c>
      <c r="F154" s="92">
        <v>2.2117413671541634E-2</v>
      </c>
      <c r="G154" s="158">
        <v>0.84799538221717474</v>
      </c>
      <c r="H154" s="92">
        <v>2.7167257980227622E-2</v>
      </c>
      <c r="I154" s="154">
        <v>660</v>
      </c>
      <c r="J154" s="158">
        <v>7.3951474948911133E-2</v>
      </c>
      <c r="K154" s="92">
        <v>2.0632034843679748E-2</v>
      </c>
      <c r="L154" s="158">
        <v>0.10447157620629045</v>
      </c>
      <c r="M154" s="92">
        <v>2.3977454385564465E-2</v>
      </c>
      <c r="N154" s="158">
        <v>0.82157694884479826</v>
      </c>
      <c r="O154" s="92">
        <v>2.9841997342366231E-2</v>
      </c>
      <c r="P154" s="154">
        <v>460</v>
      </c>
      <c r="Q154" s="158">
        <v>3.4274641700168196E-2</v>
      </c>
      <c r="R154" s="92">
        <v>1.7816939944659969E-2</v>
      </c>
      <c r="S154" s="158">
        <v>9.4444985027062792E-2</v>
      </c>
      <c r="T154" s="92">
        <v>2.7597582398449047E-2</v>
      </c>
      <c r="U154" s="158">
        <v>0.87128037327276775</v>
      </c>
      <c r="V154" s="92">
        <v>3.142003381284468E-2</v>
      </c>
    </row>
    <row r="155" spans="1:22">
      <c r="A155" s="47" t="s">
        <v>578</v>
      </c>
      <c r="B155" s="155">
        <v>228</v>
      </c>
      <c r="C155" s="159">
        <v>0.14223091736190963</v>
      </c>
      <c r="D155" s="95">
        <v>4.667883349490911E-2</v>
      </c>
      <c r="E155" s="159">
        <v>8.3741665238865684E-2</v>
      </c>
      <c r="F155" s="95">
        <v>3.774970961802751E-2</v>
      </c>
      <c r="G155" s="159">
        <v>0.77402741739922476</v>
      </c>
      <c r="H155" s="95">
        <v>5.5316643107906752E-2</v>
      </c>
      <c r="I155" s="155">
        <v>220</v>
      </c>
      <c r="J155" s="159">
        <v>0.15484674406145849</v>
      </c>
      <c r="K155" s="95">
        <v>4.9114645791211504E-2</v>
      </c>
      <c r="L155" s="159">
        <v>9.6719495033891309E-2</v>
      </c>
      <c r="M155" s="95">
        <v>4.0778445896573388E-2</v>
      </c>
      <c r="N155" s="159">
        <v>0.74843376090465019</v>
      </c>
      <c r="O155" s="95">
        <v>5.8319509025342747E-2</v>
      </c>
      <c r="P155" s="155">
        <v>168</v>
      </c>
      <c r="Q155" s="159">
        <v>0.11308084827956838</v>
      </c>
      <c r="R155" s="95">
        <v>4.9924522947920179E-2</v>
      </c>
      <c r="S155" s="159">
        <v>4.4676948996001338E-2</v>
      </c>
      <c r="T155" s="95">
        <v>3.4845687128070998E-2</v>
      </c>
      <c r="U155" s="159">
        <v>0.84224220272443007</v>
      </c>
      <c r="V155" s="95">
        <v>5.6702984062514741E-2</v>
      </c>
    </row>
    <row r="156" spans="1:22">
      <c r="A156" s="55" t="s">
        <v>579</v>
      </c>
      <c r="B156" s="154">
        <v>191</v>
      </c>
      <c r="C156" s="158">
        <v>9.8539163259727419E-2</v>
      </c>
      <c r="D156" s="92">
        <v>4.4230982369019831E-2</v>
      </c>
      <c r="E156" s="158">
        <v>9.9460628686708658E-2</v>
      </c>
      <c r="F156" s="92">
        <v>4.4395084771963036E-2</v>
      </c>
      <c r="G156" s="158">
        <v>0.80200020805356387</v>
      </c>
      <c r="H156" s="92">
        <v>5.7734885790533104E-2</v>
      </c>
      <c r="I156" s="154">
        <v>176</v>
      </c>
      <c r="J156" s="158">
        <v>0.10125404479754838</v>
      </c>
      <c r="K156" s="92">
        <v>4.6664223330975058E-2</v>
      </c>
      <c r="L156" s="158">
        <v>9.0850556193792342E-2</v>
      </c>
      <c r="M156" s="92">
        <v>4.4709981378558625E-2</v>
      </c>
      <c r="N156" s="158">
        <v>0.80789539900865948</v>
      </c>
      <c r="O156" s="92">
        <v>5.9510395578302115E-2</v>
      </c>
      <c r="P156" s="154">
        <v>133</v>
      </c>
      <c r="Q156" s="158">
        <v>8.3084632074745188E-2</v>
      </c>
      <c r="R156" s="92">
        <v>5.0162766325941258E-2</v>
      </c>
      <c r="S156" s="158">
        <v>9.5777019255908161E-2</v>
      </c>
      <c r="T156" s="92">
        <v>5.2944228071505221E-2</v>
      </c>
      <c r="U156" s="158">
        <v>0.82113834866934665</v>
      </c>
      <c r="V156" s="92">
        <v>6.6794034951696266E-2</v>
      </c>
    </row>
    <row r="157" spans="1:22">
      <c r="A157" s="47" t="s">
        <v>580</v>
      </c>
      <c r="B157" s="155">
        <v>192</v>
      </c>
      <c r="C157" s="159">
        <v>4.3913240412765342E-2</v>
      </c>
      <c r="D157" s="95">
        <v>3.2067735841562209E-2</v>
      </c>
      <c r="E157" s="159">
        <v>9.8203908143589994E-2</v>
      </c>
      <c r="F157" s="95">
        <v>4.405054001162069E-2</v>
      </c>
      <c r="G157" s="159">
        <v>0.85788285144364496</v>
      </c>
      <c r="H157" s="95">
        <v>5.092897831398429E-2</v>
      </c>
      <c r="I157" s="155">
        <v>180</v>
      </c>
      <c r="J157" s="159">
        <v>5.5337998107687747E-2</v>
      </c>
      <c r="K157" s="95">
        <v>3.6349442345995707E-2</v>
      </c>
      <c r="L157" s="159">
        <v>0.10037151912858114</v>
      </c>
      <c r="M157" s="95">
        <v>4.5959625154838285E-2</v>
      </c>
      <c r="N157" s="159">
        <v>0.8442904827637312</v>
      </c>
      <c r="O157" s="95">
        <v>5.4486093354422033E-2</v>
      </c>
      <c r="P157" s="155">
        <v>145</v>
      </c>
      <c r="Q157" s="159">
        <v>9.3951316614916139E-2</v>
      </c>
      <c r="R157" s="95">
        <v>5.0196398300216973E-2</v>
      </c>
      <c r="S157" s="159">
        <v>7.0126594060575295E-2</v>
      </c>
      <c r="T157" s="95">
        <v>4.4870387622124155E-2</v>
      </c>
      <c r="U157" s="159">
        <v>0.8359220893245084</v>
      </c>
      <c r="V157" s="95">
        <v>6.1988036143502144E-2</v>
      </c>
    </row>
    <row r="158" spans="1:22">
      <c r="A158" s="55" t="s">
        <v>581</v>
      </c>
      <c r="B158" s="154">
        <v>108</v>
      </c>
      <c r="C158" s="158">
        <v>9.5235380880172235E-2</v>
      </c>
      <c r="D158" s="92">
        <v>5.905780690638375E-2</v>
      </c>
      <c r="E158" s="158">
        <v>8.681675660035644E-2</v>
      </c>
      <c r="F158" s="92">
        <v>5.708895487680641E-2</v>
      </c>
      <c r="G158" s="158">
        <v>0.81794786251947171</v>
      </c>
      <c r="H158" s="92">
        <v>7.4642239295475657E-2</v>
      </c>
      <c r="I158" s="154">
        <v>106</v>
      </c>
      <c r="J158" s="158">
        <v>0.11290230164764868</v>
      </c>
      <c r="K158" s="92">
        <v>6.349087877388411E-2</v>
      </c>
      <c r="L158" s="158">
        <v>8.4178802158794627E-2</v>
      </c>
      <c r="M158" s="92">
        <v>5.7029232629498459E-2</v>
      </c>
      <c r="N158" s="158">
        <v>0.80291889619355727</v>
      </c>
      <c r="O158" s="92">
        <v>7.7410887459335803E-2</v>
      </c>
      <c r="P158" s="154">
        <v>69</v>
      </c>
      <c r="Q158" s="158">
        <v>4.3241239111726254E-2</v>
      </c>
      <c r="R158" s="92">
        <v>5.9037227244823229E-2</v>
      </c>
      <c r="S158" s="158">
        <v>5.7694906927575583E-2</v>
      </c>
      <c r="T158" s="92">
        <v>6.4199238697399796E-2</v>
      </c>
      <c r="U158" s="158">
        <v>0.89906385396069777</v>
      </c>
      <c r="V158" s="92">
        <v>7.6828278765414593E-2</v>
      </c>
    </row>
    <row r="159" spans="1:22">
      <c r="A159" s="47" t="s">
        <v>584</v>
      </c>
      <c r="B159" s="155">
        <v>60</v>
      </c>
      <c r="C159" s="159">
        <v>5.8291576617528318E-2</v>
      </c>
      <c r="D159" s="95">
        <v>7.0053473333438199E-2</v>
      </c>
      <c r="E159" s="159">
        <v>0.19054058914276337</v>
      </c>
      <c r="F159" s="95">
        <v>0.10180601387433061</v>
      </c>
      <c r="G159" s="159">
        <v>0.75116783423970834</v>
      </c>
      <c r="H159" s="95">
        <v>0.11027067614629597</v>
      </c>
      <c r="I159" s="155">
        <v>59</v>
      </c>
      <c r="J159" s="159">
        <v>3.9625028836007402E-2</v>
      </c>
      <c r="K159" s="95">
        <v>6.3802348134459549E-2</v>
      </c>
      <c r="L159" s="159">
        <v>0.27925540144208272</v>
      </c>
      <c r="M159" s="95">
        <v>0.11471513157436407</v>
      </c>
      <c r="N159" s="159">
        <v>0.68111956972190979</v>
      </c>
      <c r="O159" s="95">
        <v>0.11851704976922461</v>
      </c>
      <c r="P159" s="155">
        <v>58</v>
      </c>
      <c r="Q159" s="159">
        <v>0.16194486741249553</v>
      </c>
      <c r="R159" s="95">
        <v>9.8370275317966424E-2</v>
      </c>
      <c r="S159" s="159">
        <v>0.1360938201241593</v>
      </c>
      <c r="T159" s="95">
        <v>9.3017005198322622E-2</v>
      </c>
      <c r="U159" s="159">
        <v>0.70196131246334503</v>
      </c>
      <c r="V159" s="95">
        <v>0.11758452533560433</v>
      </c>
    </row>
    <row r="160" spans="1:22">
      <c r="A160" s="55" t="s">
        <v>585</v>
      </c>
      <c r="B160" s="154">
        <v>2037</v>
      </c>
      <c r="C160" s="158">
        <v>9.0231176436057062E-2</v>
      </c>
      <c r="D160" s="92">
        <v>1.2734581126588823E-2</v>
      </c>
      <c r="E160" s="158">
        <v>8.5371471033527796E-2</v>
      </c>
      <c r="F160" s="92">
        <v>1.2423711419742559E-2</v>
      </c>
      <c r="G160" s="158">
        <v>0.82439735253041224</v>
      </c>
      <c r="H160" s="92">
        <v>1.6867842778685811E-2</v>
      </c>
      <c r="I160" s="154">
        <v>1913</v>
      </c>
      <c r="J160" s="158">
        <v>0.10958527415167625</v>
      </c>
      <c r="K160" s="92">
        <v>1.4315308437664535E-2</v>
      </c>
      <c r="L160" s="158">
        <v>8.6372244486463842E-2</v>
      </c>
      <c r="M160" s="92">
        <v>1.288975094826925E-2</v>
      </c>
      <c r="N160" s="158">
        <v>0.8040424813618553</v>
      </c>
      <c r="O160" s="92">
        <v>1.8153897487473463E-2</v>
      </c>
      <c r="P160" s="154">
        <v>1415</v>
      </c>
      <c r="Q160" s="158">
        <v>7.1306107064913138E-2</v>
      </c>
      <c r="R160" s="92">
        <v>1.3769079867796628E-2</v>
      </c>
      <c r="S160" s="158">
        <v>5.4589710077408524E-2</v>
      </c>
      <c r="T160" s="92">
        <v>1.2191400155081366E-2</v>
      </c>
      <c r="U160" s="158">
        <v>0.87410418285767921</v>
      </c>
      <c r="V160" s="92">
        <v>1.7675644413776736E-2</v>
      </c>
    </row>
    <row r="161" spans="1:22">
      <c r="A161" s="47" t="s">
        <v>620</v>
      </c>
      <c r="B161" s="155">
        <v>147</v>
      </c>
      <c r="C161" s="159">
        <v>0.10110055319335208</v>
      </c>
      <c r="D161" s="95">
        <v>5.1261648506410948E-2</v>
      </c>
      <c r="E161" s="159">
        <v>6.9891191506037703E-2</v>
      </c>
      <c r="F161" s="95">
        <v>4.4477119123235605E-2</v>
      </c>
      <c r="G161" s="159">
        <v>0.82900825530061029</v>
      </c>
      <c r="H161" s="95">
        <v>6.2489738320439442E-2</v>
      </c>
      <c r="I161" s="155">
        <v>142</v>
      </c>
      <c r="J161" s="159">
        <v>0.11501417681274989</v>
      </c>
      <c r="K161" s="95">
        <v>5.4846232039170169E-2</v>
      </c>
      <c r="L161" s="159">
        <v>0.10205230090855284</v>
      </c>
      <c r="M161" s="95">
        <v>5.2393702076897739E-2</v>
      </c>
      <c r="N161" s="159">
        <v>0.78293352227869761</v>
      </c>
      <c r="O161" s="95">
        <v>6.9098879219896922E-2</v>
      </c>
      <c r="P161" s="155">
        <v>94</v>
      </c>
      <c r="Q161" s="159">
        <v>5.8665286873587172E-2</v>
      </c>
      <c r="R161" s="95">
        <v>5.3756551559048807E-2</v>
      </c>
      <c r="S161" s="159">
        <v>5.4448181557002651E-2</v>
      </c>
      <c r="T161" s="95">
        <v>5.243393373025082E-2</v>
      </c>
      <c r="U161" s="159">
        <v>0.88688653156940989</v>
      </c>
      <c r="V161" s="95">
        <v>6.769931102054158E-2</v>
      </c>
    </row>
    <row r="162" spans="1:22">
      <c r="A162" s="55" t="s">
        <v>621</v>
      </c>
      <c r="B162" s="154">
        <v>151</v>
      </c>
      <c r="C162" s="158">
        <v>8.5416479204183826E-2</v>
      </c>
      <c r="D162" s="92">
        <v>4.7349690728829254E-2</v>
      </c>
      <c r="E162" s="158">
        <v>7.0609152980119258E-2</v>
      </c>
      <c r="F162" s="92">
        <v>4.3999095932427484E-2</v>
      </c>
      <c r="G162" s="158">
        <v>0.84397436781569735</v>
      </c>
      <c r="H162" s="92">
        <v>5.9613722562854868E-2</v>
      </c>
      <c r="I162" s="154">
        <v>142</v>
      </c>
      <c r="J162" s="158">
        <v>9.4498983317459831E-2</v>
      </c>
      <c r="K162" s="92">
        <v>5.0870618528019482E-2</v>
      </c>
      <c r="L162" s="158">
        <v>7.3507464046140017E-2</v>
      </c>
      <c r="M162" s="92">
        <v>4.6208129997236155E-2</v>
      </c>
      <c r="N162" s="158">
        <v>0.83199355263640085</v>
      </c>
      <c r="O162" s="92">
        <v>6.3188560100390326E-2</v>
      </c>
      <c r="P162" s="154">
        <v>96</v>
      </c>
      <c r="Q162" s="158">
        <v>7.2824623008570899E-2</v>
      </c>
      <c r="R162" s="92">
        <v>5.7211025309644489E-2</v>
      </c>
      <c r="S162" s="158">
        <v>8.7312264222597497E-2</v>
      </c>
      <c r="T162" s="92">
        <v>6.1005320506391708E-2</v>
      </c>
      <c r="U162" s="158">
        <v>0.83986311276883197</v>
      </c>
      <c r="V162" s="92">
        <v>7.5775671113116588E-2</v>
      </c>
    </row>
    <row r="163" spans="1:22">
      <c r="A163" s="47" t="s">
        <v>622</v>
      </c>
      <c r="B163" s="155">
        <v>916</v>
      </c>
      <c r="C163" s="159">
        <v>8.2980432032088144E-2</v>
      </c>
      <c r="D163" s="95">
        <v>1.8368642073215757E-2</v>
      </c>
      <c r="E163" s="159">
        <v>9.3617652234689916E-2</v>
      </c>
      <c r="F163" s="95">
        <v>1.9368993942726564E-2</v>
      </c>
      <c r="G163" s="159">
        <v>0.8234019157332233</v>
      </c>
      <c r="H163" s="95">
        <v>2.5222375471203835E-2</v>
      </c>
      <c r="I163" s="155">
        <v>855</v>
      </c>
      <c r="J163" s="159">
        <v>9.7625493672541988E-2</v>
      </c>
      <c r="K163" s="95">
        <v>2.0426089203275068E-2</v>
      </c>
      <c r="L163" s="159">
        <v>0.10079388938388362</v>
      </c>
      <c r="M163" s="95">
        <v>2.0710906774563904E-2</v>
      </c>
      <c r="N163" s="159">
        <v>0.80158061694357596</v>
      </c>
      <c r="O163" s="95">
        <v>2.7286621543517537E-2</v>
      </c>
      <c r="P163" s="155">
        <v>629</v>
      </c>
      <c r="Q163" s="159">
        <v>5.3199601674371121E-2</v>
      </c>
      <c r="R163" s="95">
        <v>1.8280664269200018E-2</v>
      </c>
      <c r="S163" s="159">
        <v>4.495084726825388E-2</v>
      </c>
      <c r="T163" s="95">
        <v>1.6963671820226296E-2</v>
      </c>
      <c r="U163" s="159">
        <v>0.9018495510573753</v>
      </c>
      <c r="V163" s="95">
        <v>2.3920794826735342E-2</v>
      </c>
    </row>
    <row r="164" spans="1:22">
      <c r="A164" s="55" t="s">
        <v>623</v>
      </c>
      <c r="B164" s="154">
        <v>274</v>
      </c>
      <c r="C164" s="158">
        <v>6.858796892508677E-2</v>
      </c>
      <c r="D164" s="92">
        <v>3.1554678807921649E-2</v>
      </c>
      <c r="E164" s="158">
        <v>5.7925811905791706E-2</v>
      </c>
      <c r="F164" s="92">
        <v>2.9419766695313432E-2</v>
      </c>
      <c r="G164" s="158">
        <v>0.87348621916912128</v>
      </c>
      <c r="H164" s="92">
        <v>4.0588002314885963E-2</v>
      </c>
      <c r="I164" s="154">
        <v>262</v>
      </c>
      <c r="J164" s="158">
        <v>0.10526920703121183</v>
      </c>
      <c r="K164" s="92">
        <v>3.8552464892865977E-2</v>
      </c>
      <c r="L164" s="158">
        <v>6.0918389001603866E-2</v>
      </c>
      <c r="M164" s="92">
        <v>3.0770070984694468E-2</v>
      </c>
      <c r="N164" s="158">
        <v>0.83381240396718392</v>
      </c>
      <c r="O164" s="92">
        <v>4.6192695626586629E-2</v>
      </c>
      <c r="P164" s="154">
        <v>185</v>
      </c>
      <c r="Q164" s="158">
        <v>0.10476308814030108</v>
      </c>
      <c r="R164" s="92">
        <v>4.6080208630705013E-2</v>
      </c>
      <c r="S164" s="158">
        <v>3.6285449831807412E-2</v>
      </c>
      <c r="T164" s="92">
        <v>3.050695095016856E-2</v>
      </c>
      <c r="U164" s="158">
        <v>0.85895146202789119</v>
      </c>
      <c r="V164" s="92">
        <v>5.1752349037779352E-2</v>
      </c>
    </row>
    <row r="165" spans="1:22">
      <c r="A165" s="47" t="s">
        <v>624</v>
      </c>
      <c r="B165" s="155">
        <v>299</v>
      </c>
      <c r="C165" s="159">
        <v>7.3809128994614337E-2</v>
      </c>
      <c r="D165" s="95">
        <v>3.1070116930521689E-2</v>
      </c>
      <c r="E165" s="159">
        <v>7.8878823050788721E-2</v>
      </c>
      <c r="F165" s="95">
        <v>3.1946401591614194E-2</v>
      </c>
      <c r="G165" s="159">
        <v>0.84731204795459769</v>
      </c>
      <c r="H165" s="95">
        <v>4.1829159882602829E-2</v>
      </c>
      <c r="I165" s="155">
        <v>294</v>
      </c>
      <c r="J165" s="159">
        <v>7.8105876037752986E-2</v>
      </c>
      <c r="K165" s="95">
        <v>3.2097096487321203E-2</v>
      </c>
      <c r="L165" s="159">
        <v>0.111903598678708</v>
      </c>
      <c r="M165" s="95">
        <v>3.7254341514533162E-2</v>
      </c>
      <c r="N165" s="159">
        <v>0.80999052528353954</v>
      </c>
      <c r="O165" s="95">
        <v>4.5828432432465448E-2</v>
      </c>
      <c r="P165" s="155">
        <v>211</v>
      </c>
      <c r="Q165" s="159">
        <v>5.307084889043031E-2</v>
      </c>
      <c r="R165" s="95">
        <v>3.2740726985843564E-2</v>
      </c>
      <c r="S165" s="159">
        <v>7.787688323790723E-2</v>
      </c>
      <c r="T165" s="95">
        <v>3.8186968668331801E-2</v>
      </c>
      <c r="U165" s="159">
        <v>0.86905226787166256</v>
      </c>
      <c r="V165" s="95">
        <v>4.7017299462546965E-2</v>
      </c>
    </row>
    <row r="166" spans="1:22">
      <c r="A166" s="55" t="s">
        <v>625</v>
      </c>
      <c r="B166" s="154">
        <v>1025</v>
      </c>
      <c r="C166" s="158">
        <v>8.3577912669205626E-2</v>
      </c>
      <c r="D166" s="92">
        <v>1.740593902252487E-2</v>
      </c>
      <c r="E166" s="158">
        <v>9.9295797396998703E-2</v>
      </c>
      <c r="F166" s="92">
        <v>1.8775128352345398E-2</v>
      </c>
      <c r="G166" s="158">
        <v>0.81712628993379544</v>
      </c>
      <c r="H166" s="92">
        <v>2.4164264127717713E-2</v>
      </c>
      <c r="I166" s="154">
        <v>962</v>
      </c>
      <c r="J166" s="158">
        <v>9.7235685839853522E-2</v>
      </c>
      <c r="K166" s="92">
        <v>1.921024087992524E-2</v>
      </c>
      <c r="L166" s="158">
        <v>0.10492458346214453</v>
      </c>
      <c r="M166" s="92">
        <v>1.9855102964279683E-2</v>
      </c>
      <c r="N166" s="158">
        <v>0.79783973069800107</v>
      </c>
      <c r="O166" s="92">
        <v>2.5901918825231064E-2</v>
      </c>
      <c r="P166" s="154">
        <v>737</v>
      </c>
      <c r="Q166" s="158">
        <v>8.4675502133321728E-2</v>
      </c>
      <c r="R166" s="92">
        <v>2.0698050680228244E-2</v>
      </c>
      <c r="S166" s="158">
        <v>7.112663250582503E-2</v>
      </c>
      <c r="T166" s="92">
        <v>1.916587856811347E-2</v>
      </c>
      <c r="U166" s="158">
        <v>0.84419786536085273</v>
      </c>
      <c r="V166" s="92">
        <v>2.6774756881475636E-2</v>
      </c>
    </row>
    <row r="167" spans="1:22">
      <c r="A167" s="47" t="s">
        <v>626</v>
      </c>
      <c r="B167" s="155">
        <v>1072</v>
      </c>
      <c r="C167" s="159">
        <v>9.3638999291320288E-2</v>
      </c>
      <c r="D167" s="95">
        <v>1.7890225150278397E-2</v>
      </c>
      <c r="E167" s="159">
        <v>8.8489829114773891E-2</v>
      </c>
      <c r="F167" s="95">
        <v>1.7450522420677378E-2</v>
      </c>
      <c r="G167" s="159">
        <v>0.81787117159390688</v>
      </c>
      <c r="H167" s="95">
        <v>2.3590982158996552E-2</v>
      </c>
      <c r="I167" s="155">
        <v>1010</v>
      </c>
      <c r="J167" s="159">
        <v>0.11253278622286754</v>
      </c>
      <c r="K167" s="95">
        <v>1.9965580467320002E-2</v>
      </c>
      <c r="L167" s="159">
        <v>0.10583582180391576</v>
      </c>
      <c r="M167" s="95">
        <v>1.9445766941659792E-2</v>
      </c>
      <c r="N167" s="159">
        <v>0.78163139197321674</v>
      </c>
      <c r="O167" s="95">
        <v>2.5995621991885598E-2</v>
      </c>
      <c r="P167" s="155">
        <v>736</v>
      </c>
      <c r="Q167" s="159">
        <v>7.9655678450692047E-2</v>
      </c>
      <c r="R167" s="95">
        <v>2.0163607018651067E-2</v>
      </c>
      <c r="S167" s="159">
        <v>5.3620105899242897E-2</v>
      </c>
      <c r="T167" s="95">
        <v>1.6908861652859885E-2</v>
      </c>
      <c r="U167" s="159">
        <v>0.86672421565006541</v>
      </c>
      <c r="V167" s="95">
        <v>2.514426804849863E-2</v>
      </c>
    </row>
    <row r="168" spans="1:22">
      <c r="A168" s="55" t="s">
        <v>627</v>
      </c>
      <c r="B168" s="154">
        <v>314</v>
      </c>
      <c r="C168" s="158">
        <v>0.10825154726765314</v>
      </c>
      <c r="D168" s="92">
        <v>3.553183872561029E-2</v>
      </c>
      <c r="E168" s="158">
        <v>5.7984317640933404E-2</v>
      </c>
      <c r="F168" s="92">
        <v>2.735887514898408E-2</v>
      </c>
      <c r="G168" s="158">
        <v>0.83376413509141212</v>
      </c>
      <c r="H168" s="92">
        <v>4.2171610232480242E-2</v>
      </c>
      <c r="I168" s="154">
        <v>298</v>
      </c>
      <c r="J168" s="158">
        <v>0.12912125246542464</v>
      </c>
      <c r="K168" s="92">
        <v>3.9208824561607389E-2</v>
      </c>
      <c r="L168" s="158">
        <v>8.0201256859726233E-2</v>
      </c>
      <c r="M168" s="92">
        <v>3.2225708414770265E-2</v>
      </c>
      <c r="N168" s="158">
        <v>0.79067749067484772</v>
      </c>
      <c r="O168" s="92">
        <v>4.7133740887322917E-2</v>
      </c>
      <c r="P168" s="154">
        <v>231</v>
      </c>
      <c r="Q168" s="158">
        <v>9.0633730984796962E-2</v>
      </c>
      <c r="R168" s="92">
        <v>3.8718972639802743E-2</v>
      </c>
      <c r="S168" s="158">
        <v>3.7265695277309052E-2</v>
      </c>
      <c r="T168" s="92">
        <v>2.708669188802262E-2</v>
      </c>
      <c r="U168" s="158">
        <v>0.87210057373789307</v>
      </c>
      <c r="V168" s="92">
        <v>4.447605916229979E-2</v>
      </c>
    </row>
    <row r="169" spans="1:22">
      <c r="A169" s="47" t="s">
        <v>628</v>
      </c>
      <c r="B169" s="155">
        <v>758</v>
      </c>
      <c r="C169" s="159">
        <v>8.4742789966893023E-2</v>
      </c>
      <c r="D169" s="95">
        <v>2.0411395657739213E-2</v>
      </c>
      <c r="E169" s="159">
        <v>0.10706177262931663</v>
      </c>
      <c r="F169" s="95">
        <v>2.259030254135868E-2</v>
      </c>
      <c r="G169" s="159">
        <v>0.80819543740379085</v>
      </c>
      <c r="H169" s="95">
        <v>2.8617320054079087E-2</v>
      </c>
      <c r="I169" s="155">
        <v>712</v>
      </c>
      <c r="J169" s="159">
        <v>0.1023752916277762</v>
      </c>
      <c r="K169" s="95">
        <v>2.2873980448579051E-2</v>
      </c>
      <c r="L169" s="159">
        <v>0.12153244806584945</v>
      </c>
      <c r="M169" s="95">
        <v>2.4603931054452782E-2</v>
      </c>
      <c r="N169" s="159">
        <v>0.77609226030637357</v>
      </c>
      <c r="O169" s="95">
        <v>3.1233700318198269E-2</v>
      </c>
      <c r="P169" s="155">
        <v>505</v>
      </c>
      <c r="Q169" s="159">
        <v>7.2369204163276801E-2</v>
      </c>
      <c r="R169" s="95">
        <v>2.3453295793943816E-2</v>
      </c>
      <c r="S169" s="159">
        <v>6.4475035961960497E-2</v>
      </c>
      <c r="T169" s="95">
        <v>2.2301301815776688E-2</v>
      </c>
      <c r="U169" s="159">
        <v>0.86315575987476267</v>
      </c>
      <c r="V169" s="95">
        <v>3.0732070204727464E-2</v>
      </c>
    </row>
    <row r="170" spans="1:22">
      <c r="A170" s="55" t="s">
        <v>629</v>
      </c>
      <c r="B170" s="154">
        <v>202</v>
      </c>
      <c r="C170" s="158">
        <v>8.0457547560370338E-2</v>
      </c>
      <c r="D170" s="92">
        <v>3.9598306722947542E-2</v>
      </c>
      <c r="E170" s="158">
        <v>6.2848626674086652E-2</v>
      </c>
      <c r="F170" s="92">
        <v>3.5865995166694441E-2</v>
      </c>
      <c r="G170" s="158">
        <v>0.85669382576554287</v>
      </c>
      <c r="H170" s="92">
        <v>4.9788393705168493E-2</v>
      </c>
      <c r="I170" s="154">
        <v>195</v>
      </c>
      <c r="J170" s="158">
        <v>0.11792073844828208</v>
      </c>
      <c r="K170" s="92">
        <v>4.6984479814259905E-2</v>
      </c>
      <c r="L170" s="158">
        <v>6.5681396395347494E-2</v>
      </c>
      <c r="M170" s="92">
        <v>3.7207650200428322E-2</v>
      </c>
      <c r="N170" s="158">
        <v>0.81639786515637014</v>
      </c>
      <c r="O170" s="92">
        <v>5.5614677742055689E-2</v>
      </c>
      <c r="P170" s="154">
        <v>123</v>
      </c>
      <c r="Q170" s="158">
        <v>0.13770594417261359</v>
      </c>
      <c r="R170" s="92">
        <v>6.3215907079941402E-2</v>
      </c>
      <c r="S170" s="158">
        <v>4.4028939408230404E-2</v>
      </c>
      <c r="T170" s="92">
        <v>4.1613449289308636E-2</v>
      </c>
      <c r="U170" s="158">
        <v>0.81826511641915611</v>
      </c>
      <c r="V170" s="92">
        <v>6.9867698293733072E-2</v>
      </c>
    </row>
    <row r="171" spans="1:22">
      <c r="A171" s="47" t="s">
        <v>630</v>
      </c>
      <c r="B171" s="155">
        <v>370</v>
      </c>
      <c r="C171" s="159">
        <v>0.10407684079863905</v>
      </c>
      <c r="D171" s="95">
        <v>3.21393976740224E-2</v>
      </c>
      <c r="E171" s="159">
        <v>7.9599002996442264E-2</v>
      </c>
      <c r="F171" s="95">
        <v>2.8701535454246131E-2</v>
      </c>
      <c r="G171" s="159">
        <v>0.81632415620491894</v>
      </c>
      <c r="H171" s="95">
        <v>4.0328586770112654E-2</v>
      </c>
      <c r="I171" s="155">
        <v>359</v>
      </c>
      <c r="J171" s="159">
        <v>0.12157891127330256</v>
      </c>
      <c r="K171" s="95">
        <v>3.4805412597500598E-2</v>
      </c>
      <c r="L171" s="159">
        <v>8.6291260725662844E-2</v>
      </c>
      <c r="M171" s="95">
        <v>3.0168727702442093E-2</v>
      </c>
      <c r="N171" s="159">
        <v>0.79212982800103515</v>
      </c>
      <c r="O171" s="95">
        <v>4.2837455480746543E-2</v>
      </c>
      <c r="P171" s="155">
        <v>232</v>
      </c>
      <c r="Q171" s="159">
        <v>6.2925880618820387E-2</v>
      </c>
      <c r="R171" s="95">
        <v>3.3290467084769286E-2</v>
      </c>
      <c r="S171" s="159">
        <v>4.6474162239349977E-2</v>
      </c>
      <c r="T171" s="95">
        <v>2.9466333130126202E-2</v>
      </c>
      <c r="U171" s="159">
        <v>0.89059995714182993</v>
      </c>
      <c r="V171" s="95">
        <v>4.1692915359803615E-2</v>
      </c>
    </row>
    <row r="172" spans="1:22">
      <c r="A172" s="55" t="s">
        <v>631</v>
      </c>
      <c r="B172" s="154">
        <v>51</v>
      </c>
      <c r="C172" s="158">
        <v>0.12647105803778688</v>
      </c>
      <c r="D172" s="92">
        <v>9.7246652919654369E-2</v>
      </c>
      <c r="E172" s="158">
        <v>3.9086024328244567E-2</v>
      </c>
      <c r="F172" s="92">
        <v>6.9979351955018074E-2</v>
      </c>
      <c r="G172" s="158">
        <v>0.83444291763396872</v>
      </c>
      <c r="H172" s="92">
        <v>0.10577014939297048</v>
      </c>
      <c r="I172" s="154">
        <v>49</v>
      </c>
      <c r="J172" s="158">
        <v>0.1572541247864005</v>
      </c>
      <c r="K172" s="92">
        <v>0.10625287284133546</v>
      </c>
      <c r="L172" s="158">
        <v>2.1117499528974491E-2</v>
      </c>
      <c r="M172" s="92">
        <v>6.3828139593692712E-2</v>
      </c>
      <c r="N172" s="158">
        <v>0.82162837568462521</v>
      </c>
      <c r="O172" s="92">
        <v>0.11042978813130017</v>
      </c>
      <c r="P172" s="154">
        <v>35</v>
      </c>
      <c r="Q172" s="158">
        <v>0.11215611773685569</v>
      </c>
      <c r="R172" s="92">
        <v>0.11495851652306893</v>
      </c>
      <c r="S172" s="158">
        <v>0</v>
      </c>
      <c r="T172" s="92">
        <v>7.063971607396867E-2</v>
      </c>
      <c r="U172" s="158">
        <v>0.88784388226314437</v>
      </c>
      <c r="V172" s="92">
        <v>0.11495851652306892</v>
      </c>
    </row>
    <row r="173" spans="1:22">
      <c r="A173" s="47" t="s">
        <v>632</v>
      </c>
      <c r="B173" s="155">
        <v>319</v>
      </c>
      <c r="C173" s="159">
        <v>9.7876816647703452E-2</v>
      </c>
      <c r="D173" s="95">
        <v>3.380460621954768E-2</v>
      </c>
      <c r="E173" s="159">
        <v>9.0815356016813412E-2</v>
      </c>
      <c r="F173" s="95">
        <v>3.2765075037432714E-2</v>
      </c>
      <c r="G173" s="159">
        <v>0.81130782733548368</v>
      </c>
      <c r="H173" s="95">
        <v>4.387893352639112E-2</v>
      </c>
      <c r="I173" s="155">
        <v>310</v>
      </c>
      <c r="J173" s="159">
        <v>0.11174666005281099</v>
      </c>
      <c r="K173" s="95">
        <v>3.6236204638106666E-2</v>
      </c>
      <c r="L173" s="159">
        <v>0.10425344595084444</v>
      </c>
      <c r="M173" s="95">
        <v>3.5215342865833749E-2</v>
      </c>
      <c r="N173" s="159">
        <v>0.78399989399634551</v>
      </c>
      <c r="O173" s="95">
        <v>4.6725366465036368E-2</v>
      </c>
      <c r="P173" s="155">
        <v>197</v>
      </c>
      <c r="Q173" s="159">
        <v>4.8037308222678418E-2</v>
      </c>
      <c r="R173" s="95">
        <v>3.2714348888122184E-2</v>
      </c>
      <c r="S173" s="159">
        <v>6.0529222087865611E-2</v>
      </c>
      <c r="T173" s="95">
        <v>3.5820418914793546E-2</v>
      </c>
      <c r="U173" s="159">
        <v>0.89143346968945647</v>
      </c>
      <c r="V173" s="95">
        <v>4.5234045631405088E-2</v>
      </c>
    </row>
    <row r="174" spans="1:22">
      <c r="A174" s="55" t="s">
        <v>633</v>
      </c>
      <c r="B174" s="154">
        <v>614</v>
      </c>
      <c r="C174" s="158">
        <v>7.114517880109382E-2</v>
      </c>
      <c r="D174" s="92">
        <v>2.1049584405480513E-2</v>
      </c>
      <c r="E174" s="158">
        <v>9.486652470924252E-2</v>
      </c>
      <c r="F174" s="92">
        <v>2.3863784411243816E-2</v>
      </c>
      <c r="G174" s="158">
        <v>0.83398829648966322</v>
      </c>
      <c r="H174" s="92">
        <v>3.009060042212371E-2</v>
      </c>
      <c r="I174" s="154">
        <v>574</v>
      </c>
      <c r="J174" s="158">
        <v>7.1171145318590132E-2</v>
      </c>
      <c r="K174" s="92">
        <v>2.1795249563806754E-2</v>
      </c>
      <c r="L174" s="158">
        <v>9.7573713928798794E-2</v>
      </c>
      <c r="M174" s="92">
        <v>2.4996443774169937E-2</v>
      </c>
      <c r="N174" s="158">
        <v>0.83125514075261064</v>
      </c>
      <c r="O174" s="92">
        <v>3.1324126523706045E-2</v>
      </c>
      <c r="P174" s="154">
        <v>430</v>
      </c>
      <c r="Q174" s="158">
        <v>3.8598771792378909E-2</v>
      </c>
      <c r="R174" s="92">
        <v>1.9442715634040309E-2</v>
      </c>
      <c r="S174" s="158">
        <v>6.5856193539355873E-2</v>
      </c>
      <c r="T174" s="92">
        <v>2.4471830131136022E-2</v>
      </c>
      <c r="U174" s="158">
        <v>0.89554503466826507</v>
      </c>
      <c r="V174" s="92">
        <v>2.9809659550777464E-2</v>
      </c>
    </row>
    <row r="175" spans="1:22">
      <c r="A175" s="47" t="s">
        <v>634</v>
      </c>
      <c r="B175" s="155">
        <v>557</v>
      </c>
      <c r="C175" s="159">
        <v>8.7252688974793824E-2</v>
      </c>
      <c r="D175" s="95">
        <v>2.4188855486727341E-2</v>
      </c>
      <c r="E175" s="159">
        <v>7.6953939995383427E-2</v>
      </c>
      <c r="F175" s="95">
        <v>2.2904134167911604E-2</v>
      </c>
      <c r="G175" s="159">
        <v>0.83579337102982332</v>
      </c>
      <c r="H175" s="95">
        <v>3.1463985034781872E-2</v>
      </c>
      <c r="I175" s="155">
        <v>522</v>
      </c>
      <c r="J175" s="159">
        <v>0.11691424954282011</v>
      </c>
      <c r="K175" s="95">
        <v>2.8320387474581495E-2</v>
      </c>
      <c r="L175" s="159">
        <v>9.6740939676313087E-2</v>
      </c>
      <c r="M175" s="95">
        <v>2.6138851488332084E-2</v>
      </c>
      <c r="N175" s="159">
        <v>0.7863448107808666</v>
      </c>
      <c r="O175" s="95">
        <v>3.5875678329649101E-2</v>
      </c>
      <c r="P175" s="155">
        <v>387</v>
      </c>
      <c r="Q175" s="159">
        <v>6.5377996723427381E-2</v>
      </c>
      <c r="R175" s="95">
        <v>2.5776698110056128E-2</v>
      </c>
      <c r="S175" s="159">
        <v>5.9671284754013391E-2</v>
      </c>
      <c r="T175" s="95">
        <v>2.4787047360103051E-2</v>
      </c>
      <c r="U175" s="159">
        <v>0.87495071852255879</v>
      </c>
      <c r="V175" s="95">
        <v>3.3890711502700469E-2</v>
      </c>
    </row>
    <row r="176" spans="1:22">
      <c r="A176" s="55" t="s">
        <v>635</v>
      </c>
      <c r="B176" s="154">
        <v>207</v>
      </c>
      <c r="C176" s="158">
        <v>9.6583375713408179E-2</v>
      </c>
      <c r="D176" s="92">
        <v>4.2071247470351451E-2</v>
      </c>
      <c r="E176" s="158">
        <v>5.340141125288124E-2</v>
      </c>
      <c r="F176" s="92">
        <v>3.3170568394067762E-2</v>
      </c>
      <c r="G176" s="158">
        <v>0.85001521303371064</v>
      </c>
      <c r="H176" s="92">
        <v>5.0040794008624982E-2</v>
      </c>
      <c r="I176" s="154">
        <v>198</v>
      </c>
      <c r="J176" s="158">
        <v>0.1225379943283192</v>
      </c>
      <c r="K176" s="92">
        <v>4.7326387688244972E-2</v>
      </c>
      <c r="L176" s="158">
        <v>0.10113415144982137</v>
      </c>
      <c r="M176" s="92">
        <v>4.3859452006523088E-2</v>
      </c>
      <c r="N176" s="158">
        <v>0.7763278542218599</v>
      </c>
      <c r="O176" s="92">
        <v>5.9141886591391878E-2</v>
      </c>
      <c r="P176" s="154">
        <v>154</v>
      </c>
      <c r="Q176" s="158">
        <v>8.1618864734989263E-2</v>
      </c>
      <c r="R176" s="92">
        <v>4.6034649033600404E-2</v>
      </c>
      <c r="S176" s="158">
        <v>5.3590619798508439E-2</v>
      </c>
      <c r="T176" s="92">
        <v>3.9194786354078921E-2</v>
      </c>
      <c r="U176" s="158">
        <v>0.86479051546650243</v>
      </c>
      <c r="V176" s="92">
        <v>5.593405242619303E-2</v>
      </c>
    </row>
    <row r="177" spans="1:22">
      <c r="A177" s="47" t="s">
        <v>636</v>
      </c>
      <c r="B177" s="155">
        <v>350</v>
      </c>
      <c r="C177" s="159">
        <v>7.9281403290514363E-2</v>
      </c>
      <c r="D177" s="95">
        <v>2.9491616445428654E-2</v>
      </c>
      <c r="E177" s="159">
        <v>9.7075067244970226E-2</v>
      </c>
      <c r="F177" s="95">
        <v>3.2119069268531503E-2</v>
      </c>
      <c r="G177" s="159">
        <v>0.82364352946451558</v>
      </c>
      <c r="H177" s="95">
        <v>4.0839857282544779E-2</v>
      </c>
      <c r="I177" s="155">
        <v>324</v>
      </c>
      <c r="J177" s="159">
        <v>0.11197444247321346</v>
      </c>
      <c r="K177" s="95">
        <v>3.5456270441893201E-2</v>
      </c>
      <c r="L177" s="159">
        <v>9.2882013034938316E-2</v>
      </c>
      <c r="M177" s="95">
        <v>3.2810032902632458E-2</v>
      </c>
      <c r="N177" s="159">
        <v>0.7951435444918491</v>
      </c>
      <c r="O177" s="95">
        <v>4.4857764401168773E-2</v>
      </c>
      <c r="P177" s="155">
        <v>233</v>
      </c>
      <c r="Q177" s="159">
        <v>4.9933136532133944E-2</v>
      </c>
      <c r="R177" s="95">
        <v>3.0250596865664888E-2</v>
      </c>
      <c r="S177" s="159">
        <v>6.5453920265921728E-2</v>
      </c>
      <c r="T177" s="95">
        <v>3.3750120190662133E-2</v>
      </c>
      <c r="U177" s="159">
        <v>0.88461294320194439</v>
      </c>
      <c r="V177" s="95">
        <v>4.250074540340508E-2</v>
      </c>
    </row>
    <row r="179" spans="1:22" ht="18.75">
      <c r="A179" s="343" t="s">
        <v>4</v>
      </c>
      <c r="B179" s="343"/>
      <c r="C179" s="343"/>
      <c r="D179" s="343"/>
    </row>
    <row r="180" spans="1:22" ht="140.25" customHeight="1">
      <c r="A180" s="359" t="s">
        <v>380</v>
      </c>
      <c r="B180" s="381"/>
      <c r="C180" s="381"/>
      <c r="D180" s="381"/>
    </row>
    <row r="181" spans="1:22" ht="41.25" customHeight="1">
      <c r="A181" s="360" t="s">
        <v>381</v>
      </c>
      <c r="B181" s="361"/>
      <c r="C181" s="361"/>
      <c r="D181" s="361"/>
    </row>
    <row r="182" spans="1:22" ht="72">
      <c r="A182" s="35" t="s">
        <v>70</v>
      </c>
      <c r="B182" s="36" t="s">
        <v>71</v>
      </c>
      <c r="C182" s="37" t="s">
        <v>551</v>
      </c>
      <c r="D182" s="38" t="s">
        <v>72</v>
      </c>
    </row>
    <row r="183" spans="1:22" ht="108">
      <c r="A183" s="39"/>
      <c r="B183" s="40" t="s">
        <v>73</v>
      </c>
      <c r="C183" s="41" t="s">
        <v>382</v>
      </c>
      <c r="D183" s="42" t="s">
        <v>75</v>
      </c>
    </row>
    <row r="184" spans="1:22">
      <c r="A184" s="43" t="s">
        <v>348</v>
      </c>
      <c r="B184" s="81">
        <v>12672</v>
      </c>
      <c r="C184" s="82">
        <v>4.3322968797313424</v>
      </c>
      <c r="D184" s="83">
        <v>2.3528368041419931E-2</v>
      </c>
    </row>
    <row r="185" spans="1:22">
      <c r="A185" s="47" t="s">
        <v>349</v>
      </c>
      <c r="B185" s="117">
        <v>9414</v>
      </c>
      <c r="C185" s="118">
        <v>4.3457102995732457</v>
      </c>
      <c r="D185" s="119">
        <v>2.7090466565666174E-2</v>
      </c>
    </row>
    <row r="186" spans="1:22">
      <c r="A186" s="43" t="s">
        <v>350</v>
      </c>
      <c r="B186" s="81">
        <v>3258</v>
      </c>
      <c r="C186" s="82">
        <v>4.3211313247473422</v>
      </c>
      <c r="D186" s="83">
        <v>4.7156791440410843E-2</v>
      </c>
    </row>
    <row r="187" spans="1:22">
      <c r="A187" s="47" t="s">
        <v>568</v>
      </c>
      <c r="B187" s="117">
        <v>10419</v>
      </c>
      <c r="C187" s="118">
        <v>4.3301597726326575</v>
      </c>
      <c r="D187" s="119">
        <v>2.6000715334375573E-2</v>
      </c>
    </row>
    <row r="188" spans="1:22">
      <c r="A188" s="43" t="s">
        <v>569</v>
      </c>
      <c r="B188" s="81">
        <v>2253</v>
      </c>
      <c r="C188" s="82">
        <v>4.5893501776308261</v>
      </c>
      <c r="D188" s="83">
        <v>5.4693288474643602E-2</v>
      </c>
    </row>
    <row r="189" spans="1:22">
      <c r="A189" s="47" t="s">
        <v>570</v>
      </c>
      <c r="B189" s="117">
        <v>575</v>
      </c>
      <c r="C189" s="118">
        <v>4.4249707024374212</v>
      </c>
      <c r="D189" s="119">
        <v>0.10611148995741257</v>
      </c>
    </row>
    <row r="190" spans="1:22">
      <c r="A190" s="43" t="s">
        <v>571</v>
      </c>
      <c r="B190" s="81">
        <v>1213</v>
      </c>
      <c r="C190" s="82">
        <v>4.5957071237563252</v>
      </c>
      <c r="D190" s="83">
        <v>7.1945038490963314E-2</v>
      </c>
    </row>
    <row r="191" spans="1:22">
      <c r="A191" s="47" t="s">
        <v>582</v>
      </c>
      <c r="B191" s="117">
        <v>823</v>
      </c>
      <c r="C191" s="118">
        <v>4.593905117693363</v>
      </c>
      <c r="D191" s="119">
        <v>9.5911830222662919E-2</v>
      </c>
    </row>
    <row r="192" spans="1:22">
      <c r="A192" s="43" t="s">
        <v>583</v>
      </c>
      <c r="B192" s="81">
        <v>1430</v>
      </c>
      <c r="C192" s="82">
        <v>4.5875196169326022</v>
      </c>
      <c r="D192" s="83">
        <v>6.6084251566637664E-2</v>
      </c>
    </row>
    <row r="193" spans="1:4">
      <c r="A193" s="47" t="s">
        <v>572</v>
      </c>
      <c r="B193" s="117">
        <v>283</v>
      </c>
      <c r="C193" s="118">
        <v>4.7026440714796074</v>
      </c>
      <c r="D193" s="119">
        <v>0.17342250419892347</v>
      </c>
    </row>
    <row r="194" spans="1:4">
      <c r="A194" s="43" t="s">
        <v>573</v>
      </c>
      <c r="B194" s="114">
        <v>427</v>
      </c>
      <c r="C194" s="115">
        <v>4.3552507399703657</v>
      </c>
      <c r="D194" s="116">
        <v>0.12512123609812179</v>
      </c>
    </row>
    <row r="195" spans="1:4">
      <c r="A195" s="47" t="s">
        <v>574</v>
      </c>
      <c r="B195" s="117">
        <v>637</v>
      </c>
      <c r="C195" s="118">
        <v>4.5110926114350027</v>
      </c>
      <c r="D195" s="119">
        <v>0.10011630317653414</v>
      </c>
    </row>
    <row r="196" spans="1:4">
      <c r="A196" s="43" t="s">
        <v>575</v>
      </c>
      <c r="B196" s="81">
        <v>881</v>
      </c>
      <c r="C196" s="82">
        <v>4.7383294666716855</v>
      </c>
      <c r="D196" s="83">
        <v>8.335871353957057E-2</v>
      </c>
    </row>
    <row r="197" spans="1:4">
      <c r="A197" s="47" t="s">
        <v>576</v>
      </c>
      <c r="B197" s="117">
        <v>717</v>
      </c>
      <c r="C197" s="118">
        <v>4.5305397913056762</v>
      </c>
      <c r="D197" s="119">
        <v>0.10135489956743285</v>
      </c>
    </row>
    <row r="198" spans="1:4">
      <c r="A198" s="55" t="s">
        <v>577</v>
      </c>
      <c r="B198" s="114">
        <v>725</v>
      </c>
      <c r="C198" s="115">
        <v>4.6046242671925643</v>
      </c>
      <c r="D198" s="116">
        <v>9.2894997737169874E-2</v>
      </c>
    </row>
    <row r="199" spans="1:4">
      <c r="A199" s="47" t="s">
        <v>578</v>
      </c>
      <c r="B199" s="117">
        <v>246</v>
      </c>
      <c r="C199" s="118">
        <v>4.5491284720386949</v>
      </c>
      <c r="D199" s="119">
        <v>0.16383666689454515</v>
      </c>
    </row>
    <row r="200" spans="1:4">
      <c r="A200" s="55" t="s">
        <v>579</v>
      </c>
      <c r="B200" s="114">
        <v>214</v>
      </c>
      <c r="C200" s="115">
        <v>4.5874608810667565</v>
      </c>
      <c r="D200" s="116">
        <v>0.16849788098298871</v>
      </c>
    </row>
    <row r="201" spans="1:4">
      <c r="A201" s="47" t="s">
        <v>580</v>
      </c>
      <c r="B201" s="117">
        <v>209</v>
      </c>
      <c r="C201" s="118">
        <v>4.8377124223015242</v>
      </c>
      <c r="D201" s="119">
        <v>0.17813105568894166</v>
      </c>
    </row>
    <row r="202" spans="1:4">
      <c r="A202" s="55" t="s">
        <v>581</v>
      </c>
      <c r="B202" s="114">
        <v>113</v>
      </c>
      <c r="C202" s="115">
        <v>4.4784817830715191</v>
      </c>
      <c r="D202" s="116">
        <v>0.25226455842312218</v>
      </c>
    </row>
    <row r="203" spans="1:4">
      <c r="A203" s="47" t="s">
        <v>584</v>
      </c>
      <c r="B203" s="117">
        <v>110</v>
      </c>
      <c r="C203" s="118">
        <v>4.8692151851566363</v>
      </c>
      <c r="D203" s="119">
        <v>0.2884062968494428</v>
      </c>
    </row>
    <row r="204" spans="1:4">
      <c r="A204" s="55" t="s">
        <v>585</v>
      </c>
      <c r="B204" s="114">
        <v>2143</v>
      </c>
      <c r="C204" s="115">
        <v>4.5390786086156094</v>
      </c>
      <c r="D204" s="116">
        <v>5.5516197147214931E-2</v>
      </c>
    </row>
    <row r="205" spans="1:4">
      <c r="A205" s="47" t="s">
        <v>620</v>
      </c>
      <c r="B205" s="117">
        <v>153</v>
      </c>
      <c r="C205" s="118">
        <v>4.6094977967430593</v>
      </c>
      <c r="D205" s="119">
        <v>0.21301317589065369</v>
      </c>
    </row>
    <row r="206" spans="1:4">
      <c r="A206" s="55" t="s">
        <v>621</v>
      </c>
      <c r="B206" s="114">
        <v>157</v>
      </c>
      <c r="C206" s="115">
        <v>4.4424797329818393</v>
      </c>
      <c r="D206" s="116">
        <v>0.20436349808503063</v>
      </c>
    </row>
    <row r="207" spans="1:4">
      <c r="A207" s="47" t="s">
        <v>622</v>
      </c>
      <c r="B207" s="117">
        <v>930</v>
      </c>
      <c r="C207" s="118">
        <v>4.5879437664538321</v>
      </c>
      <c r="D207" s="119">
        <v>8.4129644710578405E-2</v>
      </c>
    </row>
    <row r="208" spans="1:4">
      <c r="A208" s="55" t="s">
        <v>623</v>
      </c>
      <c r="B208" s="114">
        <v>286</v>
      </c>
      <c r="C208" s="115">
        <v>4.3904406888044489</v>
      </c>
      <c r="D208" s="116">
        <v>0.14500940142960134</v>
      </c>
    </row>
    <row r="209" spans="1:28">
      <c r="A209" s="47" t="s">
        <v>624</v>
      </c>
      <c r="B209" s="117">
        <v>311</v>
      </c>
      <c r="C209" s="118">
        <v>4.5578373526754579</v>
      </c>
      <c r="D209" s="119">
        <v>0.13751603927471834</v>
      </c>
    </row>
    <row r="210" spans="1:28">
      <c r="A210" s="55" t="s">
        <v>625</v>
      </c>
      <c r="B210" s="114">
        <v>1124</v>
      </c>
      <c r="C210" s="115">
        <v>4.5850895053421521</v>
      </c>
      <c r="D210" s="116">
        <v>7.7481699739080492E-2</v>
      </c>
    </row>
    <row r="211" spans="1:28">
      <c r="A211" s="47" t="s">
        <v>626</v>
      </c>
      <c r="B211" s="117">
        <v>1128</v>
      </c>
      <c r="C211" s="118">
        <v>4.5955440980791273</v>
      </c>
      <c r="D211" s="119">
        <v>7.7312893702613211E-2</v>
      </c>
    </row>
    <row r="212" spans="1:28">
      <c r="A212" s="55" t="s">
        <v>627</v>
      </c>
      <c r="B212" s="114">
        <v>333</v>
      </c>
      <c r="C212" s="115">
        <v>4.5437592824162962</v>
      </c>
      <c r="D212" s="116">
        <v>0.1471656624907422</v>
      </c>
    </row>
    <row r="213" spans="1:28">
      <c r="A213" s="47" t="s">
        <v>628</v>
      </c>
      <c r="B213" s="117">
        <v>795</v>
      </c>
      <c r="C213" s="118">
        <v>4.6269675346540735</v>
      </c>
      <c r="D213" s="119">
        <v>9.0782574592891865E-2</v>
      </c>
    </row>
    <row r="214" spans="1:28">
      <c r="A214" s="55" t="s">
        <v>629</v>
      </c>
      <c r="B214" s="114">
        <v>202</v>
      </c>
      <c r="C214" s="115">
        <v>4.2763398040540075</v>
      </c>
      <c r="D214" s="116">
        <v>0.17309821344943563</v>
      </c>
    </row>
    <row r="215" spans="1:28">
      <c r="A215" s="47" t="s">
        <v>630</v>
      </c>
      <c r="B215" s="117">
        <v>373</v>
      </c>
      <c r="C215" s="118">
        <v>4.601237575561508</v>
      </c>
      <c r="D215" s="119">
        <v>0.13404522187074958</v>
      </c>
    </row>
    <row r="216" spans="1:28">
      <c r="A216" s="55" t="s">
        <v>631</v>
      </c>
      <c r="B216" s="114">
        <v>53</v>
      </c>
      <c r="C216" s="115">
        <v>4.7354234220025289</v>
      </c>
      <c r="D216" s="116">
        <v>0.39576892903243099</v>
      </c>
    </row>
    <row r="217" spans="1:28">
      <c r="A217" s="47" t="s">
        <v>632</v>
      </c>
      <c r="B217" s="117">
        <v>320</v>
      </c>
      <c r="C217" s="118">
        <v>4.5632484346156614</v>
      </c>
      <c r="D217" s="119">
        <v>0.14205626586512476</v>
      </c>
    </row>
    <row r="218" spans="1:28">
      <c r="A218" s="55" t="s">
        <v>633</v>
      </c>
      <c r="B218" s="114">
        <v>627</v>
      </c>
      <c r="C218" s="115">
        <v>4.6228678342849134</v>
      </c>
      <c r="D218" s="116">
        <v>0.10033875937818323</v>
      </c>
    </row>
    <row r="219" spans="1:28">
      <c r="A219" s="47" t="s">
        <v>634</v>
      </c>
      <c r="B219" s="117">
        <v>586</v>
      </c>
      <c r="C219" s="118">
        <v>4.5507123022666107</v>
      </c>
      <c r="D219" s="119">
        <v>0.10316453279746129</v>
      </c>
    </row>
    <row r="220" spans="1:28">
      <c r="A220" s="55" t="s">
        <v>635</v>
      </c>
      <c r="B220" s="114">
        <v>220</v>
      </c>
      <c r="C220" s="115">
        <v>4.4980386386042168</v>
      </c>
      <c r="D220" s="116">
        <v>0.17803968952112162</v>
      </c>
    </row>
    <row r="221" spans="1:28">
      <c r="A221" s="47" t="s">
        <v>636</v>
      </c>
      <c r="B221" s="117">
        <v>366</v>
      </c>
      <c r="C221" s="118">
        <v>4.5961753064465798</v>
      </c>
      <c r="D221" s="119">
        <v>0.12582204487290835</v>
      </c>
    </row>
    <row r="223" spans="1:28" ht="18.75">
      <c r="A223" s="343" t="s">
        <v>500</v>
      </c>
      <c r="B223" s="343"/>
      <c r="C223" s="343"/>
      <c r="D223" s="343"/>
      <c r="E223" s="343"/>
      <c r="F223" s="343"/>
      <c r="G223" s="343"/>
      <c r="H223" s="343"/>
      <c r="I223" s="343"/>
      <c r="J223" s="343"/>
      <c r="K223" s="343"/>
      <c r="L223" s="343"/>
      <c r="M223" s="343"/>
      <c r="N223" s="343"/>
      <c r="O223" s="343"/>
      <c r="P223" s="343"/>
      <c r="Q223" s="343"/>
      <c r="R223" s="343"/>
      <c r="S223" s="343"/>
      <c r="T223" s="343"/>
      <c r="U223" s="343"/>
      <c r="V223" s="343"/>
      <c r="W223" s="343"/>
      <c r="X223" s="343"/>
      <c r="Y223" s="343"/>
      <c r="Z223" s="343"/>
      <c r="AA223" s="343"/>
      <c r="AB223" s="343"/>
    </row>
    <row r="224" spans="1:28" ht="57.75" customHeight="1">
      <c r="A224" s="403" t="s">
        <v>552</v>
      </c>
      <c r="B224" s="403"/>
      <c r="C224" s="403"/>
      <c r="D224" s="403"/>
      <c r="E224" s="403"/>
      <c r="F224" s="403"/>
      <c r="G224" s="403"/>
      <c r="H224" s="403"/>
      <c r="I224" s="403"/>
      <c r="J224" s="403"/>
      <c r="K224" s="403"/>
      <c r="L224" s="403"/>
      <c r="M224" s="403"/>
      <c r="N224" s="403"/>
      <c r="O224" s="403"/>
      <c r="P224" s="403"/>
      <c r="Q224" s="403"/>
      <c r="R224" s="403"/>
      <c r="S224" s="403"/>
      <c r="T224" s="403"/>
      <c r="U224" s="403"/>
      <c r="V224" s="403"/>
      <c r="W224" s="403"/>
      <c r="X224" s="403"/>
      <c r="Y224" s="403"/>
      <c r="Z224" s="403"/>
      <c r="AA224" s="403"/>
      <c r="AB224" s="403"/>
    </row>
    <row r="225" spans="1:28" ht="40.5" customHeight="1">
      <c r="A225" s="299"/>
      <c r="B225" s="398" t="s">
        <v>383</v>
      </c>
      <c r="C225" s="399"/>
      <c r="D225" s="399"/>
      <c r="E225" s="399"/>
      <c r="F225" s="399"/>
      <c r="G225" s="399"/>
      <c r="H225" s="399"/>
      <c r="I225" s="399"/>
      <c r="J225" s="400"/>
      <c r="K225" s="375" t="s">
        <v>384</v>
      </c>
      <c r="L225" s="376"/>
      <c r="M225" s="376"/>
      <c r="N225" s="376"/>
      <c r="O225" s="376"/>
      <c r="P225" s="376"/>
      <c r="Q225" s="376"/>
      <c r="R225" s="376"/>
      <c r="S225" s="377"/>
      <c r="T225" s="398" t="s">
        <v>120</v>
      </c>
      <c r="U225" s="399"/>
      <c r="V225" s="399"/>
      <c r="W225" s="399"/>
      <c r="X225" s="399"/>
      <c r="Y225" s="399"/>
      <c r="Z225" s="399"/>
      <c r="AA225" s="399"/>
      <c r="AB225" s="399"/>
    </row>
    <row r="226" spans="1:28" ht="72">
      <c r="A226" s="35" t="s">
        <v>70</v>
      </c>
      <c r="B226" s="36" t="s">
        <v>71</v>
      </c>
      <c r="C226" s="36" t="s">
        <v>155</v>
      </c>
      <c r="D226" s="87" t="s">
        <v>84</v>
      </c>
      <c r="E226" s="36" t="s">
        <v>156</v>
      </c>
      <c r="F226" s="87" t="s">
        <v>85</v>
      </c>
      <c r="G226" s="36" t="s">
        <v>157</v>
      </c>
      <c r="H226" s="87" t="s">
        <v>86</v>
      </c>
      <c r="I226" s="36" t="s">
        <v>300</v>
      </c>
      <c r="J226" s="87" t="s">
        <v>299</v>
      </c>
      <c r="K226" s="63" t="s">
        <v>71</v>
      </c>
      <c r="L226" s="63" t="s">
        <v>155</v>
      </c>
      <c r="M226" s="86" t="s">
        <v>84</v>
      </c>
      <c r="N226" s="63" t="s">
        <v>156</v>
      </c>
      <c r="O226" s="86" t="s">
        <v>85</v>
      </c>
      <c r="P226" s="63" t="s">
        <v>157</v>
      </c>
      <c r="Q226" s="86" t="s">
        <v>86</v>
      </c>
      <c r="R226" s="63" t="s">
        <v>300</v>
      </c>
      <c r="S226" s="86" t="s">
        <v>299</v>
      </c>
      <c r="T226" s="36" t="s">
        <v>71</v>
      </c>
      <c r="U226" s="36" t="s">
        <v>155</v>
      </c>
      <c r="V226" s="87" t="s">
        <v>84</v>
      </c>
      <c r="W226" s="36" t="s">
        <v>156</v>
      </c>
      <c r="X226" s="87" t="s">
        <v>85</v>
      </c>
      <c r="Y226" s="36" t="s">
        <v>157</v>
      </c>
      <c r="Z226" s="87" t="s">
        <v>86</v>
      </c>
      <c r="AA226" s="36" t="s">
        <v>300</v>
      </c>
      <c r="AB226" s="87" t="s">
        <v>299</v>
      </c>
    </row>
    <row r="227" spans="1:28" ht="72">
      <c r="A227" s="39"/>
      <c r="B227" s="40" t="s">
        <v>73</v>
      </c>
      <c r="C227" s="40" t="s">
        <v>158</v>
      </c>
      <c r="D227" s="89" t="s">
        <v>87</v>
      </c>
      <c r="E227" s="40" t="s">
        <v>159</v>
      </c>
      <c r="F227" s="89" t="s">
        <v>87</v>
      </c>
      <c r="G227" s="40" t="s">
        <v>160</v>
      </c>
      <c r="H227" s="89" t="s">
        <v>87</v>
      </c>
      <c r="I227" s="40" t="s">
        <v>300</v>
      </c>
      <c r="J227" s="89" t="s">
        <v>87</v>
      </c>
      <c r="K227" s="66" t="s">
        <v>73</v>
      </c>
      <c r="L227" s="66" t="s">
        <v>158</v>
      </c>
      <c r="M227" s="88" t="s">
        <v>87</v>
      </c>
      <c r="N227" s="66" t="s">
        <v>159</v>
      </c>
      <c r="O227" s="88" t="s">
        <v>87</v>
      </c>
      <c r="P227" s="66" t="s">
        <v>160</v>
      </c>
      <c r="Q227" s="88" t="s">
        <v>87</v>
      </c>
      <c r="R227" s="66" t="s">
        <v>300</v>
      </c>
      <c r="S227" s="88" t="s">
        <v>87</v>
      </c>
      <c r="T227" s="40" t="s">
        <v>73</v>
      </c>
      <c r="U227" s="40" t="s">
        <v>158</v>
      </c>
      <c r="V227" s="89" t="s">
        <v>87</v>
      </c>
      <c r="W227" s="40" t="s">
        <v>159</v>
      </c>
      <c r="X227" s="89" t="s">
        <v>87</v>
      </c>
      <c r="Y227" s="40" t="s">
        <v>160</v>
      </c>
      <c r="Z227" s="89" t="s">
        <v>87</v>
      </c>
      <c r="AA227" s="40" t="s">
        <v>300</v>
      </c>
      <c r="AB227" s="89" t="s">
        <v>87</v>
      </c>
    </row>
    <row r="228" spans="1:28">
      <c r="A228" s="43" t="s">
        <v>348</v>
      </c>
      <c r="B228" s="160">
        <v>13916</v>
      </c>
      <c r="C228" s="163">
        <v>0.24721018413503079</v>
      </c>
      <c r="D228" s="92">
        <v>7.3134663503884997E-3</v>
      </c>
      <c r="E228" s="163">
        <v>0.22996751196457071</v>
      </c>
      <c r="F228" s="92">
        <v>7.1342696510420254E-3</v>
      </c>
      <c r="G228" s="163">
        <v>0.35734181830937645</v>
      </c>
      <c r="H228" s="92">
        <v>8.1236906583958182E-3</v>
      </c>
      <c r="I228" s="163">
        <v>0.16548048559104037</v>
      </c>
      <c r="J228" s="92">
        <v>6.3009075583273259E-3</v>
      </c>
      <c r="K228" s="122">
        <v>13906</v>
      </c>
      <c r="L228" s="121">
        <v>0.28691101869081054</v>
      </c>
      <c r="M228" s="92">
        <v>7.6707816144096089E-3</v>
      </c>
      <c r="N228" s="121">
        <v>0.20739565521860365</v>
      </c>
      <c r="O228" s="121">
        <v>6.8763743112210335E-3</v>
      </c>
      <c r="P228" s="121">
        <v>0.38105482308155841</v>
      </c>
      <c r="Q228" s="92">
        <v>8.2355715377953418E-3</v>
      </c>
      <c r="R228" s="121">
        <v>0.12463850300904504</v>
      </c>
      <c r="S228" s="92">
        <v>5.6033462323828937E-3</v>
      </c>
      <c r="T228" s="122">
        <v>13917</v>
      </c>
      <c r="U228" s="121">
        <v>0.21139065422020736</v>
      </c>
      <c r="V228" s="92">
        <v>6.9219899392000787E-3</v>
      </c>
      <c r="W228" s="121">
        <v>0.20220173619447673</v>
      </c>
      <c r="X228" s="92">
        <v>6.8092980540401995E-3</v>
      </c>
      <c r="Y228" s="121">
        <v>0.51742917611998085</v>
      </c>
      <c r="Z228" s="92">
        <v>8.4703414568206813E-3</v>
      </c>
      <c r="AA228" s="121">
        <v>6.8978433465351083E-2</v>
      </c>
      <c r="AB228" s="92">
        <v>4.2992426218196574E-3</v>
      </c>
    </row>
    <row r="229" spans="1:28">
      <c r="A229" s="47" t="s">
        <v>349</v>
      </c>
      <c r="B229" s="47">
        <v>10183</v>
      </c>
      <c r="C229" s="162">
        <v>0.27559647530717357</v>
      </c>
      <c r="D229" s="95">
        <v>8.8547631711577007E-3</v>
      </c>
      <c r="E229" s="162">
        <v>0.22433185166138178</v>
      </c>
      <c r="F229" s="95">
        <v>8.2673198233641793E-3</v>
      </c>
      <c r="G229" s="162">
        <v>0.33736109628042987</v>
      </c>
      <c r="H229" s="95">
        <v>9.3694258840044328E-3</v>
      </c>
      <c r="I229" s="162">
        <v>0.16271057675101472</v>
      </c>
      <c r="J229" s="95">
        <v>7.3163565765839728E-3</v>
      </c>
      <c r="K229" s="47">
        <v>10184</v>
      </c>
      <c r="L229" s="124">
        <v>0.29351436557063271</v>
      </c>
      <c r="M229" s="95">
        <v>9.0237473170164326E-3</v>
      </c>
      <c r="N229" s="124">
        <v>0.20480254938895326</v>
      </c>
      <c r="O229" s="124">
        <v>7.9980091389078491E-3</v>
      </c>
      <c r="P229" s="124">
        <v>0.39238496392138006</v>
      </c>
      <c r="Q229" s="95">
        <v>9.675295609665107E-3</v>
      </c>
      <c r="R229" s="124">
        <v>0.10929812111903336</v>
      </c>
      <c r="S229" s="95">
        <v>6.1862177962088306E-3</v>
      </c>
      <c r="T229" s="47">
        <v>10198</v>
      </c>
      <c r="U229" s="124">
        <v>0.19149971417243938</v>
      </c>
      <c r="V229" s="95">
        <v>7.7932052455123111E-3</v>
      </c>
      <c r="W229" s="124">
        <v>0.18567288530772813</v>
      </c>
      <c r="X229" s="95">
        <v>7.7014454935054938E-3</v>
      </c>
      <c r="Y229" s="124">
        <v>0.57126389116641652</v>
      </c>
      <c r="Z229" s="95">
        <v>9.7995082758462974E-3</v>
      </c>
      <c r="AA229" s="124">
        <v>5.1563509353409941E-2</v>
      </c>
      <c r="AB229" s="95">
        <v>4.385929178221234E-3</v>
      </c>
    </row>
    <row r="230" spans="1:28">
      <c r="A230" s="43" t="s">
        <v>350</v>
      </c>
      <c r="B230" s="51">
        <v>3733</v>
      </c>
      <c r="C230" s="163">
        <v>0.22436427846585125</v>
      </c>
      <c r="D230" s="92">
        <v>1.3654536010558547E-2</v>
      </c>
      <c r="E230" s="163">
        <v>0.23450321417692144</v>
      </c>
      <c r="F230" s="92">
        <v>1.3867459099300268E-2</v>
      </c>
      <c r="G230" s="163">
        <v>0.37342273877576271</v>
      </c>
      <c r="H230" s="92">
        <v>1.5826611940870993E-2</v>
      </c>
      <c r="I230" s="163">
        <v>0.16770976858146525</v>
      </c>
      <c r="J230" s="92">
        <v>1.2233542717730169E-2</v>
      </c>
      <c r="K230" s="51">
        <v>3722</v>
      </c>
      <c r="L230" s="121">
        <v>0.28157369485150868</v>
      </c>
      <c r="M230" s="92">
        <v>1.474027536895622E-2</v>
      </c>
      <c r="N230" s="121">
        <v>0.20949159926246991</v>
      </c>
      <c r="O230" s="121">
        <v>1.3340818127827088E-2</v>
      </c>
      <c r="P230" s="121">
        <v>0.37189694724866146</v>
      </c>
      <c r="Q230" s="92">
        <v>1.583682301739725E-2</v>
      </c>
      <c r="R230" s="121">
        <v>0.13703775863736017</v>
      </c>
      <c r="S230" s="92">
        <v>1.1280882632758426E-2</v>
      </c>
      <c r="T230" s="122">
        <v>3719</v>
      </c>
      <c r="U230" s="121">
        <v>0.22746135889376895</v>
      </c>
      <c r="V230" s="92">
        <v>1.3746572773353843E-2</v>
      </c>
      <c r="W230" s="121">
        <v>0.21555607141223795</v>
      </c>
      <c r="X230" s="92">
        <v>1.3485516721737577E-2</v>
      </c>
      <c r="Y230" s="121">
        <v>0.47393390618202474</v>
      </c>
      <c r="Z230" s="92">
        <v>1.6366800707834434E-2</v>
      </c>
      <c r="AA230" s="121">
        <v>8.3048663511969767E-2</v>
      </c>
      <c r="AB230" s="92">
        <v>9.0674464806340636E-3</v>
      </c>
    </row>
    <row r="231" spans="1:28">
      <c r="A231" s="47" t="s">
        <v>568</v>
      </c>
      <c r="B231" s="47">
        <v>11555</v>
      </c>
      <c r="C231" s="162">
        <v>0.24726180790816948</v>
      </c>
      <c r="D231" s="95">
        <v>8.0264207647438232E-3</v>
      </c>
      <c r="E231" s="162">
        <v>0.22998920814665194</v>
      </c>
      <c r="F231" s="95">
        <v>7.8294967740119119E-3</v>
      </c>
      <c r="G231" s="162">
        <v>0.3568661675293533</v>
      </c>
      <c r="H231" s="95">
        <v>8.9122352781606969E-3</v>
      </c>
      <c r="I231" s="162">
        <v>0.16588281641584579</v>
      </c>
      <c r="J231" s="95">
        <v>6.9215808539183563E-3</v>
      </c>
      <c r="K231" s="47">
        <v>11545</v>
      </c>
      <c r="L231" s="124">
        <v>0.28722580433920342</v>
      </c>
      <c r="M231" s="95">
        <v>8.4212928707385077E-3</v>
      </c>
      <c r="N231" s="124">
        <v>0.20749120702707338</v>
      </c>
      <c r="O231" s="124">
        <v>7.5481050671373662E-3</v>
      </c>
      <c r="P231" s="124">
        <v>0.38020772593618263</v>
      </c>
      <c r="Q231" s="95">
        <v>9.0344248783209933E-3</v>
      </c>
      <c r="R231" s="124">
        <v>0.1250752626975617</v>
      </c>
      <c r="S231" s="95">
        <v>6.1591667582956578E-3</v>
      </c>
      <c r="T231" s="47">
        <v>11551</v>
      </c>
      <c r="U231" s="124">
        <v>0.21170431244210761</v>
      </c>
      <c r="V231" s="95">
        <v>7.6020250572004632E-3</v>
      </c>
      <c r="W231" s="124">
        <v>0.202513407306047</v>
      </c>
      <c r="X231" s="95">
        <v>7.4785251484859958E-3</v>
      </c>
      <c r="Y231" s="124">
        <v>0.51641401739393133</v>
      </c>
      <c r="Z231" s="95">
        <v>9.2978181074868209E-3</v>
      </c>
      <c r="AA231" s="124">
        <v>6.9368262857933918E-2</v>
      </c>
      <c r="AB231" s="95">
        <v>4.732010733004278E-3</v>
      </c>
    </row>
    <row r="232" spans="1:28">
      <c r="A232" s="43" t="s">
        <v>569</v>
      </c>
      <c r="B232" s="51">
        <v>2361</v>
      </c>
      <c r="C232" s="163">
        <v>0.24060968106528574</v>
      </c>
      <c r="D232" s="92">
        <v>1.7590313829199282E-2</v>
      </c>
      <c r="E232" s="163">
        <v>0.22719348543144083</v>
      </c>
      <c r="F232" s="92">
        <v>1.7244818054952683E-2</v>
      </c>
      <c r="G232" s="163">
        <v>0.41815748990456958</v>
      </c>
      <c r="H232" s="92">
        <v>2.0286507753499917E-2</v>
      </c>
      <c r="I232" s="163">
        <v>0.11403934359870206</v>
      </c>
      <c r="J232" s="92">
        <v>1.3104739631207736E-2</v>
      </c>
      <c r="K232" s="51">
        <v>2361</v>
      </c>
      <c r="L232" s="121">
        <v>0.24662187350081344</v>
      </c>
      <c r="M232" s="92">
        <v>1.7737408539832487E-2</v>
      </c>
      <c r="N232" s="121">
        <v>0.19516606119409588</v>
      </c>
      <c r="O232" s="121">
        <v>1.6315615092899829E-2</v>
      </c>
      <c r="P232" s="121">
        <v>0.48947406028139079</v>
      </c>
      <c r="Q232" s="92">
        <v>2.0558361377092965E-2</v>
      </c>
      <c r="R232" s="121">
        <v>6.8738005023697923E-2</v>
      </c>
      <c r="S232" s="92">
        <v>1.0456125254634269E-2</v>
      </c>
      <c r="T232" s="122">
        <v>2366</v>
      </c>
      <c r="U232" s="121">
        <v>0.17134718329075013</v>
      </c>
      <c r="V232" s="92">
        <v>1.5500190178944613E-2</v>
      </c>
      <c r="W232" s="121">
        <v>0.1624119515680881</v>
      </c>
      <c r="X232" s="92">
        <v>1.5173743657910447E-2</v>
      </c>
      <c r="Y232" s="121">
        <v>0.64703036651513801</v>
      </c>
      <c r="Z232" s="92">
        <v>1.9636140865960616E-2</v>
      </c>
      <c r="AA232" s="121">
        <v>1.9210498626020766E-2</v>
      </c>
      <c r="AB232" s="92">
        <v>5.7546281370438003E-3</v>
      </c>
    </row>
    <row r="233" spans="1:28">
      <c r="A233" s="47" t="s">
        <v>570</v>
      </c>
      <c r="B233" s="47">
        <v>605</v>
      </c>
      <c r="C233" s="162">
        <v>0.24509862867538612</v>
      </c>
      <c r="D233" s="95">
        <v>3.4940814552303086E-2</v>
      </c>
      <c r="E233" s="162">
        <v>0.25315330391775481</v>
      </c>
      <c r="F233" s="95">
        <v>3.5313702505666303E-2</v>
      </c>
      <c r="G233" s="162">
        <v>0.35206255818021182</v>
      </c>
      <c r="H233" s="95">
        <v>3.873204341486064E-2</v>
      </c>
      <c r="I233" s="162">
        <v>0.14968550922664728</v>
      </c>
      <c r="J233" s="95">
        <v>2.9095454918991751E-2</v>
      </c>
      <c r="K233" s="47">
        <v>608</v>
      </c>
      <c r="L233" s="124">
        <v>0.27897720634461565</v>
      </c>
      <c r="M233" s="95">
        <v>3.6316097187314329E-2</v>
      </c>
      <c r="N233" s="124">
        <v>0.22377280544325306</v>
      </c>
      <c r="O233" s="124">
        <v>3.3790268375115971E-2</v>
      </c>
      <c r="P233" s="124">
        <v>0.40646702355222719</v>
      </c>
      <c r="Q233" s="95">
        <v>3.9718417962889566E-2</v>
      </c>
      <c r="R233" s="124">
        <v>9.0782964659903875E-2</v>
      </c>
      <c r="S233" s="95">
        <v>2.3531825961451581E-2</v>
      </c>
      <c r="T233" s="47">
        <v>607</v>
      </c>
      <c r="U233" s="124">
        <v>0.18816924810742286</v>
      </c>
      <c r="V233" s="95">
        <v>3.1755055316102912E-2</v>
      </c>
      <c r="W233" s="124">
        <v>0.15070266918774128</v>
      </c>
      <c r="X233" s="95">
        <v>2.912624362587285E-2</v>
      </c>
      <c r="Y233" s="124">
        <v>0.64979304898484602</v>
      </c>
      <c r="Z233" s="95">
        <v>3.8622336718349685E-2</v>
      </c>
      <c r="AA233" s="124">
        <v>1.1335033719989916E-2</v>
      </c>
      <c r="AB233" s="95">
        <v>9.6833358451923219E-3</v>
      </c>
    </row>
    <row r="234" spans="1:28">
      <c r="A234" s="43" t="s">
        <v>571</v>
      </c>
      <c r="B234" s="51">
        <v>1270</v>
      </c>
      <c r="C234" s="163">
        <v>0.22286894683685315</v>
      </c>
      <c r="D234" s="92">
        <v>2.3351783371997181E-2</v>
      </c>
      <c r="E234" s="163">
        <v>0.24348381766347871</v>
      </c>
      <c r="F234" s="92">
        <v>2.4075495455015247E-2</v>
      </c>
      <c r="G234" s="163">
        <v>0.39370009227806646</v>
      </c>
      <c r="H234" s="92">
        <v>2.7380175583497122E-2</v>
      </c>
      <c r="I234" s="163">
        <v>0.13994714322160268</v>
      </c>
      <c r="J234" s="92">
        <v>1.9505239494642446E-2</v>
      </c>
      <c r="K234" s="51">
        <v>1272</v>
      </c>
      <c r="L234" s="121">
        <v>0.23277926596436097</v>
      </c>
      <c r="M234" s="92">
        <v>2.3690802805343785E-2</v>
      </c>
      <c r="N234" s="121">
        <v>0.20779465103098618</v>
      </c>
      <c r="O234" s="121">
        <v>2.2753312318088172E-2</v>
      </c>
      <c r="P234" s="121">
        <v>0.48832214708331489</v>
      </c>
      <c r="Q234" s="92">
        <v>2.7987036934866809E-2</v>
      </c>
      <c r="R234" s="121">
        <v>7.1103935921339789E-2</v>
      </c>
      <c r="S234" s="92">
        <v>1.4514036181856231E-2</v>
      </c>
      <c r="T234" s="122">
        <v>1274</v>
      </c>
      <c r="U234" s="121">
        <v>0.15292163826854477</v>
      </c>
      <c r="V234" s="92">
        <v>2.0193857442883968E-2</v>
      </c>
      <c r="W234" s="121">
        <v>0.15259858777448027</v>
      </c>
      <c r="X234" s="92">
        <v>2.0176572301955117E-2</v>
      </c>
      <c r="Y234" s="121">
        <v>0.67447892127147369</v>
      </c>
      <c r="Z234" s="92">
        <v>2.6225659325410246E-2</v>
      </c>
      <c r="AA234" s="121">
        <v>2.0000852685502252E-2</v>
      </c>
      <c r="AB234" s="92">
        <v>8.1151358679514094E-3</v>
      </c>
    </row>
    <row r="235" spans="1:28">
      <c r="A235" s="47" t="s">
        <v>582</v>
      </c>
      <c r="B235" s="47">
        <v>860</v>
      </c>
      <c r="C235" s="162">
        <v>0.28904254064462759</v>
      </c>
      <c r="D235" s="95">
        <v>3.0875201435999974E-2</v>
      </c>
      <c r="E235" s="162">
        <v>0.21179686443873028</v>
      </c>
      <c r="F235" s="95">
        <v>2.7864275560117797E-2</v>
      </c>
      <c r="G235" s="162">
        <v>0.40132436472237454</v>
      </c>
      <c r="H235" s="95">
        <v>3.3357842837383807E-2</v>
      </c>
      <c r="I235" s="162">
        <v>9.7836230194270166E-2</v>
      </c>
      <c r="J235" s="95">
        <v>2.0384996804025553E-2</v>
      </c>
      <c r="K235" s="47">
        <v>862</v>
      </c>
      <c r="L235" s="124">
        <v>0.24575017387505185</v>
      </c>
      <c r="M235" s="95">
        <v>2.930707144307472E-2</v>
      </c>
      <c r="N235" s="124">
        <v>0.1691368200663084</v>
      </c>
      <c r="O235" s="124">
        <v>2.5568681673489638E-2</v>
      </c>
      <c r="P235" s="124">
        <v>0.51485118149081532</v>
      </c>
      <c r="Q235" s="95">
        <v>3.3966528503770452E-2</v>
      </c>
      <c r="R235" s="124">
        <v>7.0261824567826592E-2</v>
      </c>
      <c r="S235" s="95">
        <v>1.7595291767854883E-2</v>
      </c>
      <c r="T235" s="47">
        <v>863</v>
      </c>
      <c r="U235" s="124">
        <v>0.16758527170616466</v>
      </c>
      <c r="V235" s="95">
        <v>2.5461615961882039E-2</v>
      </c>
      <c r="W235" s="124">
        <v>0.15877489838725578</v>
      </c>
      <c r="X235" s="95">
        <v>2.492316396375828E-2</v>
      </c>
      <c r="Y235" s="124">
        <v>0.64822801726052437</v>
      </c>
      <c r="Z235" s="95">
        <v>3.2449461975936796E-2</v>
      </c>
      <c r="AA235" s="124">
        <v>2.5411812646056822E-2</v>
      </c>
      <c r="AB235" s="95">
        <v>1.1127766218156403E-2</v>
      </c>
    </row>
    <row r="236" spans="1:28">
      <c r="A236" s="43" t="s">
        <v>583</v>
      </c>
      <c r="B236" s="51">
        <v>1501</v>
      </c>
      <c r="C236" s="163">
        <v>0.22120108182060097</v>
      </c>
      <c r="D236" s="92">
        <v>2.1423357370863198E-2</v>
      </c>
      <c r="E236" s="163">
        <v>0.23336340496882305</v>
      </c>
      <c r="F236" s="92">
        <v>2.1828832041262389E-2</v>
      </c>
      <c r="G236" s="163">
        <v>0.42490306271473327</v>
      </c>
      <c r="H236" s="92">
        <v>2.5486124834163754E-2</v>
      </c>
      <c r="I236" s="163">
        <v>0.12053245049584206</v>
      </c>
      <c r="J236" s="92">
        <v>1.6845499762858981E-2</v>
      </c>
      <c r="K236" s="51">
        <v>1499</v>
      </c>
      <c r="L236" s="121">
        <v>0.24696879011960948</v>
      </c>
      <c r="M236" s="92">
        <v>2.2267683612520867E-2</v>
      </c>
      <c r="N236" s="121">
        <v>0.20552510696513474</v>
      </c>
      <c r="O236" s="121">
        <v>2.0875417456658895E-2</v>
      </c>
      <c r="P236" s="121">
        <v>0.47937454340131858</v>
      </c>
      <c r="Q236" s="92">
        <v>2.5772269048205836E-2</v>
      </c>
      <c r="R236" s="121">
        <v>6.8131559513937165E-2</v>
      </c>
      <c r="S236" s="92">
        <v>1.3099858602529723E-2</v>
      </c>
      <c r="T236" s="122">
        <v>1503</v>
      </c>
      <c r="U236" s="121">
        <v>0.17285102134622041</v>
      </c>
      <c r="V236" s="92">
        <v>1.9519166773687046E-2</v>
      </c>
      <c r="W236" s="121">
        <v>0.16386587701533017</v>
      </c>
      <c r="X236" s="92">
        <v>1.9111855922147595E-2</v>
      </c>
      <c r="Y236" s="121">
        <v>0.64655160120458688</v>
      </c>
      <c r="Z236" s="92">
        <v>2.4634635593869591E-2</v>
      </c>
      <c r="AA236" s="121">
        <v>1.6731500433862141E-2</v>
      </c>
      <c r="AB236" s="92">
        <v>6.8522598317851029E-3</v>
      </c>
    </row>
    <row r="237" spans="1:28">
      <c r="A237" s="47" t="s">
        <v>572</v>
      </c>
      <c r="B237" s="47">
        <v>291</v>
      </c>
      <c r="C237" s="162">
        <v>0.25409281532660566</v>
      </c>
      <c r="D237" s="95">
        <v>5.0911476839958815E-2</v>
      </c>
      <c r="E237" s="162">
        <v>0.1765262085711887</v>
      </c>
      <c r="F237" s="95">
        <v>4.4824786696685243E-2</v>
      </c>
      <c r="G237" s="162">
        <v>0.53488309288000602</v>
      </c>
      <c r="H237" s="95">
        <v>5.8084210625584061E-2</v>
      </c>
      <c r="I237" s="162">
        <v>3.4497883222199335E-2</v>
      </c>
      <c r="J237" s="95">
        <v>2.3038461132359963E-2</v>
      </c>
      <c r="K237" s="47">
        <v>288</v>
      </c>
      <c r="L237" s="124">
        <v>0.23064266739789602</v>
      </c>
      <c r="M237" s="95">
        <v>4.957639409926818E-2</v>
      </c>
      <c r="N237" s="124">
        <v>0.14597759408647162</v>
      </c>
      <c r="O237" s="124">
        <v>4.188673032973262E-2</v>
      </c>
      <c r="P237" s="124">
        <v>0.56958853160434264</v>
      </c>
      <c r="Q237" s="95">
        <v>5.7966594126655849E-2</v>
      </c>
      <c r="R237" s="124">
        <v>5.3791206911289129E-2</v>
      </c>
      <c r="S237" s="95">
        <v>2.777483045920404E-2</v>
      </c>
      <c r="T237" s="47">
        <v>290</v>
      </c>
      <c r="U237" s="124">
        <v>0.19438404128024314</v>
      </c>
      <c r="V237" s="95">
        <v>4.6528920623089769E-2</v>
      </c>
      <c r="W237" s="124">
        <v>0.19857715718889057</v>
      </c>
      <c r="X237" s="95">
        <v>4.6889610770809095E-2</v>
      </c>
      <c r="Y237" s="124">
        <v>0.59151386647566284</v>
      </c>
      <c r="Z237" s="95">
        <v>5.7362855954947028E-2</v>
      </c>
      <c r="AA237" s="124">
        <v>1.5524935055203172E-2</v>
      </c>
      <c r="AB237" s="95">
        <v>1.7153685448898559E-2</v>
      </c>
    </row>
    <row r="238" spans="1:28">
      <c r="A238" s="43" t="s">
        <v>573</v>
      </c>
      <c r="B238" s="160">
        <v>446</v>
      </c>
      <c r="C238" s="163">
        <v>0.29053764826128814</v>
      </c>
      <c r="D238" s="92">
        <v>4.2885070935373824E-2</v>
      </c>
      <c r="E238" s="163">
        <v>0.22510892374416006</v>
      </c>
      <c r="F238" s="92">
        <v>3.9527465021678788E-2</v>
      </c>
      <c r="G238" s="163">
        <v>0.36536054240547444</v>
      </c>
      <c r="H238" s="92">
        <v>4.5430587429601911E-2</v>
      </c>
      <c r="I238" s="163">
        <v>0.11899288558907832</v>
      </c>
      <c r="J238" s="92">
        <v>3.0898089866349069E-2</v>
      </c>
      <c r="K238" s="122">
        <v>448</v>
      </c>
      <c r="L238" s="121">
        <v>0.3028001266886457</v>
      </c>
      <c r="M238" s="92">
        <v>4.3293344330107716E-2</v>
      </c>
      <c r="N238" s="121">
        <v>0.19786216299196988</v>
      </c>
      <c r="O238" s="121">
        <v>3.7666595404055397E-2</v>
      </c>
      <c r="P238" s="121">
        <v>0.44884291263052689</v>
      </c>
      <c r="Q238" s="92">
        <v>4.6793565370082869E-2</v>
      </c>
      <c r="R238" s="121">
        <v>5.049479768885843E-2</v>
      </c>
      <c r="S238" s="92">
        <v>2.1349481896094424E-2</v>
      </c>
      <c r="T238" s="122">
        <v>447</v>
      </c>
      <c r="U238" s="121">
        <v>0.21118722526283637</v>
      </c>
      <c r="V238" s="92">
        <v>3.8607723713241705E-2</v>
      </c>
      <c r="W238" s="121">
        <v>0.17422027907985857</v>
      </c>
      <c r="X238" s="92">
        <v>3.5952893535647575E-2</v>
      </c>
      <c r="Y238" s="121">
        <v>0.60468475023671553</v>
      </c>
      <c r="Z238" s="92">
        <v>4.6063162445777642E-2</v>
      </c>
      <c r="AA238" s="121">
        <v>9.9077454205907002E-3</v>
      </c>
      <c r="AB238" s="92">
        <v>1.1163478612339496E-2</v>
      </c>
    </row>
    <row r="239" spans="1:28">
      <c r="A239" s="47" t="s">
        <v>574</v>
      </c>
      <c r="B239" s="161">
        <v>675</v>
      </c>
      <c r="C239" s="162">
        <v>0.24900904733298623</v>
      </c>
      <c r="D239" s="95">
        <v>3.3256585537936513E-2</v>
      </c>
      <c r="E239" s="162">
        <v>0.25235917326122104</v>
      </c>
      <c r="F239" s="95">
        <v>3.3402480426387417E-2</v>
      </c>
      <c r="G239" s="162">
        <v>0.3604152082940637</v>
      </c>
      <c r="H239" s="95">
        <v>3.6868989077310309E-2</v>
      </c>
      <c r="I239" s="162">
        <v>0.1382165711117273</v>
      </c>
      <c r="J239" s="95">
        <v>2.6659951715587896E-2</v>
      </c>
      <c r="K239" s="125">
        <v>676</v>
      </c>
      <c r="L239" s="124">
        <v>0.23364314432993097</v>
      </c>
      <c r="M239" s="95">
        <v>3.2529283556947085E-2</v>
      </c>
      <c r="N239" s="124">
        <v>0.24114623035065674</v>
      </c>
      <c r="O239" s="124">
        <v>3.2879522033758782E-2</v>
      </c>
      <c r="P239" s="124">
        <v>0.44426171593032782</v>
      </c>
      <c r="Q239" s="95">
        <v>3.8112039649603205E-2</v>
      </c>
      <c r="R239" s="124">
        <v>8.0948909389082557E-2</v>
      </c>
      <c r="S239" s="95">
        <v>2.1207106807501298E-2</v>
      </c>
      <c r="T239" s="47">
        <v>676</v>
      </c>
      <c r="U239" s="124">
        <v>0.14140206658788559</v>
      </c>
      <c r="V239" s="95">
        <v>2.68893074382421E-2</v>
      </c>
      <c r="W239" s="124">
        <v>0.16759296415807817</v>
      </c>
      <c r="X239" s="95">
        <v>2.8779248420919116E-2</v>
      </c>
      <c r="Y239" s="124">
        <v>0.66681734718071928</v>
      </c>
      <c r="Z239" s="95">
        <v>3.6177535955567004E-2</v>
      </c>
      <c r="AA239" s="124">
        <v>2.418762207331621E-2</v>
      </c>
      <c r="AB239" s="95">
        <v>1.2428204696895481E-2</v>
      </c>
    </row>
    <row r="240" spans="1:28">
      <c r="A240" s="43" t="s">
        <v>575</v>
      </c>
      <c r="B240" s="81">
        <v>924</v>
      </c>
      <c r="C240" s="163">
        <v>0.19041907024995072</v>
      </c>
      <c r="D240" s="92">
        <v>2.5846369487755358E-2</v>
      </c>
      <c r="E240" s="163">
        <v>0.24095349151778944</v>
      </c>
      <c r="F240" s="92">
        <v>2.812166852902008E-2</v>
      </c>
      <c r="G240" s="163">
        <v>0.41947176973600281</v>
      </c>
      <c r="H240" s="92">
        <v>3.2401773782179996E-2</v>
      </c>
      <c r="I240" s="163">
        <v>0.14915566849625286</v>
      </c>
      <c r="J240" s="92">
        <v>2.3485790261268864E-2</v>
      </c>
      <c r="K240" s="81">
        <v>924</v>
      </c>
      <c r="L240" s="96">
        <v>0.21915691223997144</v>
      </c>
      <c r="M240" s="92">
        <v>2.721289255720577E-2</v>
      </c>
      <c r="N240" s="96">
        <v>0.19571214959351108</v>
      </c>
      <c r="O240" s="96">
        <v>2.6113593281197046E-2</v>
      </c>
      <c r="P240" s="96">
        <v>0.50129358670565993</v>
      </c>
      <c r="Q240" s="92">
        <v>3.2826499297896876E-2</v>
      </c>
      <c r="R240" s="121">
        <v>8.3837351460853582E-2</v>
      </c>
      <c r="S240" s="92">
        <v>1.8370992538120322E-2</v>
      </c>
      <c r="T240" s="122">
        <v>929</v>
      </c>
      <c r="U240" s="121">
        <v>0.1488162117757395</v>
      </c>
      <c r="V240" s="92">
        <v>2.340062314837069E-2</v>
      </c>
      <c r="W240" s="121">
        <v>0.13018066777198956</v>
      </c>
      <c r="X240" s="92">
        <v>2.2146723961435296E-2</v>
      </c>
      <c r="Y240" s="121">
        <v>0.69632462568708464</v>
      </c>
      <c r="Z240" s="92">
        <v>3.0132712713632794E-2</v>
      </c>
      <c r="AA240" s="121">
        <v>2.4678494765183436E-2</v>
      </c>
      <c r="AB240" s="92">
        <v>1.0558377146997108E-2</v>
      </c>
    </row>
    <row r="241" spans="1:28">
      <c r="A241" s="47" t="s">
        <v>576</v>
      </c>
      <c r="B241" s="161">
        <v>754</v>
      </c>
      <c r="C241" s="162">
        <v>0.28297426056065905</v>
      </c>
      <c r="D241" s="95">
        <v>3.2761681736933591E-2</v>
      </c>
      <c r="E241" s="162">
        <v>0.19763305844642592</v>
      </c>
      <c r="F241" s="95">
        <v>2.9015199588237565E-2</v>
      </c>
      <c r="G241" s="162">
        <v>0.39763366776542353</v>
      </c>
      <c r="H241" s="95">
        <v>3.5560453347298869E-2</v>
      </c>
      <c r="I241" s="162">
        <v>0.12175901322749111</v>
      </c>
      <c r="J241" s="95">
        <v>2.3921563329167613E-2</v>
      </c>
      <c r="K241" s="125">
        <v>749</v>
      </c>
      <c r="L241" s="124">
        <v>0.26938020368298093</v>
      </c>
      <c r="M241" s="95">
        <v>3.2380380369365303E-2</v>
      </c>
      <c r="N241" s="124">
        <v>0.17596562269155958</v>
      </c>
      <c r="O241" s="124">
        <v>2.7859854070328035E-2</v>
      </c>
      <c r="P241" s="124">
        <v>0.49216504726229826</v>
      </c>
      <c r="Q241" s="95">
        <v>3.6437598896656841E-2</v>
      </c>
      <c r="R241" s="124">
        <v>6.2489126363161146E-2</v>
      </c>
      <c r="S241" s="95">
        <v>1.7943761585287977E-2</v>
      </c>
      <c r="T241" s="47">
        <v>751</v>
      </c>
      <c r="U241" s="124">
        <v>0.18402298305680539</v>
      </c>
      <c r="V241" s="95">
        <v>2.8304273445652166E-2</v>
      </c>
      <c r="W241" s="124">
        <v>0.16192137342230731</v>
      </c>
      <c r="X241" s="95">
        <v>2.6932412808108382E-2</v>
      </c>
      <c r="Y241" s="124">
        <v>0.63941128294788252</v>
      </c>
      <c r="Z241" s="95">
        <v>3.496601095422619E-2</v>
      </c>
      <c r="AA241" s="124">
        <v>1.4644360573004535E-2</v>
      </c>
      <c r="AB241" s="95">
        <v>9.4677977907908894E-3</v>
      </c>
    </row>
    <row r="242" spans="1:28">
      <c r="A242" s="55" t="s">
        <v>577</v>
      </c>
      <c r="B242" s="160">
        <v>762</v>
      </c>
      <c r="C242" s="163">
        <v>0.19672651371753569</v>
      </c>
      <c r="D242" s="92">
        <v>2.881318751760217E-2</v>
      </c>
      <c r="E242" s="163">
        <v>0.24155341012135401</v>
      </c>
      <c r="F242" s="92">
        <v>3.0989017926300825E-2</v>
      </c>
      <c r="G242" s="163">
        <v>0.42356182495264977</v>
      </c>
      <c r="H242" s="92">
        <v>3.5711205094726209E-2</v>
      </c>
      <c r="I242" s="163">
        <v>0.1381582512084566</v>
      </c>
      <c r="J242" s="92">
        <v>2.5077882652803331E-2</v>
      </c>
      <c r="K242" s="122">
        <v>767</v>
      </c>
      <c r="L242" s="121">
        <v>0.22365290383665176</v>
      </c>
      <c r="M242" s="92">
        <v>3.0081827760639626E-2</v>
      </c>
      <c r="N242" s="121">
        <v>0.21879100064634371</v>
      </c>
      <c r="O242" s="121">
        <v>2.9849592644734645E-2</v>
      </c>
      <c r="P242" s="121">
        <v>0.46995720756340609</v>
      </c>
      <c r="Q242" s="92">
        <v>3.5949725055591415E-2</v>
      </c>
      <c r="R242" s="121">
        <v>8.759888795359444E-2</v>
      </c>
      <c r="S242" s="92">
        <v>2.0586152881663954E-2</v>
      </c>
      <c r="T242" s="122">
        <v>769</v>
      </c>
      <c r="U242" s="121">
        <v>0.16602654478839043</v>
      </c>
      <c r="V242" s="92">
        <v>2.6878393798755604E-2</v>
      </c>
      <c r="W242" s="121">
        <v>0.17340119553113825</v>
      </c>
      <c r="X242" s="92">
        <v>2.733854544696597E-2</v>
      </c>
      <c r="Y242" s="121">
        <v>0.63322555398855229</v>
      </c>
      <c r="Z242" s="92">
        <v>3.4680889863241408E-2</v>
      </c>
      <c r="AA242" s="121">
        <v>2.7346705691916915E-2</v>
      </c>
      <c r="AB242" s="92">
        <v>1.2229991805671395E-2</v>
      </c>
    </row>
    <row r="243" spans="1:28">
      <c r="A243" s="47" t="s">
        <v>578</v>
      </c>
      <c r="B243" s="161">
        <v>252</v>
      </c>
      <c r="C243" s="162">
        <v>0.25132593004414722</v>
      </c>
      <c r="D243" s="95">
        <v>5.4497501641903048E-2</v>
      </c>
      <c r="E243" s="162">
        <v>0.25567814702781611</v>
      </c>
      <c r="F243" s="95">
        <v>5.4794740584739071E-2</v>
      </c>
      <c r="G243" s="162">
        <v>0.41014471114115592</v>
      </c>
      <c r="H243" s="95">
        <v>6.151427267481583E-2</v>
      </c>
      <c r="I243" s="162">
        <v>8.2851211786880694E-2</v>
      </c>
      <c r="J243" s="95">
        <v>3.5659482118439424E-2</v>
      </c>
      <c r="K243" s="125">
        <v>254</v>
      </c>
      <c r="L243" s="124">
        <v>0.26963519670458302</v>
      </c>
      <c r="M243" s="95">
        <v>5.5484451212845287E-2</v>
      </c>
      <c r="N243" s="124">
        <v>0.19108631617983471</v>
      </c>
      <c r="O243" s="124">
        <v>4.9416501546672709E-2</v>
      </c>
      <c r="P243" s="124">
        <v>0.48104348908960048</v>
      </c>
      <c r="Q243" s="95">
        <v>6.2213897962685304E-2</v>
      </c>
      <c r="R243" s="124">
        <v>5.8234998025981664E-2</v>
      </c>
      <c r="S243" s="95">
        <v>3.0714522469590385E-2</v>
      </c>
      <c r="T243" s="47">
        <v>255</v>
      </c>
      <c r="U243" s="124">
        <v>0.18395865775120859</v>
      </c>
      <c r="V243" s="95">
        <v>4.863848336693747E-2</v>
      </c>
      <c r="W243" s="124">
        <v>0.15784421639416829</v>
      </c>
      <c r="X243" s="95">
        <v>4.5917094342694323E-2</v>
      </c>
      <c r="Y243" s="124">
        <v>0.64442941184678959</v>
      </c>
      <c r="Z243" s="95">
        <v>5.9571117019558209E-2</v>
      </c>
      <c r="AA243" s="124">
        <v>1.3767714007833816E-2</v>
      </c>
      <c r="AB243" s="95">
        <v>1.7933544530536243E-2</v>
      </c>
    </row>
    <row r="244" spans="1:28">
      <c r="A244" s="55" t="s">
        <v>579</v>
      </c>
      <c r="B244" s="160">
        <v>220</v>
      </c>
      <c r="C244" s="163">
        <v>0.24959565365485617</v>
      </c>
      <c r="D244" s="92">
        <v>5.8174159416027091E-2</v>
      </c>
      <c r="E244" s="163">
        <v>0.2465986596466298</v>
      </c>
      <c r="F244" s="92">
        <v>5.7950190916418592E-2</v>
      </c>
      <c r="G244" s="163">
        <v>0.44011903111319406</v>
      </c>
      <c r="H244" s="92">
        <v>6.635149744750643E-2</v>
      </c>
      <c r="I244" s="163">
        <v>6.3686655585320467E-2</v>
      </c>
      <c r="J244" s="92">
        <v>3.4426128413547856E-2</v>
      </c>
      <c r="K244" s="122">
        <v>220</v>
      </c>
      <c r="L244" s="121">
        <v>0.24884124295506413</v>
      </c>
      <c r="M244" s="92">
        <v>5.8118113514508789E-2</v>
      </c>
      <c r="N244" s="121">
        <v>0.20627030785858383</v>
      </c>
      <c r="O244" s="121">
        <v>5.4572475116388471E-2</v>
      </c>
      <c r="P244" s="121">
        <v>0.51280662884122497</v>
      </c>
      <c r="Q244" s="92">
        <v>6.679416616012715E-2</v>
      </c>
      <c r="R244" s="121">
        <v>3.2081820345127576E-2</v>
      </c>
      <c r="S244" s="92">
        <v>2.6322963408738312E-2</v>
      </c>
      <c r="T244" s="122">
        <v>220</v>
      </c>
      <c r="U244" s="121">
        <v>0.13972000376640223</v>
      </c>
      <c r="V244" s="92">
        <v>4.7206368291089595E-2</v>
      </c>
      <c r="W244" s="121">
        <v>0.18009381422763227</v>
      </c>
      <c r="X244" s="92">
        <v>5.1975680651176089E-2</v>
      </c>
      <c r="Y244" s="121">
        <v>0.67010088158962589</v>
      </c>
      <c r="Z244" s="92">
        <v>6.2975311459543812E-2</v>
      </c>
      <c r="AA244" s="121">
        <v>1.0085300416340098E-2</v>
      </c>
      <c r="AB244" s="92">
        <v>1.8165443071551289E-2</v>
      </c>
    </row>
    <row r="245" spans="1:28">
      <c r="A245" s="47" t="s">
        <v>580</v>
      </c>
      <c r="B245" s="161">
        <v>223</v>
      </c>
      <c r="C245" s="162">
        <v>0.22493856415298963</v>
      </c>
      <c r="D245" s="95">
        <v>5.5844987358508368E-2</v>
      </c>
      <c r="E245" s="162">
        <v>0.20099562981134003</v>
      </c>
      <c r="F245" s="95">
        <v>5.3711484837763779E-2</v>
      </c>
      <c r="G245" s="162">
        <v>0.48066328208901138</v>
      </c>
      <c r="H245" s="95">
        <v>6.632441330146345E-2</v>
      </c>
      <c r="I245" s="162">
        <v>9.340252394665885E-2</v>
      </c>
      <c r="J245" s="95">
        <v>3.9923598397680407E-2</v>
      </c>
      <c r="K245" s="125">
        <v>221</v>
      </c>
      <c r="L245" s="124">
        <v>0.19405056068491885</v>
      </c>
      <c r="M245" s="95">
        <v>5.3282231626926163E-2</v>
      </c>
      <c r="N245" s="124">
        <v>0.18164363734920078</v>
      </c>
      <c r="O245" s="124">
        <v>5.2020641642088424E-2</v>
      </c>
      <c r="P245" s="124">
        <v>0.55160420773375973</v>
      </c>
      <c r="Q245" s="95">
        <v>6.6323228489530303E-2</v>
      </c>
      <c r="R245" s="124">
        <v>7.2701594232120789E-2</v>
      </c>
      <c r="S245" s="95">
        <v>3.6233867489704051E-2</v>
      </c>
      <c r="T245" s="47">
        <v>221</v>
      </c>
      <c r="U245" s="124">
        <v>0.12755931668335296</v>
      </c>
      <c r="V245" s="95">
        <v>4.5446150209083373E-2</v>
      </c>
      <c r="W245" s="124">
        <v>0.11877456041034731</v>
      </c>
      <c r="X245" s="95">
        <v>4.4179154777614887E-2</v>
      </c>
      <c r="Y245" s="124">
        <v>0.73189103277127943</v>
      </c>
      <c r="Z245" s="95">
        <v>5.9347788318843728E-2</v>
      </c>
      <c r="AA245" s="124">
        <v>2.1775090135020454E-2</v>
      </c>
      <c r="AB245" s="95">
        <v>2.2846415785732797E-2</v>
      </c>
    </row>
    <row r="246" spans="1:28">
      <c r="A246" s="55" t="s">
        <v>581</v>
      </c>
      <c r="B246" s="160">
        <v>121</v>
      </c>
      <c r="C246" s="163">
        <v>0.22289952344460623</v>
      </c>
      <c r="D246" s="92">
        <v>7.5482642779245698E-2</v>
      </c>
      <c r="E246" s="163">
        <v>0.28049029348445792</v>
      </c>
      <c r="F246" s="92">
        <v>8.096418102370484E-2</v>
      </c>
      <c r="G246" s="163">
        <v>0.35565795695494407</v>
      </c>
      <c r="H246" s="92">
        <v>8.5879442192537112E-2</v>
      </c>
      <c r="I246" s="163">
        <v>0.14095222611599237</v>
      </c>
      <c r="J246" s="92">
        <v>6.4300112907969553E-2</v>
      </c>
      <c r="K246" s="122">
        <v>121</v>
      </c>
      <c r="L246" s="121">
        <v>0.2592783274516865</v>
      </c>
      <c r="M246" s="92">
        <v>7.9135800612030682E-2</v>
      </c>
      <c r="N246" s="121">
        <v>0.20179018060182291</v>
      </c>
      <c r="O246" s="121">
        <v>7.3030689962722814E-2</v>
      </c>
      <c r="P246" s="121">
        <v>0.47646720579933272</v>
      </c>
      <c r="Q246" s="92">
        <v>8.9349844226384367E-2</v>
      </c>
      <c r="R246" s="121">
        <v>6.2464286147158418E-2</v>
      </c>
      <c r="S246" s="92">
        <v>4.753725853593356E-2</v>
      </c>
      <c r="T246" s="122">
        <v>122</v>
      </c>
      <c r="U246" s="121">
        <v>0.18932417561067943</v>
      </c>
      <c r="V246" s="92">
        <v>7.1160779055084555E-2</v>
      </c>
      <c r="W246" s="121">
        <v>0.14616422253356073</v>
      </c>
      <c r="X246" s="92">
        <v>6.4886532439240932E-2</v>
      </c>
      <c r="Y246" s="121">
        <v>0.62934572504717212</v>
      </c>
      <c r="Z246" s="92">
        <v>8.6247165078013208E-2</v>
      </c>
      <c r="AA246" s="121">
        <v>3.5165876808588362E-2</v>
      </c>
      <c r="AB246" s="92">
        <v>3.8803640015898991E-2</v>
      </c>
    </row>
    <row r="247" spans="1:28">
      <c r="A247" s="47" t="s">
        <v>584</v>
      </c>
      <c r="B247" s="161">
        <v>116</v>
      </c>
      <c r="C247" s="162">
        <v>0.22348502823721486</v>
      </c>
      <c r="D247" s="95">
        <v>7.7147452515213669E-2</v>
      </c>
      <c r="E247" s="162">
        <v>0.13440263533068358</v>
      </c>
      <c r="F247" s="95">
        <v>6.457574788494562E-2</v>
      </c>
      <c r="G247" s="162">
        <v>0.60785859180339219</v>
      </c>
      <c r="H247" s="95">
        <v>8.9280300765807674E-2</v>
      </c>
      <c r="I247" s="162">
        <v>3.4253744628709622E-2</v>
      </c>
      <c r="J247" s="95">
        <v>3.9707559657151704E-2</v>
      </c>
      <c r="K247" s="125">
        <v>114</v>
      </c>
      <c r="L247" s="124">
        <v>0.24304157504763801</v>
      </c>
      <c r="M247" s="95">
        <v>7.99094711205941E-2</v>
      </c>
      <c r="N247" s="124">
        <v>0.10893645635345192</v>
      </c>
      <c r="O247" s="124">
        <v>6.0299185041964021E-2</v>
      </c>
      <c r="P247" s="124">
        <v>0.61509983789334088</v>
      </c>
      <c r="Q247" s="95">
        <v>8.9752007064310635E-2</v>
      </c>
      <c r="R247" s="124">
        <v>3.2922130705569305E-2</v>
      </c>
      <c r="S247" s="95">
        <v>3.9650251288962671E-2</v>
      </c>
      <c r="T247" s="47">
        <v>113</v>
      </c>
      <c r="U247" s="124">
        <v>0.1800761169330331</v>
      </c>
      <c r="V247" s="95">
        <v>7.2684179847767177E-2</v>
      </c>
      <c r="W247" s="124">
        <v>0.19021913001157731</v>
      </c>
      <c r="X247" s="95">
        <v>7.4072106566221652E-2</v>
      </c>
      <c r="Y247" s="124">
        <v>0.59815823834424775</v>
      </c>
      <c r="Z247" s="95">
        <v>9.0773034276464423E-2</v>
      </c>
      <c r="AA247" s="124">
        <v>3.1546514711141845E-2</v>
      </c>
      <c r="AB247" s="95">
        <v>3.9353698717185262E-2</v>
      </c>
    </row>
    <row r="248" spans="1:28">
      <c r="A248" s="55" t="s">
        <v>585</v>
      </c>
      <c r="B248" s="160">
        <v>2245</v>
      </c>
      <c r="C248" s="163">
        <v>0.24365329672683919</v>
      </c>
      <c r="D248" s="92">
        <v>1.8115773729527621E-2</v>
      </c>
      <c r="E248" s="163">
        <v>0.2436854801860768</v>
      </c>
      <c r="F248" s="92">
        <v>1.8116580761890294E-2</v>
      </c>
      <c r="G248" s="163">
        <v>0.38444134683586279</v>
      </c>
      <c r="H248" s="92">
        <v>2.0517695373736797E-2</v>
      </c>
      <c r="I248" s="163">
        <v>0.12821987625121911</v>
      </c>
      <c r="J248" s="92">
        <v>1.4130860897248658E-2</v>
      </c>
      <c r="K248" s="122">
        <v>2247</v>
      </c>
      <c r="L248" s="121">
        <v>0.24724158530320722</v>
      </c>
      <c r="M248" s="92">
        <v>1.8196813067794859E-2</v>
      </c>
      <c r="N248" s="121">
        <v>0.21009149395741922</v>
      </c>
      <c r="O248" s="121">
        <v>1.7187987371960173E-2</v>
      </c>
      <c r="P248" s="121">
        <v>0.46772956660601667</v>
      </c>
      <c r="Q248" s="92">
        <v>2.1033379445068324E-2</v>
      </c>
      <c r="R248" s="121">
        <v>7.4937354133354284E-2</v>
      </c>
      <c r="S248" s="92">
        <v>1.1150065012477227E-2</v>
      </c>
      <c r="T248" s="122">
        <v>2253</v>
      </c>
      <c r="U248" s="121">
        <v>0.16983737002473986</v>
      </c>
      <c r="V248" s="92">
        <v>1.5829098068883645E-2</v>
      </c>
      <c r="W248" s="121">
        <v>0.15760224071166354</v>
      </c>
      <c r="X248" s="92">
        <v>1.5363211691198905E-2</v>
      </c>
      <c r="Y248" s="121">
        <v>0.65548360839718645</v>
      </c>
      <c r="Z248" s="92">
        <v>2.0009322643145151E-2</v>
      </c>
      <c r="AA248" s="121">
        <v>1.7076780866406599E-2</v>
      </c>
      <c r="AB248" s="92">
        <v>5.5867220994830092E-3</v>
      </c>
    </row>
    <row r="249" spans="1:28">
      <c r="A249" s="47" t="s">
        <v>620</v>
      </c>
      <c r="B249" s="161">
        <v>155</v>
      </c>
      <c r="C249" s="162">
        <v>0.20824173093183906</v>
      </c>
      <c r="D249" s="95">
        <v>6.5224556840578318E-2</v>
      </c>
      <c r="E249" s="162">
        <v>0.2302552574097386</v>
      </c>
      <c r="F249" s="95">
        <v>6.7451863317824559E-2</v>
      </c>
      <c r="G249" s="162">
        <v>0.44915483830115982</v>
      </c>
      <c r="H249" s="95">
        <v>7.8914523914303203E-2</v>
      </c>
      <c r="I249" s="162">
        <v>0.11234817335726292</v>
      </c>
      <c r="J249" s="95">
        <v>5.1929295876212873E-2</v>
      </c>
      <c r="K249" s="125">
        <v>156</v>
      </c>
      <c r="L249" s="124">
        <v>0.240547541246386</v>
      </c>
      <c r="M249" s="95">
        <v>6.8192398463446463E-2</v>
      </c>
      <c r="N249" s="124">
        <v>0.19570166060997465</v>
      </c>
      <c r="O249" s="124">
        <v>6.3634605598615154E-2</v>
      </c>
      <c r="P249" s="124">
        <v>0.53722731199638485</v>
      </c>
      <c r="Q249" s="95">
        <v>7.8848359955831296E-2</v>
      </c>
      <c r="R249" s="124">
        <v>2.6523486147254961E-2</v>
      </c>
      <c r="S249" s="95">
        <v>3.0368107770582048E-2</v>
      </c>
      <c r="T249" s="47">
        <v>156</v>
      </c>
      <c r="U249" s="124">
        <v>0.1932806988143724</v>
      </c>
      <c r="V249" s="95">
        <v>6.335777553112866E-2</v>
      </c>
      <c r="W249" s="124">
        <v>0.15702738923680293</v>
      </c>
      <c r="X249" s="95">
        <v>5.8774522535412634E-2</v>
      </c>
      <c r="Y249" s="124">
        <v>0.6386257409518703</v>
      </c>
      <c r="Z249" s="95">
        <v>7.6113689317893682E-2</v>
      </c>
      <c r="AA249" s="124">
        <v>1.1066170996954859E-2</v>
      </c>
      <c r="AB249" s="95">
        <v>2.3846967906258662E-2</v>
      </c>
    </row>
    <row r="250" spans="1:28">
      <c r="A250" s="55" t="s">
        <v>621</v>
      </c>
      <c r="B250" s="160">
        <v>161</v>
      </c>
      <c r="C250" s="163">
        <v>0.23293475904280458</v>
      </c>
      <c r="D250" s="92">
        <v>6.6440653147466833E-2</v>
      </c>
      <c r="E250" s="163">
        <v>0.19778919741819329</v>
      </c>
      <c r="F250" s="92">
        <v>6.2869396784920623E-2</v>
      </c>
      <c r="G250" s="163">
        <v>0.43419503130113185</v>
      </c>
      <c r="H250" s="92">
        <v>7.7205293403981551E-2</v>
      </c>
      <c r="I250" s="163">
        <v>0.135081012237871</v>
      </c>
      <c r="J250" s="92">
        <v>5.4653153914640595E-2</v>
      </c>
      <c r="K250" s="122">
        <v>163</v>
      </c>
      <c r="L250" s="121">
        <v>0.25481691364400894</v>
      </c>
      <c r="M250" s="92">
        <v>6.7943356906026361E-2</v>
      </c>
      <c r="N250" s="121">
        <v>0.21079402916431023</v>
      </c>
      <c r="O250" s="121">
        <v>6.3870871405457816E-2</v>
      </c>
      <c r="P250" s="121">
        <v>0.45435086727737356</v>
      </c>
      <c r="Q250" s="92">
        <v>7.7074469938312767E-2</v>
      </c>
      <c r="R250" s="121">
        <v>8.0038189914308402E-2</v>
      </c>
      <c r="S250" s="92">
        <v>4.4312352938932723E-2</v>
      </c>
      <c r="T250" s="122">
        <v>163</v>
      </c>
      <c r="U250" s="121">
        <v>0.20043144946666996</v>
      </c>
      <c r="V250" s="92">
        <v>6.2771553093801127E-2</v>
      </c>
      <c r="W250" s="121">
        <v>0.14418055270271846</v>
      </c>
      <c r="X250" s="92">
        <v>5.5669020784509214E-2</v>
      </c>
      <c r="Y250" s="121">
        <v>0.63825638687624786</v>
      </c>
      <c r="Z250" s="92">
        <v>7.4510761295403655E-2</v>
      </c>
      <c r="AA250" s="121">
        <v>1.7131610954364891E-2</v>
      </c>
      <c r="AB250" s="92">
        <v>2.583864470890862E-2</v>
      </c>
    </row>
    <row r="251" spans="1:28">
      <c r="A251" s="47" t="s">
        <v>622</v>
      </c>
      <c r="B251" s="161">
        <v>988</v>
      </c>
      <c r="C251" s="162">
        <v>0.23274940627317214</v>
      </c>
      <c r="D251" s="95">
        <v>2.6877256082877814E-2</v>
      </c>
      <c r="E251" s="162">
        <v>0.25207824456819816</v>
      </c>
      <c r="F251" s="95">
        <v>2.760825400228914E-2</v>
      </c>
      <c r="G251" s="162">
        <v>0.37943309833901134</v>
      </c>
      <c r="H251" s="95">
        <v>3.0820801962023855E-2</v>
      </c>
      <c r="I251" s="162">
        <v>0.1357392508196181</v>
      </c>
      <c r="J251" s="95">
        <v>2.1848266778163181E-2</v>
      </c>
      <c r="K251" s="125">
        <v>987</v>
      </c>
      <c r="L251" s="124">
        <v>0.24037739422124171</v>
      </c>
      <c r="M251" s="95">
        <v>2.7188405907571603E-2</v>
      </c>
      <c r="N251" s="124">
        <v>0.20815879117149902</v>
      </c>
      <c r="O251" s="124">
        <v>2.5847092057446414E-2</v>
      </c>
      <c r="P251" s="124">
        <v>0.47353170284436852</v>
      </c>
      <c r="Q251" s="95">
        <v>3.1721866027193651E-2</v>
      </c>
      <c r="R251" s="124">
        <v>7.7932111762891082E-2</v>
      </c>
      <c r="S251" s="95">
        <v>1.7199942333046662E-2</v>
      </c>
      <c r="T251" s="47">
        <v>990</v>
      </c>
      <c r="U251" s="124">
        <v>0.15973461692375948</v>
      </c>
      <c r="V251" s="95">
        <v>2.3320825092034356E-2</v>
      </c>
      <c r="W251" s="124">
        <v>0.15245673302937818</v>
      </c>
      <c r="X251" s="95">
        <v>2.2888395566093026E-2</v>
      </c>
      <c r="Y251" s="124">
        <v>0.66788357659181485</v>
      </c>
      <c r="Z251" s="95">
        <v>2.989192393743683E-2</v>
      </c>
      <c r="AA251" s="124">
        <v>1.9925073455049066E-2</v>
      </c>
      <c r="AB251" s="95">
        <v>9.2754056157268276E-3</v>
      </c>
    </row>
    <row r="252" spans="1:28">
      <c r="A252" s="55" t="s">
        <v>623</v>
      </c>
      <c r="B252" s="160">
        <v>302</v>
      </c>
      <c r="C252" s="163">
        <v>0.26707620052025011</v>
      </c>
      <c r="D252" s="92">
        <v>5.0766107931648E-2</v>
      </c>
      <c r="E252" s="163">
        <v>0.24604773149789691</v>
      </c>
      <c r="F252" s="92">
        <v>4.9465546770703916E-2</v>
      </c>
      <c r="G252" s="163">
        <v>0.31532553067979679</v>
      </c>
      <c r="H252" s="92">
        <v>5.3232887993326351E-2</v>
      </c>
      <c r="I252" s="163">
        <v>0.17155053730205627</v>
      </c>
      <c r="J252" s="92">
        <v>4.3524898439450316E-2</v>
      </c>
      <c r="K252" s="122">
        <v>302</v>
      </c>
      <c r="L252" s="121">
        <v>0.27696509112695689</v>
      </c>
      <c r="M252" s="92">
        <v>5.1328423625267558E-2</v>
      </c>
      <c r="N252" s="121">
        <v>0.21112789834282175</v>
      </c>
      <c r="O252" s="121">
        <v>4.6962684840118764E-2</v>
      </c>
      <c r="P252" s="121">
        <v>0.40017570247301665</v>
      </c>
      <c r="Q252" s="92">
        <v>5.6045491196905176E-2</v>
      </c>
      <c r="R252" s="121">
        <v>0.11173130805720444</v>
      </c>
      <c r="S252" s="92">
        <v>3.6722400946077184E-2</v>
      </c>
      <c r="T252" s="122">
        <v>302</v>
      </c>
      <c r="U252" s="121">
        <v>0.18116370187804173</v>
      </c>
      <c r="V252" s="92">
        <v>4.4425708417679538E-2</v>
      </c>
      <c r="W252" s="121">
        <v>0.15045387887375278</v>
      </c>
      <c r="X252" s="92">
        <v>4.1379946016717239E-2</v>
      </c>
      <c r="Y252" s="121">
        <v>0.65715482830445504</v>
      </c>
      <c r="Z252" s="92">
        <v>5.4346242864422703E-2</v>
      </c>
      <c r="AA252" s="121">
        <v>1.1227590943750063E-2</v>
      </c>
      <c r="AB252" s="92">
        <v>1.5040868977359907E-2</v>
      </c>
    </row>
    <row r="253" spans="1:28">
      <c r="A253" s="47" t="s">
        <v>624</v>
      </c>
      <c r="B253" s="161">
        <v>318</v>
      </c>
      <c r="C253" s="162">
        <v>0.26002640096380242</v>
      </c>
      <c r="D253" s="95">
        <v>4.9070177436556402E-2</v>
      </c>
      <c r="E253" s="162">
        <v>0.26350668988751147</v>
      </c>
      <c r="F253" s="95">
        <v>4.927446595074083E-2</v>
      </c>
      <c r="G253" s="162">
        <v>0.3855343842803432</v>
      </c>
      <c r="H253" s="95">
        <v>5.4284862379086994E-2</v>
      </c>
      <c r="I253" s="162">
        <v>9.0932524868344675E-2</v>
      </c>
      <c r="J253" s="95">
        <v>3.2836012535193762E-2</v>
      </c>
      <c r="K253" s="125">
        <v>319</v>
      </c>
      <c r="L253" s="124">
        <v>0.25871974753866367</v>
      </c>
      <c r="M253" s="95">
        <v>4.8916026865147184E-2</v>
      </c>
      <c r="N253" s="124">
        <v>0.22265173314553685</v>
      </c>
      <c r="O253" s="124">
        <v>4.6549195973531181E-2</v>
      </c>
      <c r="P253" s="124">
        <v>0.49143344117386095</v>
      </c>
      <c r="Q253" s="95">
        <v>5.5633522248860229E-2</v>
      </c>
      <c r="R253" s="124">
        <v>2.7195078141939919E-2</v>
      </c>
      <c r="S253" s="95">
        <v>1.9893813652100793E-2</v>
      </c>
      <c r="T253" s="47">
        <v>319</v>
      </c>
      <c r="U253" s="124">
        <v>0.15815803623559452</v>
      </c>
      <c r="V253" s="95">
        <v>4.1042214187600339E-2</v>
      </c>
      <c r="W253" s="124">
        <v>0.13305638841711531</v>
      </c>
      <c r="X253" s="95">
        <v>3.8334790744758124E-2</v>
      </c>
      <c r="Y253" s="124">
        <v>0.70687663456335359</v>
      </c>
      <c r="Z253" s="95">
        <v>5.0784008779984235E-2</v>
      </c>
      <c r="AA253" s="124">
        <v>1.9089407839376848E-3</v>
      </c>
      <c r="AB253" s="95">
        <v>9.960920002529159E-3</v>
      </c>
    </row>
    <row r="254" spans="1:28">
      <c r="A254" s="55" t="s">
        <v>625</v>
      </c>
      <c r="B254" s="160">
        <v>1184</v>
      </c>
      <c r="C254" s="163">
        <v>0.24115708908966677</v>
      </c>
      <c r="D254" s="92">
        <v>2.4853155537241853E-2</v>
      </c>
      <c r="E254" s="163">
        <v>0.2228484864358522</v>
      </c>
      <c r="F254" s="92">
        <v>2.418387939588499E-2</v>
      </c>
      <c r="G254" s="163">
        <v>0.41906097687029342</v>
      </c>
      <c r="H254" s="92">
        <v>2.8632873880063164E-2</v>
      </c>
      <c r="I254" s="163">
        <v>0.11693344760418709</v>
      </c>
      <c r="J254" s="92">
        <v>1.8734949148850311E-2</v>
      </c>
      <c r="K254" s="122">
        <v>1187</v>
      </c>
      <c r="L254" s="121">
        <v>0.24997571657357853</v>
      </c>
      <c r="M254" s="92">
        <v>2.5121504860501038E-2</v>
      </c>
      <c r="N254" s="121">
        <v>0.18969227020235607</v>
      </c>
      <c r="O254" s="121">
        <v>2.2768488902272094E-2</v>
      </c>
      <c r="P254" s="121">
        <v>0.48332320565179032</v>
      </c>
      <c r="Q254" s="92">
        <v>2.8960365486743876E-2</v>
      </c>
      <c r="R254" s="121">
        <v>7.7008807572274532E-2</v>
      </c>
      <c r="S254" s="92">
        <v>1.5580376574400935E-2</v>
      </c>
      <c r="T254" s="122">
        <v>1189</v>
      </c>
      <c r="U254" s="121">
        <v>0.18175862360956047</v>
      </c>
      <c r="V254" s="92">
        <v>2.2381320293979285E-2</v>
      </c>
      <c r="W254" s="121">
        <v>0.16367885104375562</v>
      </c>
      <c r="X254" s="92">
        <v>2.1482780661045343E-2</v>
      </c>
      <c r="Y254" s="121">
        <v>0.63322296954337187</v>
      </c>
      <c r="Z254" s="92">
        <v>2.7912596039737291E-2</v>
      </c>
      <c r="AA254" s="121">
        <v>2.1339555803312392E-2</v>
      </c>
      <c r="AB254" s="92">
        <v>8.669783468657136E-3</v>
      </c>
    </row>
    <row r="255" spans="1:28">
      <c r="A255" s="47" t="s">
        <v>626</v>
      </c>
      <c r="B255" s="161">
        <v>1176</v>
      </c>
      <c r="C255" s="162">
        <v>0.24071464742221532</v>
      </c>
      <c r="D255" s="95">
        <v>2.4921988285276152E-2</v>
      </c>
      <c r="E255" s="162">
        <v>0.23693933194395408</v>
      </c>
      <c r="F255" s="95">
        <v>2.4788423246830584E-2</v>
      </c>
      <c r="G255" s="162">
        <v>0.41348449101232704</v>
      </c>
      <c r="H255" s="95">
        <v>2.8675018715350407E-2</v>
      </c>
      <c r="I255" s="162">
        <v>0.1088615296215039</v>
      </c>
      <c r="J255" s="95">
        <v>1.8230739045334725E-2</v>
      </c>
      <c r="K255" s="125">
        <v>1173</v>
      </c>
      <c r="L255" s="124">
        <v>0.24119758562482715</v>
      </c>
      <c r="M255" s="95">
        <v>2.4970724538714205E-2</v>
      </c>
      <c r="N255" s="124">
        <v>0.20698432416711385</v>
      </c>
      <c r="O255" s="124">
        <v>2.3660326044609784E-2</v>
      </c>
      <c r="P255" s="124">
        <v>0.49913315927749047</v>
      </c>
      <c r="Q255" s="95">
        <v>2.9148158358987614E-2</v>
      </c>
      <c r="R255" s="124">
        <v>5.268493093056896E-2</v>
      </c>
      <c r="S255" s="95">
        <v>1.3199588476759115E-2</v>
      </c>
      <c r="T255" s="47">
        <v>1176</v>
      </c>
      <c r="U255" s="124">
        <v>0.15153042089446317</v>
      </c>
      <c r="V255" s="95">
        <v>2.094308821052749E-2</v>
      </c>
      <c r="W255" s="124">
        <v>0.16070115983292049</v>
      </c>
      <c r="X255" s="95">
        <v>2.1444091585724703E-2</v>
      </c>
      <c r="Y255" s="124">
        <v>0.67268862659887718</v>
      </c>
      <c r="Z255" s="95">
        <v>2.7332260338745556E-2</v>
      </c>
      <c r="AA255" s="124">
        <v>1.5079792673739528E-2</v>
      </c>
      <c r="AB255" s="95">
        <v>7.46606140913471E-3</v>
      </c>
    </row>
    <row r="256" spans="1:28">
      <c r="A256" s="55" t="s">
        <v>627</v>
      </c>
      <c r="B256" s="160">
        <v>344</v>
      </c>
      <c r="C256" s="163">
        <v>0.2645836570727596</v>
      </c>
      <c r="D256" s="92">
        <v>4.744577861522728E-2</v>
      </c>
      <c r="E256" s="163">
        <v>0.21995441454532039</v>
      </c>
      <c r="F256" s="92">
        <v>4.4639938099979883E-2</v>
      </c>
      <c r="G256" s="163">
        <v>0.41374034984626645</v>
      </c>
      <c r="H256" s="92">
        <v>5.2820378871967479E-2</v>
      </c>
      <c r="I256" s="163">
        <v>0.10172157853565077</v>
      </c>
      <c r="J256" s="92">
        <v>3.3044711881288241E-2</v>
      </c>
      <c r="K256" s="122">
        <v>343</v>
      </c>
      <c r="L256" s="121">
        <v>0.26541884544852179</v>
      </c>
      <c r="M256" s="92">
        <v>4.7561037275264881E-2</v>
      </c>
      <c r="N256" s="121">
        <v>0.20530506291227391</v>
      </c>
      <c r="O256" s="121">
        <v>4.3631354123365079E-2</v>
      </c>
      <c r="P256" s="121">
        <v>0.49043913027904878</v>
      </c>
      <c r="Q256" s="92">
        <v>5.3673222498913979E-2</v>
      </c>
      <c r="R256" s="121">
        <v>3.8836961360152557E-2</v>
      </c>
      <c r="S256" s="92">
        <v>2.2056641198797772E-2</v>
      </c>
      <c r="T256" s="122">
        <v>344</v>
      </c>
      <c r="U256" s="121">
        <v>0.16766470213279416</v>
      </c>
      <c r="V256" s="92">
        <v>4.0411342375647197E-2</v>
      </c>
      <c r="W256" s="121">
        <v>0.13679626932668384</v>
      </c>
      <c r="X256" s="92">
        <v>3.7308622004937536E-2</v>
      </c>
      <c r="Y256" s="121">
        <v>0.68214527193496854</v>
      </c>
      <c r="Z256" s="92">
        <v>5.0009355907360442E-2</v>
      </c>
      <c r="AA256" s="121">
        <v>1.339375660555151E-2</v>
      </c>
      <c r="AB256" s="92">
        <v>1.463204962707503E-2</v>
      </c>
    </row>
    <row r="257" spans="1:28">
      <c r="A257" s="47" t="s">
        <v>628</v>
      </c>
      <c r="B257" s="161">
        <v>832</v>
      </c>
      <c r="C257" s="162">
        <v>0.22640514958824645</v>
      </c>
      <c r="D257" s="95">
        <v>2.9007543298290785E-2</v>
      </c>
      <c r="E257" s="162">
        <v>0.24712180881602369</v>
      </c>
      <c r="F257" s="95">
        <v>2.9885194451458909E-2</v>
      </c>
      <c r="G257" s="162">
        <v>0.41333110335679868</v>
      </c>
      <c r="H257" s="95">
        <v>3.4067215487381355E-2</v>
      </c>
      <c r="I257" s="162">
        <v>0.11314193823893139</v>
      </c>
      <c r="J257" s="95">
        <v>2.2066619330916474E-2</v>
      </c>
      <c r="K257" s="125">
        <v>830</v>
      </c>
      <c r="L257" s="124">
        <v>0.22670688297162314</v>
      </c>
      <c r="M257" s="95">
        <v>2.9055936838551996E-2</v>
      </c>
      <c r="N257" s="124">
        <v>0.20798896536654191</v>
      </c>
      <c r="O257" s="124">
        <v>2.8177710809108879E-2</v>
      </c>
      <c r="P257" s="124">
        <v>0.5043344819994181</v>
      </c>
      <c r="Q257" s="95">
        <v>3.4625879348135276E-2</v>
      </c>
      <c r="R257" s="124">
        <v>6.0969669662416626E-2</v>
      </c>
      <c r="S257" s="95">
        <v>1.683561848447232E-2</v>
      </c>
      <c r="T257" s="47">
        <v>832</v>
      </c>
      <c r="U257" s="124">
        <v>0.14184086660105349</v>
      </c>
      <c r="V257" s="95">
        <v>2.4254101295458217E-2</v>
      </c>
      <c r="W257" s="124">
        <v>0.17505740731718408</v>
      </c>
      <c r="X257" s="95">
        <v>2.6377849080170566E-2</v>
      </c>
      <c r="Y257" s="124">
        <v>0.66700937277504235</v>
      </c>
      <c r="Z257" s="95">
        <v>3.2618876532481168E-2</v>
      </c>
      <c r="AA257" s="124">
        <v>1.6092353306719039E-2</v>
      </c>
      <c r="AB257" s="95">
        <v>9.2980569679295272E-3</v>
      </c>
    </row>
    <row r="258" spans="1:28">
      <c r="A258" s="55" t="s">
        <v>629</v>
      </c>
      <c r="B258" s="160">
        <v>216</v>
      </c>
      <c r="C258" s="163">
        <v>0.26997301573545712</v>
      </c>
      <c r="D258" s="92">
        <v>6.0150445107774682E-2</v>
      </c>
      <c r="E258" s="163">
        <v>0.26480586862189598</v>
      </c>
      <c r="F258" s="92">
        <v>5.9799199639260156E-2</v>
      </c>
      <c r="G258" s="163">
        <v>0.30181297637806143</v>
      </c>
      <c r="H258" s="92">
        <v>6.2105074245229257E-2</v>
      </c>
      <c r="I258" s="163">
        <v>0.16340813926458547</v>
      </c>
      <c r="J258" s="92">
        <v>5.0594331599717171E-2</v>
      </c>
      <c r="K258" s="122">
        <v>217</v>
      </c>
      <c r="L258" s="121">
        <v>0.31471690524066442</v>
      </c>
      <c r="M258" s="92">
        <v>6.2656376269521891E-2</v>
      </c>
      <c r="N258" s="121">
        <v>0.24146064517350269</v>
      </c>
      <c r="O258" s="121">
        <v>5.7952257828278946E-2</v>
      </c>
      <c r="P258" s="121">
        <v>0.33368643647451124</v>
      </c>
      <c r="Q258" s="92">
        <v>6.3578363880231983E-2</v>
      </c>
      <c r="R258" s="121">
        <v>0.11013601311132185</v>
      </c>
      <c r="S258" s="92">
        <v>4.3272957109330275E-2</v>
      </c>
      <c r="T258" s="122">
        <v>218</v>
      </c>
      <c r="U258" s="121">
        <v>0.22757571762545478</v>
      </c>
      <c r="V258" s="92">
        <v>5.6701419750112073E-2</v>
      </c>
      <c r="W258" s="121">
        <v>0.1286464799513162</v>
      </c>
      <c r="X258" s="92">
        <v>4.5918314891659956E-2</v>
      </c>
      <c r="Y258" s="121">
        <v>0.64070730890482219</v>
      </c>
      <c r="Z258" s="92">
        <v>6.4502040862757432E-2</v>
      </c>
      <c r="AA258" s="121">
        <v>3.0704935184064602E-3</v>
      </c>
      <c r="AB258" s="92">
        <v>1.4630338376194639E-2</v>
      </c>
    </row>
    <row r="259" spans="1:28">
      <c r="A259" s="47" t="s">
        <v>630</v>
      </c>
      <c r="B259" s="161">
        <v>389</v>
      </c>
      <c r="C259" s="162">
        <v>0.21419098218311489</v>
      </c>
      <c r="D259" s="95">
        <v>4.1592666531886612E-2</v>
      </c>
      <c r="E259" s="162">
        <v>0.23867442048902429</v>
      </c>
      <c r="F259" s="95">
        <v>4.3168645642411643E-2</v>
      </c>
      <c r="G259" s="162">
        <v>0.41450012928396096</v>
      </c>
      <c r="H259" s="95">
        <v>4.9715508561899338E-2</v>
      </c>
      <c r="I259" s="162">
        <v>0.13263446804390194</v>
      </c>
      <c r="J259" s="95">
        <v>3.4622766820582865E-2</v>
      </c>
      <c r="K259" s="125">
        <v>391</v>
      </c>
      <c r="L259" s="124">
        <v>0.23459495065080152</v>
      </c>
      <c r="M259" s="95">
        <v>4.2810097710277717E-2</v>
      </c>
      <c r="N259" s="124">
        <v>0.2018077008165341</v>
      </c>
      <c r="O259" s="124">
        <v>4.0612166076843266E-2</v>
      </c>
      <c r="P259" s="124">
        <v>0.49684737719270822</v>
      </c>
      <c r="Q259" s="95">
        <v>5.0314480513437024E-2</v>
      </c>
      <c r="R259" s="124">
        <v>6.6749971339957886E-2</v>
      </c>
      <c r="S259" s="95">
        <v>2.5867588056105277E-2</v>
      </c>
      <c r="T259" s="47">
        <v>389</v>
      </c>
      <c r="U259" s="124">
        <v>0.1390131944893423</v>
      </c>
      <c r="V259" s="95">
        <v>3.5285484565714176E-2</v>
      </c>
      <c r="W259" s="124">
        <v>0.17821579670148954</v>
      </c>
      <c r="X259" s="95">
        <v>3.8884180814790899E-2</v>
      </c>
      <c r="Y259" s="124">
        <v>0.66112669881433006</v>
      </c>
      <c r="Z259" s="95">
        <v>4.7808351733874772E-2</v>
      </c>
      <c r="AA259" s="124">
        <v>2.1644309994839236E-2</v>
      </c>
      <c r="AB259" s="95">
        <v>1.6207976331560865E-2</v>
      </c>
    </row>
    <row r="260" spans="1:28">
      <c r="A260" s="55" t="s">
        <v>631</v>
      </c>
      <c r="B260" s="160">
        <v>55</v>
      </c>
      <c r="C260" s="163">
        <v>0.20839742477576248</v>
      </c>
      <c r="D260" s="92">
        <v>0.10926778473749726</v>
      </c>
      <c r="E260" s="163">
        <v>0.15702564472788944</v>
      </c>
      <c r="F260" s="92">
        <v>0.10009417071230467</v>
      </c>
      <c r="G260" s="163">
        <v>0.4961798977409152</v>
      </c>
      <c r="H260" s="92">
        <v>0.13018560895222567</v>
      </c>
      <c r="I260" s="163">
        <v>0.1383970327554333</v>
      </c>
      <c r="J260" s="92">
        <v>9.6153834852268819E-2</v>
      </c>
      <c r="K260" s="122">
        <v>56</v>
      </c>
      <c r="L260" s="121">
        <v>0.20249227818166066</v>
      </c>
      <c r="M260" s="92">
        <v>0.1073614517618056</v>
      </c>
      <c r="N260" s="121">
        <v>0.12133587695378914</v>
      </c>
      <c r="O260" s="121">
        <v>9.1321560402395488E-2</v>
      </c>
      <c r="P260" s="121">
        <v>0.6211163420629805</v>
      </c>
      <c r="Q260" s="92">
        <v>0.12575678231949455</v>
      </c>
      <c r="R260" s="121">
        <v>5.505550280156999E-2</v>
      </c>
      <c r="S260" s="92">
        <v>7.189865564068669E-2</v>
      </c>
      <c r="T260" s="122">
        <v>56</v>
      </c>
      <c r="U260" s="121">
        <v>0.13777731637882679</v>
      </c>
      <c r="V260" s="92">
        <v>9.5115939520494491E-2</v>
      </c>
      <c r="W260" s="121">
        <v>0.14670016677032272</v>
      </c>
      <c r="X260" s="92">
        <v>9.7045432134938034E-2</v>
      </c>
      <c r="Y260" s="121">
        <v>0.67787433079955495</v>
      </c>
      <c r="Z260" s="92">
        <v>0.12177538716074213</v>
      </c>
      <c r="AA260" s="121">
        <v>3.7648186051295933E-2</v>
      </c>
      <c r="AB260" s="92">
        <v>6.520903556367974E-2</v>
      </c>
    </row>
    <row r="261" spans="1:28">
      <c r="A261" s="47" t="s">
        <v>632</v>
      </c>
      <c r="B261" s="161">
        <v>334</v>
      </c>
      <c r="C261" s="162">
        <v>0.21582148850868965</v>
      </c>
      <c r="D261" s="95">
        <v>4.5003968505464675E-2</v>
      </c>
      <c r="E261" s="162">
        <v>0.26165319432235562</v>
      </c>
      <c r="F261" s="95">
        <v>4.7980203076752818E-2</v>
      </c>
      <c r="G261" s="162">
        <v>0.39151263304002343</v>
      </c>
      <c r="H261" s="95">
        <v>5.3127892041863051E-2</v>
      </c>
      <c r="I261" s="162">
        <v>0.13101268412893405</v>
      </c>
      <c r="J261" s="95">
        <v>3.7218659273894381E-2</v>
      </c>
      <c r="K261" s="125">
        <v>335</v>
      </c>
      <c r="L261" s="124">
        <v>0.24373776333354796</v>
      </c>
      <c r="M261" s="95">
        <v>4.6831180575508884E-2</v>
      </c>
      <c r="N261" s="124">
        <v>0.22472600497090908</v>
      </c>
      <c r="O261" s="124">
        <v>4.5571027450912571E-2</v>
      </c>
      <c r="P261" s="124">
        <v>0.46145568607478482</v>
      </c>
      <c r="Q261" s="95">
        <v>5.4154720872880147E-2</v>
      </c>
      <c r="R261" s="124">
        <v>7.0080545620760534E-2</v>
      </c>
      <c r="S261" s="95">
        <v>2.8637767582778671E-2</v>
      </c>
      <c r="T261" s="47">
        <v>333</v>
      </c>
      <c r="U261" s="124">
        <v>0.13936670698429218</v>
      </c>
      <c r="V261" s="95">
        <v>3.8211141785680289E-2</v>
      </c>
      <c r="W261" s="124">
        <v>0.18723057645370894</v>
      </c>
      <c r="X261" s="95">
        <v>4.282096524267117E-2</v>
      </c>
      <c r="Y261" s="124">
        <v>0.65633618014001627</v>
      </c>
      <c r="Z261" s="95">
        <v>5.1808338553488813E-2</v>
      </c>
      <c r="AA261" s="124">
        <v>1.7066536421984121E-2</v>
      </c>
      <c r="AB261" s="95">
        <v>1.626155078146831E-2</v>
      </c>
    </row>
    <row r="262" spans="1:28">
      <c r="A262" s="55" t="s">
        <v>633</v>
      </c>
      <c r="B262" s="160">
        <v>659</v>
      </c>
      <c r="C262" s="163">
        <v>0.21176414910394212</v>
      </c>
      <c r="D262" s="92">
        <v>3.1829062928621719E-2</v>
      </c>
      <c r="E262" s="163">
        <v>0.24238598459066246</v>
      </c>
      <c r="F262" s="92">
        <v>3.3357462233166144E-2</v>
      </c>
      <c r="G262" s="163">
        <v>0.38461541676114513</v>
      </c>
      <c r="H262" s="92">
        <v>3.7801303187014065E-2</v>
      </c>
      <c r="I262" s="163">
        <v>0.16123444954424812</v>
      </c>
      <c r="J262" s="92">
        <v>2.8709654456482159E-2</v>
      </c>
      <c r="K262" s="122">
        <v>663</v>
      </c>
      <c r="L262" s="121">
        <v>0.22160799454411301</v>
      </c>
      <c r="M262" s="92">
        <v>3.2249464696646801E-2</v>
      </c>
      <c r="N262" s="121">
        <v>0.2003412336568032</v>
      </c>
      <c r="O262" s="121">
        <v>3.1099627148397622E-2</v>
      </c>
      <c r="P262" s="121">
        <v>0.49295470958808957</v>
      </c>
      <c r="Q262" s="92">
        <v>3.8716356575336022E-2</v>
      </c>
      <c r="R262" s="121">
        <v>8.5096062210991932E-2</v>
      </c>
      <c r="S262" s="92">
        <v>2.1891547093690737E-2</v>
      </c>
      <c r="T262" s="122">
        <v>663</v>
      </c>
      <c r="U262" s="121">
        <v>0.15177470304042978</v>
      </c>
      <c r="V262" s="92">
        <v>2.7941809807722876E-2</v>
      </c>
      <c r="W262" s="121">
        <v>0.14718426633811535</v>
      </c>
      <c r="X262" s="92">
        <v>2.7598490074426066E-2</v>
      </c>
      <c r="Y262" s="121">
        <v>0.67473824385017489</v>
      </c>
      <c r="Z262" s="92">
        <v>3.6308825824969609E-2</v>
      </c>
      <c r="AA262" s="121">
        <v>2.6302786771279108E-2</v>
      </c>
      <c r="AB262" s="92">
        <v>1.3026142134255876E-2</v>
      </c>
    </row>
    <row r="263" spans="1:28">
      <c r="A263" s="47" t="s">
        <v>634</v>
      </c>
      <c r="B263" s="161">
        <v>611</v>
      </c>
      <c r="C263" s="162">
        <v>0.24165302538518108</v>
      </c>
      <c r="D263" s="95">
        <v>3.4605532804383825E-2</v>
      </c>
      <c r="E263" s="162">
        <v>0.24534083326778941</v>
      </c>
      <c r="F263" s="95">
        <v>3.4780572040337035E-2</v>
      </c>
      <c r="G263" s="162">
        <v>0.40906707712553952</v>
      </c>
      <c r="H263" s="95">
        <v>3.9660216623128818E-2</v>
      </c>
      <c r="I263" s="162">
        <v>0.10393906422149048</v>
      </c>
      <c r="J263" s="95">
        <v>2.4879496257306937E-2</v>
      </c>
      <c r="K263" s="125">
        <v>609</v>
      </c>
      <c r="L263" s="124">
        <v>0.25192326895993988</v>
      </c>
      <c r="M263" s="95">
        <v>3.5142076969582971E-2</v>
      </c>
      <c r="N263" s="124">
        <v>0.22056743571868456</v>
      </c>
      <c r="O263" s="124">
        <v>3.359223277721609E-2</v>
      </c>
      <c r="P263" s="124">
        <v>0.48038340966190207</v>
      </c>
      <c r="Q263" s="95">
        <v>4.0358927565493231E-2</v>
      </c>
      <c r="R263" s="124">
        <v>4.7125885659474287E-2</v>
      </c>
      <c r="S263" s="95">
        <v>1.761893355838293E-2</v>
      </c>
      <c r="T263" s="47">
        <v>611</v>
      </c>
      <c r="U263" s="124">
        <v>0.15487277096702465</v>
      </c>
      <c r="V263" s="95">
        <v>2.9348657322414772E-2</v>
      </c>
      <c r="W263" s="124">
        <v>0.16180927320432573</v>
      </c>
      <c r="X263" s="95">
        <v>2.9862554788854696E-2</v>
      </c>
      <c r="Y263" s="124">
        <v>0.67403776927757009</v>
      </c>
      <c r="Z263" s="95">
        <v>3.7836067336105311E-2</v>
      </c>
      <c r="AA263" s="124">
        <v>9.280186551079839E-3</v>
      </c>
      <c r="AB263" s="95">
        <v>8.9502011020775839E-3</v>
      </c>
    </row>
    <row r="264" spans="1:28">
      <c r="A264" s="55" t="s">
        <v>635</v>
      </c>
      <c r="B264" s="160">
        <v>228</v>
      </c>
      <c r="C264" s="163">
        <v>0.27383915143268445</v>
      </c>
      <c r="D264" s="92">
        <v>5.881001192187392E-2</v>
      </c>
      <c r="E264" s="163">
        <v>0.22113910345372978</v>
      </c>
      <c r="F264" s="92">
        <v>5.4912937450340225E-2</v>
      </c>
      <c r="G264" s="163">
        <v>0.41134769331750376</v>
      </c>
      <c r="H264" s="92">
        <v>6.4648844594075605E-2</v>
      </c>
      <c r="I264" s="163">
        <v>9.3674051796082056E-2</v>
      </c>
      <c r="J264" s="92">
        <v>3.9510643550883233E-2</v>
      </c>
      <c r="K264" s="122">
        <v>227</v>
      </c>
      <c r="L264" s="121">
        <v>0.28623321106582261</v>
      </c>
      <c r="M264" s="92">
        <v>5.9706730889106059E-2</v>
      </c>
      <c r="N264" s="121">
        <v>0.21090277219666764</v>
      </c>
      <c r="O264" s="121">
        <v>5.4143017512712215E-2</v>
      </c>
      <c r="P264" s="121">
        <v>0.46217555603427568</v>
      </c>
      <c r="Q264" s="92">
        <v>6.5613116378310077E-2</v>
      </c>
      <c r="R264" s="121">
        <v>4.0688460703233967E-2</v>
      </c>
      <c r="S264" s="92">
        <v>2.8307486696723439E-2</v>
      </c>
      <c r="T264" s="122">
        <v>227</v>
      </c>
      <c r="U264" s="121">
        <v>0.17820913897876434</v>
      </c>
      <c r="V264" s="92">
        <v>5.0965690525931612E-2</v>
      </c>
      <c r="W264" s="121">
        <v>0.13137173812689976</v>
      </c>
      <c r="X264" s="92">
        <v>4.535163162389174E-2</v>
      </c>
      <c r="Y264" s="121">
        <v>0.68012811623468539</v>
      </c>
      <c r="Z264" s="92">
        <v>6.1534182065255988E-2</v>
      </c>
      <c r="AA264" s="121">
        <v>1.0291006659649993E-2</v>
      </c>
      <c r="AB264" s="92">
        <v>1.7858739857657836E-2</v>
      </c>
    </row>
    <row r="265" spans="1:28">
      <c r="A265" s="47" t="s">
        <v>636</v>
      </c>
      <c r="B265" s="161">
        <v>383</v>
      </c>
      <c r="C265" s="162">
        <v>0.21416717131996785</v>
      </c>
      <c r="D265" s="95">
        <v>4.1915352521893233E-2</v>
      </c>
      <c r="E265" s="162">
        <v>0.26600828522560549</v>
      </c>
      <c r="F265" s="95">
        <v>4.5052235546218469E-2</v>
      </c>
      <c r="G265" s="162">
        <v>0.40711950866891472</v>
      </c>
      <c r="H265" s="95">
        <v>4.99664615379753E-2</v>
      </c>
      <c r="I265" s="162">
        <v>0.11270503478551448</v>
      </c>
      <c r="J265" s="95">
        <v>3.2642026264925933E-2</v>
      </c>
      <c r="K265" s="125">
        <v>382</v>
      </c>
      <c r="L265" s="124">
        <v>0.22268845883587218</v>
      </c>
      <c r="M265" s="95">
        <v>4.2546392654451225E-2</v>
      </c>
      <c r="N265" s="124">
        <v>0.22880250070676361</v>
      </c>
      <c r="O265" s="124">
        <v>4.2944515474132541E-2</v>
      </c>
      <c r="P265" s="124">
        <v>0.49589795474413384</v>
      </c>
      <c r="Q265" s="95">
        <v>5.0896982224661019E-2</v>
      </c>
      <c r="R265" s="124">
        <v>5.2611085713232336E-2</v>
      </c>
      <c r="S265" s="95">
        <v>2.3648986164429578E-2</v>
      </c>
      <c r="T265" s="47">
        <v>384</v>
      </c>
      <c r="U265" s="124">
        <v>0.13503559558633524</v>
      </c>
      <c r="V265" s="95">
        <v>3.5104145264519278E-2</v>
      </c>
      <c r="W265" s="124">
        <v>0.18768282478626191</v>
      </c>
      <c r="X265" s="95">
        <v>3.9904369035700868E-2</v>
      </c>
      <c r="Y265" s="124">
        <v>0.66886064485714825</v>
      </c>
      <c r="Z265" s="95">
        <v>4.7847585332302288E-2</v>
      </c>
      <c r="AA265" s="124">
        <v>8.4209347702565995E-3</v>
      </c>
      <c r="AB265" s="95">
        <v>1.1712542195313043E-2</v>
      </c>
    </row>
  </sheetData>
  <mergeCells count="24">
    <mergeCell ref="T225:AB225"/>
    <mergeCell ref="K225:S225"/>
    <mergeCell ref="B225:J225"/>
    <mergeCell ref="A136:V136"/>
    <mergeCell ref="A5:D5"/>
    <mergeCell ref="A49:D49"/>
    <mergeCell ref="A91:D91"/>
    <mergeCell ref="A92:D92"/>
    <mergeCell ref="E49:I49"/>
    <mergeCell ref="A48:I48"/>
    <mergeCell ref="A93:D93"/>
    <mergeCell ref="A135:V135"/>
    <mergeCell ref="A181:D181"/>
    <mergeCell ref="A224:AB224"/>
    <mergeCell ref="A223:AB223"/>
    <mergeCell ref="P137:V137"/>
    <mergeCell ref="A179:D179"/>
    <mergeCell ref="A180:D180"/>
    <mergeCell ref="A3:O3"/>
    <mergeCell ref="A4:O4"/>
    <mergeCell ref="E5:O5"/>
    <mergeCell ref="A47:I47"/>
    <mergeCell ref="B137:H137"/>
    <mergeCell ref="I137:O137"/>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221"/>
  <sheetViews>
    <sheetView zoomScaleNormal="100" workbookViewId="0"/>
  </sheetViews>
  <sheetFormatPr defaultColWidth="19.140625" defaultRowHeight="15"/>
  <cols>
    <col min="1" max="1" width="45.140625" customWidth="1"/>
  </cols>
  <sheetData>
    <row r="1" spans="1:4" ht="31.5">
      <c r="A1" s="31" t="s">
        <v>39</v>
      </c>
    </row>
    <row r="3" spans="1:4" ht="18.75">
      <c r="A3" s="343" t="s">
        <v>11</v>
      </c>
      <c r="B3" s="343"/>
      <c r="C3" s="343"/>
      <c r="D3" s="343"/>
    </row>
    <row r="4" spans="1:4" ht="133.5" customHeight="1">
      <c r="A4" s="403" t="s">
        <v>468</v>
      </c>
      <c r="B4" s="403"/>
      <c r="C4" s="403"/>
      <c r="D4" s="403"/>
    </row>
    <row r="5" spans="1:4" ht="38.25" customHeight="1">
      <c r="A5" s="349" t="s">
        <v>121</v>
      </c>
      <c r="B5" s="349"/>
      <c r="C5" s="349"/>
      <c r="D5" s="349"/>
    </row>
    <row r="6" spans="1:4" ht="72">
      <c r="A6" s="35" t="s">
        <v>70</v>
      </c>
      <c r="B6" s="36" t="s">
        <v>71</v>
      </c>
      <c r="C6" s="37" t="s">
        <v>551</v>
      </c>
      <c r="D6" s="38" t="s">
        <v>72</v>
      </c>
    </row>
    <row r="7" spans="1:4" ht="72">
      <c r="A7" s="39"/>
      <c r="B7" s="40" t="s">
        <v>73</v>
      </c>
      <c r="C7" s="126" t="s">
        <v>122</v>
      </c>
      <c r="D7" s="42" t="s">
        <v>75</v>
      </c>
    </row>
    <row r="8" spans="1:4">
      <c r="A8" s="43" t="s">
        <v>348</v>
      </c>
      <c r="B8" s="164">
        <v>13038</v>
      </c>
      <c r="C8" s="165">
        <v>4.3063938454541928</v>
      </c>
      <c r="D8" s="84">
        <v>2.3278647383610147E-2</v>
      </c>
    </row>
    <row r="9" spans="1:4">
      <c r="A9" s="47" t="s">
        <v>349</v>
      </c>
      <c r="B9" s="47">
        <v>9671</v>
      </c>
      <c r="C9" s="167">
        <v>4.2588562671727557</v>
      </c>
      <c r="D9" s="85">
        <v>2.7110082737648852E-2</v>
      </c>
    </row>
    <row r="10" spans="1:4">
      <c r="A10" s="43" t="s">
        <v>350</v>
      </c>
      <c r="B10" s="51">
        <v>3367</v>
      </c>
      <c r="C10" s="165">
        <v>4.3459776287948415</v>
      </c>
      <c r="D10" s="84">
        <v>4.5414474455323685E-2</v>
      </c>
    </row>
    <row r="11" spans="1:4">
      <c r="A11" s="47" t="s">
        <v>568</v>
      </c>
      <c r="B11" s="47">
        <v>10732</v>
      </c>
      <c r="C11" s="167">
        <v>4.3047652692395761</v>
      </c>
      <c r="D11" s="85">
        <v>2.5707473931641456E-2</v>
      </c>
    </row>
    <row r="12" spans="1:4">
      <c r="A12" s="43" t="s">
        <v>569</v>
      </c>
      <c r="B12" s="51">
        <v>2306</v>
      </c>
      <c r="C12" s="165">
        <v>4.5030229586423367</v>
      </c>
      <c r="D12" s="84">
        <v>5.4521710072133585E-2</v>
      </c>
    </row>
    <row r="13" spans="1:4">
      <c r="A13" s="47" t="s">
        <v>570</v>
      </c>
      <c r="B13" s="47">
        <v>593</v>
      </c>
      <c r="C13" s="167">
        <v>4.3767418883949727</v>
      </c>
      <c r="D13" s="85">
        <v>0.10833938392655129</v>
      </c>
    </row>
    <row r="14" spans="1:4">
      <c r="A14" s="43" t="s">
        <v>571</v>
      </c>
      <c r="B14" s="51">
        <v>1244</v>
      </c>
      <c r="C14" s="165">
        <v>4.4244759051012323</v>
      </c>
      <c r="D14" s="84">
        <v>7.1952646935504697E-2</v>
      </c>
    </row>
    <row r="15" spans="1:4">
      <c r="A15" s="47" t="s">
        <v>582</v>
      </c>
      <c r="B15" s="47">
        <v>824</v>
      </c>
      <c r="C15" s="167">
        <v>4.4288930842981538</v>
      </c>
      <c r="D15" s="85">
        <v>9.4301552898953117E-2</v>
      </c>
    </row>
    <row r="16" spans="1:4">
      <c r="A16" s="43" t="s">
        <v>583</v>
      </c>
      <c r="B16" s="51">
        <v>1482</v>
      </c>
      <c r="C16" s="165">
        <v>4.5319403430319678</v>
      </c>
      <c r="D16" s="84">
        <v>6.6417399036489175E-2</v>
      </c>
    </row>
    <row r="17" spans="1:4">
      <c r="A17" s="47" t="s">
        <v>572</v>
      </c>
      <c r="B17" s="47">
        <v>284</v>
      </c>
      <c r="C17" s="167">
        <v>4.6852609656542361</v>
      </c>
      <c r="D17" s="85">
        <v>0.16713670969130842</v>
      </c>
    </row>
    <row r="18" spans="1:4">
      <c r="A18" s="43" t="s">
        <v>573</v>
      </c>
      <c r="B18" s="164">
        <v>434</v>
      </c>
      <c r="C18" s="165">
        <v>4.2665536540011981</v>
      </c>
      <c r="D18" s="84">
        <v>0.11775304443358667</v>
      </c>
    </row>
    <row r="19" spans="1:4">
      <c r="A19" s="47" t="s">
        <v>574</v>
      </c>
      <c r="B19" s="166">
        <v>655</v>
      </c>
      <c r="C19" s="167">
        <v>4.3466359669070531</v>
      </c>
      <c r="D19" s="85">
        <v>0.10166138330673202</v>
      </c>
    </row>
    <row r="20" spans="1:4">
      <c r="A20" s="43" t="s">
        <v>575</v>
      </c>
      <c r="B20" s="81">
        <v>909</v>
      </c>
      <c r="C20" s="165">
        <v>4.6619213410756002</v>
      </c>
      <c r="D20" s="84">
        <v>8.5672434597097072E-2</v>
      </c>
    </row>
    <row r="21" spans="1:4">
      <c r="A21" s="47" t="s">
        <v>576</v>
      </c>
      <c r="B21" s="166">
        <v>732</v>
      </c>
      <c r="C21" s="167">
        <v>4.4336150538246448</v>
      </c>
      <c r="D21" s="85">
        <v>0.10049874730545157</v>
      </c>
    </row>
    <row r="22" spans="1:4">
      <c r="A22" s="55" t="s">
        <v>577</v>
      </c>
      <c r="B22" s="164">
        <v>744</v>
      </c>
      <c r="C22" s="165">
        <v>4.4321760307987637</v>
      </c>
      <c r="D22" s="84">
        <v>8.9565677173449723E-2</v>
      </c>
    </row>
    <row r="23" spans="1:4">
      <c r="A23" s="47" t="s">
        <v>578</v>
      </c>
      <c r="B23" s="166">
        <v>254</v>
      </c>
      <c r="C23" s="167">
        <v>4.5228189627062241</v>
      </c>
      <c r="D23" s="85">
        <v>0.17498702758327928</v>
      </c>
    </row>
    <row r="24" spans="1:4">
      <c r="A24" s="55" t="s">
        <v>579</v>
      </c>
      <c r="B24" s="164">
        <v>217</v>
      </c>
      <c r="C24" s="165">
        <v>4.6537425714674345</v>
      </c>
      <c r="D24" s="84">
        <v>0.16715305328209668</v>
      </c>
    </row>
    <row r="25" spans="1:4">
      <c r="A25" s="47" t="s">
        <v>580</v>
      </c>
      <c r="B25" s="166">
        <v>215</v>
      </c>
      <c r="C25" s="167">
        <v>4.8039594147554334</v>
      </c>
      <c r="D25" s="85">
        <v>0.1780900584631154</v>
      </c>
    </row>
    <row r="26" spans="1:4">
      <c r="A26" s="55" t="s">
        <v>581</v>
      </c>
      <c r="B26" s="164">
        <v>118</v>
      </c>
      <c r="C26" s="165">
        <v>4.8076976329713519</v>
      </c>
      <c r="D26" s="84">
        <v>0.24378384337200612</v>
      </c>
    </row>
    <row r="27" spans="1:4">
      <c r="A27" s="47" t="s">
        <v>584</v>
      </c>
      <c r="B27" s="166">
        <v>110</v>
      </c>
      <c r="C27" s="167">
        <v>4.9159818506336421</v>
      </c>
      <c r="D27" s="85">
        <v>0.27306686229156457</v>
      </c>
    </row>
    <row r="28" spans="1:4">
      <c r="A28" s="55" t="s">
        <v>585</v>
      </c>
      <c r="B28" s="164">
        <v>2196</v>
      </c>
      <c r="C28" s="165">
        <v>4.4313456019059245</v>
      </c>
      <c r="D28" s="84">
        <v>5.5461769447970023E-2</v>
      </c>
    </row>
    <row r="29" spans="1:4">
      <c r="A29" s="47" t="s">
        <v>620</v>
      </c>
      <c r="B29" s="166">
        <v>155</v>
      </c>
      <c r="C29" s="167">
        <v>4.4628375734327488</v>
      </c>
      <c r="D29" s="85">
        <v>0.19325480083568339</v>
      </c>
    </row>
    <row r="30" spans="1:4">
      <c r="A30" s="55" t="s">
        <v>621</v>
      </c>
      <c r="B30" s="164">
        <v>161</v>
      </c>
      <c r="C30" s="165">
        <v>4.4263553323015454</v>
      </c>
      <c r="D30" s="84">
        <v>0.21239060595200526</v>
      </c>
    </row>
    <row r="31" spans="1:4">
      <c r="A31" s="47" t="s">
        <v>622</v>
      </c>
      <c r="B31" s="166">
        <v>963</v>
      </c>
      <c r="C31" s="167">
        <v>4.3919677405348789</v>
      </c>
      <c r="D31" s="85">
        <v>8.4269190462616064E-2</v>
      </c>
    </row>
    <row r="32" spans="1:4">
      <c r="A32" s="55" t="s">
        <v>623</v>
      </c>
      <c r="B32" s="164">
        <v>287</v>
      </c>
      <c r="C32" s="165">
        <v>4.4212433961072719</v>
      </c>
      <c r="D32" s="84">
        <v>0.14489044106876045</v>
      </c>
    </row>
    <row r="33" spans="1:37">
      <c r="A33" s="47" t="s">
        <v>624</v>
      </c>
      <c r="B33" s="166">
        <v>319</v>
      </c>
      <c r="C33" s="167">
        <v>4.4872957227510453</v>
      </c>
      <c r="D33" s="85">
        <v>0.14710685803079576</v>
      </c>
    </row>
    <row r="34" spans="1:37">
      <c r="A34" s="55" t="s">
        <v>625</v>
      </c>
      <c r="B34" s="164">
        <v>1155</v>
      </c>
      <c r="C34" s="165">
        <v>4.5275638972856473</v>
      </c>
      <c r="D34" s="84">
        <v>7.5185621397402966E-2</v>
      </c>
    </row>
    <row r="35" spans="1:37">
      <c r="A35" s="47" t="s">
        <v>626</v>
      </c>
      <c r="B35" s="166">
        <v>1150</v>
      </c>
      <c r="C35" s="167">
        <v>4.4519658443809478</v>
      </c>
      <c r="D35" s="85">
        <v>7.8929652116341231E-2</v>
      </c>
    </row>
    <row r="36" spans="1:37">
      <c r="A36" s="55" t="s">
        <v>627</v>
      </c>
      <c r="B36" s="164">
        <v>334</v>
      </c>
      <c r="C36" s="165">
        <v>4.3942875293444654</v>
      </c>
      <c r="D36" s="84">
        <v>0.1506332779466088</v>
      </c>
    </row>
    <row r="37" spans="1:37">
      <c r="A37" s="47" t="s">
        <v>628</v>
      </c>
      <c r="B37" s="166">
        <v>816</v>
      </c>
      <c r="C37" s="167">
        <v>4.486362832420979</v>
      </c>
      <c r="D37" s="85">
        <v>9.26177952901963E-2</v>
      </c>
    </row>
    <row r="38" spans="1:37">
      <c r="A38" s="55" t="s">
        <v>629</v>
      </c>
      <c r="B38" s="164">
        <v>210</v>
      </c>
      <c r="C38" s="165">
        <v>4.3536568067614692</v>
      </c>
      <c r="D38" s="84">
        <v>0.17562338617620377</v>
      </c>
    </row>
    <row r="39" spans="1:37">
      <c r="A39" s="47" t="s">
        <v>630</v>
      </c>
      <c r="B39" s="166">
        <v>383</v>
      </c>
      <c r="C39" s="167">
        <v>4.4050438863993246</v>
      </c>
      <c r="D39" s="85">
        <v>0.13713539039997349</v>
      </c>
    </row>
    <row r="40" spans="1:37">
      <c r="A40" s="55" t="s">
        <v>631</v>
      </c>
      <c r="B40" s="164">
        <v>54</v>
      </c>
      <c r="C40" s="165">
        <v>4.4129850457017517</v>
      </c>
      <c r="D40" s="84">
        <v>0.41456513243124715</v>
      </c>
    </row>
    <row r="41" spans="1:37">
      <c r="A41" s="47" t="s">
        <v>632</v>
      </c>
      <c r="B41" s="166">
        <v>329</v>
      </c>
      <c r="C41" s="167">
        <v>4.4027924519234487</v>
      </c>
      <c r="D41" s="85">
        <v>0.14469996539997904</v>
      </c>
    </row>
    <row r="42" spans="1:37">
      <c r="A42" s="55" t="s">
        <v>633</v>
      </c>
      <c r="B42" s="164">
        <v>645</v>
      </c>
      <c r="C42" s="165">
        <v>4.440314241445372</v>
      </c>
      <c r="D42" s="84">
        <v>9.6862043578367044E-2</v>
      </c>
    </row>
    <row r="43" spans="1:37">
      <c r="A43" s="47" t="s">
        <v>634</v>
      </c>
      <c r="B43" s="166">
        <v>599</v>
      </c>
      <c r="C43" s="167">
        <v>4.3977958840422398</v>
      </c>
      <c r="D43" s="85">
        <v>0.1069534851137194</v>
      </c>
    </row>
    <row r="44" spans="1:37">
      <c r="A44" s="55" t="s">
        <v>635</v>
      </c>
      <c r="B44" s="164">
        <v>219</v>
      </c>
      <c r="C44" s="165">
        <v>4.3411481762117576</v>
      </c>
      <c r="D44" s="84">
        <v>0.18027517928597819</v>
      </c>
    </row>
    <row r="45" spans="1:37">
      <c r="A45" s="47" t="s">
        <v>636</v>
      </c>
      <c r="B45" s="166">
        <v>380</v>
      </c>
      <c r="C45" s="167">
        <v>4.4446612065523858</v>
      </c>
      <c r="D45" s="85">
        <v>0.13261487034424743</v>
      </c>
    </row>
    <row r="47" spans="1:37" ht="18.75">
      <c r="A47" s="343" t="s">
        <v>42</v>
      </c>
      <c r="B47" s="343"/>
      <c r="C47" s="343"/>
      <c r="D47" s="343"/>
      <c r="E47" s="343"/>
      <c r="F47" s="343"/>
      <c r="G47" s="343"/>
      <c r="H47" s="343"/>
      <c r="I47" s="343"/>
      <c r="J47" s="343"/>
      <c r="K47" s="343"/>
      <c r="L47" s="343"/>
      <c r="M47" s="343"/>
      <c r="N47" s="343"/>
      <c r="O47" s="343"/>
      <c r="P47" s="343"/>
      <c r="Q47" s="343"/>
      <c r="R47" s="343"/>
      <c r="S47" s="343"/>
      <c r="T47" s="343"/>
      <c r="U47" s="343"/>
      <c r="V47" s="343"/>
      <c r="W47" s="343"/>
      <c r="X47" s="343"/>
      <c r="Y47" s="343"/>
      <c r="Z47" s="343"/>
      <c r="AA47" s="343"/>
      <c r="AB47" s="343"/>
      <c r="AC47" s="343"/>
      <c r="AD47" s="343"/>
      <c r="AE47" s="343"/>
      <c r="AF47" s="343"/>
      <c r="AG47" s="343"/>
      <c r="AH47" s="343"/>
      <c r="AI47" s="343"/>
      <c r="AJ47" s="343"/>
      <c r="AK47" s="343"/>
    </row>
    <row r="48" spans="1:37" ht="64.5" customHeight="1">
      <c r="A48" s="409" t="s">
        <v>558</v>
      </c>
      <c r="B48" s="409"/>
      <c r="C48" s="409"/>
      <c r="D48" s="409"/>
      <c r="E48" s="409"/>
      <c r="F48" s="409"/>
      <c r="G48" s="409"/>
      <c r="H48" s="409"/>
      <c r="I48" s="409"/>
      <c r="J48" s="409"/>
      <c r="K48" s="409"/>
      <c r="L48" s="409"/>
      <c r="M48" s="409"/>
      <c r="N48" s="409"/>
      <c r="O48" s="409"/>
      <c r="P48" s="409"/>
      <c r="Q48" s="409"/>
      <c r="R48" s="409"/>
      <c r="S48" s="409"/>
      <c r="T48" s="409"/>
      <c r="U48" s="409"/>
      <c r="V48" s="409"/>
      <c r="W48" s="409"/>
      <c r="X48" s="409"/>
      <c r="Y48" s="409"/>
      <c r="Z48" s="409"/>
      <c r="AA48" s="409"/>
      <c r="AB48" s="409"/>
      <c r="AC48" s="409"/>
      <c r="AD48" s="409"/>
      <c r="AE48" s="409"/>
      <c r="AF48" s="409"/>
      <c r="AG48" s="409"/>
      <c r="AH48" s="409"/>
      <c r="AI48" s="409"/>
      <c r="AJ48" s="409"/>
      <c r="AK48" s="409"/>
    </row>
    <row r="49" spans="1:45" ht="39" customHeight="1">
      <c r="A49" s="62"/>
      <c r="B49" s="404" t="s">
        <v>123</v>
      </c>
      <c r="C49" s="407"/>
      <c r="D49" s="407"/>
      <c r="E49" s="407"/>
      <c r="F49" s="407"/>
      <c r="G49" s="407"/>
      <c r="H49" s="407"/>
      <c r="I49" s="407"/>
      <c r="J49" s="408"/>
      <c r="K49" s="404" t="s">
        <v>385</v>
      </c>
      <c r="L49" s="407"/>
      <c r="M49" s="407"/>
      <c r="N49" s="407"/>
      <c r="O49" s="407"/>
      <c r="P49" s="407"/>
      <c r="Q49" s="407"/>
      <c r="R49" s="407"/>
      <c r="S49" s="408"/>
      <c r="T49" s="404" t="s">
        <v>124</v>
      </c>
      <c r="U49" s="407"/>
      <c r="V49" s="407"/>
      <c r="W49" s="407"/>
      <c r="X49" s="407"/>
      <c r="Y49" s="407"/>
      <c r="Z49" s="407"/>
      <c r="AA49" s="407"/>
      <c r="AB49" s="408"/>
      <c r="AC49" s="404" t="s">
        <v>386</v>
      </c>
      <c r="AD49" s="407"/>
      <c r="AE49" s="407"/>
      <c r="AF49" s="407"/>
      <c r="AG49" s="407"/>
      <c r="AH49" s="407"/>
      <c r="AI49" s="407"/>
      <c r="AJ49" s="407"/>
      <c r="AK49" s="408"/>
      <c r="AL49" s="297"/>
      <c r="AM49" s="297"/>
      <c r="AN49" s="297"/>
      <c r="AO49" s="297"/>
      <c r="AP49" s="297"/>
      <c r="AQ49" s="297"/>
      <c r="AR49" s="297"/>
      <c r="AS49" s="297"/>
    </row>
    <row r="50" spans="1:45" ht="72">
      <c r="A50" s="35" t="s">
        <v>70</v>
      </c>
      <c r="B50" s="36" t="s">
        <v>71</v>
      </c>
      <c r="C50" s="36" t="s">
        <v>155</v>
      </c>
      <c r="D50" s="87" t="s">
        <v>84</v>
      </c>
      <c r="E50" s="36" t="s">
        <v>156</v>
      </c>
      <c r="F50" s="87" t="s">
        <v>85</v>
      </c>
      <c r="G50" s="36" t="s">
        <v>157</v>
      </c>
      <c r="H50" s="87" t="s">
        <v>86</v>
      </c>
      <c r="I50" s="36" t="s">
        <v>300</v>
      </c>
      <c r="J50" s="87" t="s">
        <v>299</v>
      </c>
      <c r="K50" s="63" t="s">
        <v>71</v>
      </c>
      <c r="L50" s="63" t="s">
        <v>155</v>
      </c>
      <c r="M50" s="86" t="s">
        <v>84</v>
      </c>
      <c r="N50" s="63" t="s">
        <v>156</v>
      </c>
      <c r="O50" s="86" t="s">
        <v>85</v>
      </c>
      <c r="P50" s="63" t="s">
        <v>157</v>
      </c>
      <c r="Q50" s="86" t="s">
        <v>86</v>
      </c>
      <c r="R50" s="63" t="s">
        <v>300</v>
      </c>
      <c r="S50" s="86" t="s">
        <v>299</v>
      </c>
      <c r="T50" s="36" t="s">
        <v>71</v>
      </c>
      <c r="U50" s="36" t="s">
        <v>155</v>
      </c>
      <c r="V50" s="87" t="s">
        <v>84</v>
      </c>
      <c r="W50" s="36" t="s">
        <v>156</v>
      </c>
      <c r="X50" s="87" t="s">
        <v>85</v>
      </c>
      <c r="Y50" s="36" t="s">
        <v>157</v>
      </c>
      <c r="Z50" s="87" t="s">
        <v>86</v>
      </c>
      <c r="AA50" s="36" t="s">
        <v>300</v>
      </c>
      <c r="AB50" s="87" t="s">
        <v>299</v>
      </c>
      <c r="AC50" s="63" t="s">
        <v>71</v>
      </c>
      <c r="AD50" s="63" t="s">
        <v>155</v>
      </c>
      <c r="AE50" s="86" t="s">
        <v>84</v>
      </c>
      <c r="AF50" s="63" t="s">
        <v>156</v>
      </c>
      <c r="AG50" s="86" t="s">
        <v>85</v>
      </c>
      <c r="AH50" s="63" t="s">
        <v>157</v>
      </c>
      <c r="AI50" s="86" t="s">
        <v>86</v>
      </c>
      <c r="AJ50" s="63" t="s">
        <v>300</v>
      </c>
      <c r="AK50" s="86" t="s">
        <v>299</v>
      </c>
    </row>
    <row r="51" spans="1:45" ht="84">
      <c r="A51" s="39"/>
      <c r="B51" s="40" t="s">
        <v>73</v>
      </c>
      <c r="C51" s="40" t="s">
        <v>158</v>
      </c>
      <c r="D51" s="89" t="s">
        <v>125</v>
      </c>
      <c r="E51" s="40" t="s">
        <v>159</v>
      </c>
      <c r="F51" s="89" t="s">
        <v>126</v>
      </c>
      <c r="G51" s="40" t="s">
        <v>160</v>
      </c>
      <c r="H51" s="89" t="s">
        <v>127</v>
      </c>
      <c r="I51" s="40" t="s">
        <v>300</v>
      </c>
      <c r="J51" s="89" t="s">
        <v>87</v>
      </c>
      <c r="K51" s="66" t="s">
        <v>73</v>
      </c>
      <c r="L51" s="66" t="s">
        <v>158</v>
      </c>
      <c r="M51" s="88" t="s">
        <v>125</v>
      </c>
      <c r="N51" s="66" t="s">
        <v>159</v>
      </c>
      <c r="O51" s="88" t="s">
        <v>126</v>
      </c>
      <c r="P51" s="66" t="s">
        <v>160</v>
      </c>
      <c r="Q51" s="88" t="s">
        <v>127</v>
      </c>
      <c r="R51" s="66" t="s">
        <v>300</v>
      </c>
      <c r="S51" s="88" t="s">
        <v>87</v>
      </c>
      <c r="T51" s="40" t="s">
        <v>73</v>
      </c>
      <c r="U51" s="40" t="s">
        <v>158</v>
      </c>
      <c r="V51" s="89" t="s">
        <v>125</v>
      </c>
      <c r="W51" s="40" t="s">
        <v>159</v>
      </c>
      <c r="X51" s="89" t="s">
        <v>126</v>
      </c>
      <c r="Y51" s="40" t="s">
        <v>160</v>
      </c>
      <c r="Z51" s="89" t="s">
        <v>127</v>
      </c>
      <c r="AA51" s="40" t="s">
        <v>300</v>
      </c>
      <c r="AB51" s="89" t="s">
        <v>87</v>
      </c>
      <c r="AC51" s="66" t="s">
        <v>73</v>
      </c>
      <c r="AD51" s="66" t="s">
        <v>158</v>
      </c>
      <c r="AE51" s="88" t="s">
        <v>125</v>
      </c>
      <c r="AF51" s="66" t="s">
        <v>159</v>
      </c>
      <c r="AG51" s="88" t="s">
        <v>126</v>
      </c>
      <c r="AH51" s="66" t="s">
        <v>160</v>
      </c>
      <c r="AI51" s="88" t="s">
        <v>127</v>
      </c>
      <c r="AJ51" s="66" t="s">
        <v>300</v>
      </c>
      <c r="AK51" s="88" t="s">
        <v>87</v>
      </c>
    </row>
    <row r="52" spans="1:45">
      <c r="A52" s="43" t="s">
        <v>348</v>
      </c>
      <c r="B52" s="164">
        <v>13880</v>
      </c>
      <c r="C52" s="168">
        <v>0.29135498375824709</v>
      </c>
      <c r="D52" s="92">
        <v>7.7130236530871749E-3</v>
      </c>
      <c r="E52" s="168">
        <v>0.20774797413696611</v>
      </c>
      <c r="F52" s="92">
        <v>6.8871205039825641E-3</v>
      </c>
      <c r="G52" s="168">
        <v>0.42667464265435678</v>
      </c>
      <c r="H52" s="92">
        <v>8.3950721840318297E-3</v>
      </c>
      <c r="I52" s="91">
        <v>7.4222399450447132E-2</v>
      </c>
      <c r="J52" s="92">
        <v>4.4526989233520213E-3</v>
      </c>
      <c r="K52" s="164">
        <v>13890</v>
      </c>
      <c r="L52" s="168">
        <v>0.34189549028266986</v>
      </c>
      <c r="M52" s="92">
        <v>8.0486743476053009E-3</v>
      </c>
      <c r="N52" s="168">
        <v>0.19965478829868658</v>
      </c>
      <c r="O52" s="92">
        <v>6.7836815219318699E-3</v>
      </c>
      <c r="P52" s="168">
        <v>0.38036655567884892</v>
      </c>
      <c r="Q52" s="92">
        <v>8.2374449806215944E-3</v>
      </c>
      <c r="R52" s="91">
        <v>7.8083165739812943E-2</v>
      </c>
      <c r="S52" s="92">
        <v>4.5556447490135397E-3</v>
      </c>
      <c r="T52" s="164">
        <v>13870</v>
      </c>
      <c r="U52" s="168">
        <v>0.27724897641459306</v>
      </c>
      <c r="V52" s="92">
        <v>7.6013281544836074E-3</v>
      </c>
      <c r="W52" s="168">
        <v>0.17088162611656965</v>
      </c>
      <c r="X52" s="92">
        <v>6.3926480768412685E-3</v>
      </c>
      <c r="Y52" s="168">
        <v>0.47270941898900426</v>
      </c>
      <c r="Z52" s="92">
        <v>8.4771849695039116E-3</v>
      </c>
      <c r="AA52" s="91">
        <v>7.9159978479849333E-2</v>
      </c>
      <c r="AB52" s="92">
        <v>4.5875207340211428E-3</v>
      </c>
      <c r="AC52" s="164">
        <v>13866</v>
      </c>
      <c r="AD52" s="168">
        <v>0.18962844274582047</v>
      </c>
      <c r="AE52" s="92">
        <v>6.6583111622112584E-3</v>
      </c>
      <c r="AF52" s="168">
        <v>0.20424099143650934</v>
      </c>
      <c r="AG52" s="92">
        <v>6.8473320865241206E-3</v>
      </c>
      <c r="AH52" s="168">
        <v>0.5516637581328524</v>
      </c>
      <c r="AI52" s="92">
        <v>8.4456341950027262E-3</v>
      </c>
      <c r="AJ52" s="91">
        <v>5.4466807684833363E-2</v>
      </c>
      <c r="AK52" s="92">
        <v>3.8581424358494704E-3</v>
      </c>
    </row>
    <row r="53" spans="1:45">
      <c r="A53" s="47" t="s">
        <v>349</v>
      </c>
      <c r="B53" s="166">
        <v>10168</v>
      </c>
      <c r="C53" s="169">
        <v>0.33326677326710175</v>
      </c>
      <c r="D53" s="95">
        <v>9.3480330482870848E-3</v>
      </c>
      <c r="E53" s="169">
        <v>0.19428790359081041</v>
      </c>
      <c r="F53" s="95">
        <v>7.8476849694572807E-3</v>
      </c>
      <c r="G53" s="169">
        <v>0.41315788767892103</v>
      </c>
      <c r="H53" s="95">
        <v>9.7645175620285907E-3</v>
      </c>
      <c r="I53" s="94">
        <v>5.9287435463167414E-2</v>
      </c>
      <c r="J53" s="95">
        <v>4.6895420877363717E-3</v>
      </c>
      <c r="K53" s="166">
        <v>10170</v>
      </c>
      <c r="L53" s="169">
        <v>0.39402579456126929</v>
      </c>
      <c r="M53" s="95">
        <v>9.6890579643586581E-3</v>
      </c>
      <c r="N53" s="169">
        <v>0.18979803786146401</v>
      </c>
      <c r="O53" s="95">
        <v>7.7773820216411422E-3</v>
      </c>
      <c r="P53" s="169">
        <v>0.35379391199148785</v>
      </c>
      <c r="Q53" s="95">
        <v>9.48114504039641E-3</v>
      </c>
      <c r="R53" s="94">
        <v>6.2382255585778743E-2</v>
      </c>
      <c r="S53" s="95">
        <v>4.8015980641209861E-3</v>
      </c>
      <c r="T53" s="166">
        <v>10158</v>
      </c>
      <c r="U53" s="169">
        <v>0.2617227838355578</v>
      </c>
      <c r="V53" s="95">
        <v>8.7221010497714763E-3</v>
      </c>
      <c r="W53" s="169">
        <v>0.15472642745560647</v>
      </c>
      <c r="X53" s="95">
        <v>7.1775632918835621E-3</v>
      </c>
      <c r="Y53" s="169">
        <v>0.51047888836438104</v>
      </c>
      <c r="Z53" s="95">
        <v>9.9177939588992944E-3</v>
      </c>
      <c r="AA53" s="94">
        <v>7.307190034444877E-2</v>
      </c>
      <c r="AB53" s="95">
        <v>5.168899282576263E-3</v>
      </c>
      <c r="AC53" s="166">
        <v>10150</v>
      </c>
      <c r="AD53" s="169">
        <v>0.19876171915823659</v>
      </c>
      <c r="AE53" s="95">
        <v>7.9223874203287852E-3</v>
      </c>
      <c r="AF53" s="169">
        <v>0.19577903998632742</v>
      </c>
      <c r="AG53" s="95">
        <v>7.8773969127038865E-3</v>
      </c>
      <c r="AH53" s="169">
        <v>0.56270077896976678</v>
      </c>
      <c r="AI53" s="95">
        <v>9.8456016184728413E-3</v>
      </c>
      <c r="AJ53" s="94">
        <v>4.2758461885663117E-2</v>
      </c>
      <c r="AK53" s="95">
        <v>4.0235109008786556E-3</v>
      </c>
    </row>
    <row r="54" spans="1:45">
      <c r="A54" s="43" t="s">
        <v>350</v>
      </c>
      <c r="B54" s="164">
        <v>3712</v>
      </c>
      <c r="C54" s="168">
        <v>0.25751204521443621</v>
      </c>
      <c r="D54" s="92">
        <v>1.435090423557771E-2</v>
      </c>
      <c r="E54" s="168">
        <v>0.21861671406972916</v>
      </c>
      <c r="F54" s="92">
        <v>1.3566953538342721E-2</v>
      </c>
      <c r="G54" s="168">
        <v>0.43758915413920407</v>
      </c>
      <c r="H54" s="92">
        <v>1.6276448788270725E-2</v>
      </c>
      <c r="I54" s="91">
        <v>8.6282086576631195E-2</v>
      </c>
      <c r="J54" s="92">
        <v>9.2335897220080995E-3</v>
      </c>
      <c r="K54" s="164">
        <v>3720</v>
      </c>
      <c r="L54" s="168">
        <v>0.29988188691440143</v>
      </c>
      <c r="M54" s="92">
        <v>1.5020169942289666E-2</v>
      </c>
      <c r="N54" s="168">
        <v>0.20759868214507307</v>
      </c>
      <c r="O54" s="92">
        <v>1.3300018210992307E-2</v>
      </c>
      <c r="P54" s="168">
        <v>0.40178236223849839</v>
      </c>
      <c r="Q54" s="92">
        <v>1.6068262271909963E-2</v>
      </c>
      <c r="R54" s="91">
        <v>9.0737068702027524E-2</v>
      </c>
      <c r="S54" s="92">
        <v>9.4342361478275787E-3</v>
      </c>
      <c r="T54" s="164">
        <v>3712</v>
      </c>
      <c r="U54" s="168">
        <v>0.28976239904789852</v>
      </c>
      <c r="V54" s="92">
        <v>1.488727849610906E-2</v>
      </c>
      <c r="W54" s="168">
        <v>0.1839019997555458</v>
      </c>
      <c r="X54" s="92">
        <v>1.2719421723788366E-2</v>
      </c>
      <c r="Y54" s="168">
        <v>0.44226890174535066</v>
      </c>
      <c r="Z54" s="92">
        <v>1.6294989609164812E-2</v>
      </c>
      <c r="AA54" s="91">
        <v>8.4066699451206095E-2</v>
      </c>
      <c r="AB54" s="92">
        <v>9.1260597318304666E-3</v>
      </c>
      <c r="AC54" s="164">
        <v>3716</v>
      </c>
      <c r="AD54" s="168">
        <v>0.18226540276901662</v>
      </c>
      <c r="AE54" s="92">
        <v>1.2668720141177653E-2</v>
      </c>
      <c r="AF54" s="168">
        <v>0.21106282447822419</v>
      </c>
      <c r="AG54" s="92">
        <v>1.3388116583072094E-2</v>
      </c>
      <c r="AH54" s="168">
        <v>0.54276596264550536</v>
      </c>
      <c r="AI54" s="92">
        <v>1.6335692286377296E-2</v>
      </c>
      <c r="AJ54" s="91">
        <v>6.3905810107254254E-2</v>
      </c>
      <c r="AK54" s="92">
        <v>8.0476152154377954E-3</v>
      </c>
    </row>
    <row r="55" spans="1:45">
      <c r="A55" s="47" t="s">
        <v>568</v>
      </c>
      <c r="B55" s="166">
        <v>11519</v>
      </c>
      <c r="C55" s="169">
        <v>0.2908659914970872</v>
      </c>
      <c r="D55" s="95">
        <v>8.4623270131607402E-3</v>
      </c>
      <c r="E55" s="169">
        <v>0.20789629331202217</v>
      </c>
      <c r="F55" s="95">
        <v>7.5620526389331933E-3</v>
      </c>
      <c r="G55" s="169">
        <v>0.42663778544656117</v>
      </c>
      <c r="H55" s="95">
        <v>9.2149869320796943E-3</v>
      </c>
      <c r="I55" s="94">
        <v>7.4599929744350021E-2</v>
      </c>
      <c r="J55" s="95">
        <v>4.8997728888236589E-3</v>
      </c>
      <c r="K55" s="166">
        <v>11527</v>
      </c>
      <c r="L55" s="169">
        <v>0.34146070725133987</v>
      </c>
      <c r="M55" s="95">
        <v>8.8323152068415702E-3</v>
      </c>
      <c r="N55" s="169">
        <v>0.19998468278976328</v>
      </c>
      <c r="O55" s="95">
        <v>7.4512434302959262E-3</v>
      </c>
      <c r="P55" s="169">
        <v>0.38008504498542772</v>
      </c>
      <c r="Q55" s="95">
        <v>9.0409100775433494E-3</v>
      </c>
      <c r="R55" s="94">
        <v>7.8469564973489836E-2</v>
      </c>
      <c r="S55" s="95">
        <v>5.0127008105004343E-3</v>
      </c>
      <c r="T55" s="166">
        <v>11508</v>
      </c>
      <c r="U55" s="169">
        <v>0.27792730313127767</v>
      </c>
      <c r="V55" s="95">
        <v>8.3511781213432296E-3</v>
      </c>
      <c r="W55" s="169">
        <v>0.17125037698919368</v>
      </c>
      <c r="X55" s="95">
        <v>7.0242006332423409E-3</v>
      </c>
      <c r="Y55" s="169">
        <v>0.47122983762634296</v>
      </c>
      <c r="Z55" s="95">
        <v>9.3047555384420579E-3</v>
      </c>
      <c r="AA55" s="94">
        <v>7.9592482253205199E-2</v>
      </c>
      <c r="AB55" s="95">
        <v>5.0494538614253006E-3</v>
      </c>
      <c r="AC55" s="166">
        <v>11512</v>
      </c>
      <c r="AD55" s="169">
        <v>0.18995478913094754</v>
      </c>
      <c r="AE55" s="95">
        <v>7.3122852271460398E-3</v>
      </c>
      <c r="AF55" s="169">
        <v>0.20454417040218562</v>
      </c>
      <c r="AG55" s="95">
        <v>7.5190272528439439E-3</v>
      </c>
      <c r="AH55" s="169">
        <v>0.55078342336441</v>
      </c>
      <c r="AI55" s="95">
        <v>9.2704124569478324E-3</v>
      </c>
      <c r="AJ55" s="94">
        <v>5.4717617102476031E-2</v>
      </c>
      <c r="AK55" s="95">
        <v>4.2442497450248962E-3</v>
      </c>
    </row>
    <row r="56" spans="1:45">
      <c r="A56" s="43" t="s">
        <v>569</v>
      </c>
      <c r="B56" s="164">
        <v>2361</v>
      </c>
      <c r="C56" s="168">
        <v>0.35375232618664593</v>
      </c>
      <c r="D56" s="92">
        <v>1.9666733115098443E-2</v>
      </c>
      <c r="E56" s="168">
        <v>0.18882186202904042</v>
      </c>
      <c r="F56" s="92">
        <v>1.611247144736748E-2</v>
      </c>
      <c r="G56" s="168">
        <v>0.43137776783352166</v>
      </c>
      <c r="H56" s="92">
        <v>2.0368981300225807E-2</v>
      </c>
      <c r="I56" s="91">
        <v>2.6048043950789922E-2</v>
      </c>
      <c r="J56" s="92">
        <v>6.6477356431277421E-3</v>
      </c>
      <c r="K56" s="164">
        <v>2363</v>
      </c>
      <c r="L56" s="168">
        <v>0.39743328685060036</v>
      </c>
      <c r="M56" s="92">
        <v>2.0118600382208921E-2</v>
      </c>
      <c r="N56" s="168">
        <v>0.15751511905221638</v>
      </c>
      <c r="O56" s="92">
        <v>1.4997547112633805E-2</v>
      </c>
      <c r="P56" s="168">
        <v>0.41632583305696536</v>
      </c>
      <c r="Q56" s="92">
        <v>2.0265340704791676E-2</v>
      </c>
      <c r="R56" s="91">
        <v>2.8725761040215198E-2</v>
      </c>
      <c r="S56" s="92">
        <v>6.9582143819573242E-3</v>
      </c>
      <c r="T56" s="164">
        <v>2362</v>
      </c>
      <c r="U56" s="168">
        <v>0.1910051383705571</v>
      </c>
      <c r="V56" s="92">
        <v>1.6179714268253084E-2</v>
      </c>
      <c r="W56" s="168">
        <v>0.12399789036662329</v>
      </c>
      <c r="X56" s="92">
        <v>1.3581104183968472E-2</v>
      </c>
      <c r="Y56" s="168">
        <v>0.66082640196481213</v>
      </c>
      <c r="Z56" s="92">
        <v>1.9469821916505998E-2</v>
      </c>
      <c r="AA56" s="91">
        <v>2.4170569298003545E-2</v>
      </c>
      <c r="AB56" s="92">
        <v>6.4162809742549787E-3</v>
      </c>
      <c r="AC56" s="164">
        <v>2354</v>
      </c>
      <c r="AD56" s="168">
        <v>0.14793116701979453</v>
      </c>
      <c r="AE56" s="92">
        <v>1.4646974658189142E-2</v>
      </c>
      <c r="AF56" s="168">
        <v>0.16550381675872131</v>
      </c>
      <c r="AG56" s="92">
        <v>1.5327445680768574E-2</v>
      </c>
      <c r="AH56" s="168">
        <v>0.66414412636738229</v>
      </c>
      <c r="AI56" s="92">
        <v>1.9456048156365667E-2</v>
      </c>
      <c r="AJ56" s="91">
        <v>2.2420889854099582E-2</v>
      </c>
      <c r="AK56" s="92">
        <v>6.2042355586140697E-3</v>
      </c>
    </row>
    <row r="57" spans="1:45">
      <c r="A57" s="47" t="s">
        <v>570</v>
      </c>
      <c r="B57" s="166">
        <v>606</v>
      </c>
      <c r="C57" s="169">
        <v>0.40521482723086222</v>
      </c>
      <c r="D57" s="95">
        <v>3.9764322971631794E-2</v>
      </c>
      <c r="E57" s="169">
        <v>0.16300365998814809</v>
      </c>
      <c r="F57" s="95">
        <v>3.0072914746479693E-2</v>
      </c>
      <c r="G57" s="169">
        <v>0.40216672563961564</v>
      </c>
      <c r="H57" s="95">
        <v>3.9716517170504818E-2</v>
      </c>
      <c r="I57" s="94">
        <v>2.9614787141373854E-2</v>
      </c>
      <c r="J57" s="95">
        <v>1.4401738830732013E-2</v>
      </c>
      <c r="K57" s="166">
        <v>607</v>
      </c>
      <c r="L57" s="169">
        <v>0.4219901541917036</v>
      </c>
      <c r="M57" s="95">
        <v>3.9966752371145629E-2</v>
      </c>
      <c r="N57" s="169">
        <v>0.16566040716391511</v>
      </c>
      <c r="O57" s="95">
        <v>3.0239183187513664E-2</v>
      </c>
      <c r="P57" s="169">
        <v>0.38761658122806286</v>
      </c>
      <c r="Q57" s="95">
        <v>3.943419757254122E-2</v>
      </c>
      <c r="R57" s="94">
        <v>2.473285741631848E-2</v>
      </c>
      <c r="S57" s="95">
        <v>1.3312057132794543E-2</v>
      </c>
      <c r="T57" s="166">
        <v>607</v>
      </c>
      <c r="U57" s="169">
        <v>0.21198328523714294</v>
      </c>
      <c r="V57" s="95">
        <v>3.317650585767664E-2</v>
      </c>
      <c r="W57" s="169">
        <v>0.11904850727641031</v>
      </c>
      <c r="X57" s="95">
        <v>2.6438316126365644E-2</v>
      </c>
      <c r="Y57" s="169">
        <v>0.64501536612726351</v>
      </c>
      <c r="Z57" s="95">
        <v>3.8739973059685406E-2</v>
      </c>
      <c r="AA57" s="94">
        <v>2.3952841359182679E-2</v>
      </c>
      <c r="AB57" s="95">
        <v>1.3130742070205911E-2</v>
      </c>
      <c r="AC57" s="166">
        <v>602</v>
      </c>
      <c r="AD57" s="169">
        <v>0.15611881594877947</v>
      </c>
      <c r="AE57" s="95">
        <v>2.9662756985808818E-2</v>
      </c>
      <c r="AF57" s="169">
        <v>0.15304562576967851</v>
      </c>
      <c r="AG57" s="95">
        <v>2.9428725475288263E-2</v>
      </c>
      <c r="AH57" s="169">
        <v>0.67492253652940415</v>
      </c>
      <c r="AI57" s="95">
        <v>3.8090105581344257E-2</v>
      </c>
      <c r="AJ57" s="94">
        <v>1.5913021752138035E-2</v>
      </c>
      <c r="AK57" s="95">
        <v>1.1122832824959846E-2</v>
      </c>
    </row>
    <row r="58" spans="1:45">
      <c r="A58" s="43" t="s">
        <v>571</v>
      </c>
      <c r="B58" s="164">
        <v>1271</v>
      </c>
      <c r="C58" s="168">
        <v>0.40790555437286086</v>
      </c>
      <c r="D58" s="92">
        <v>2.7529477742846378E-2</v>
      </c>
      <c r="E58" s="168">
        <v>0.18544616972369646</v>
      </c>
      <c r="F58" s="92">
        <v>2.1813882236905838E-2</v>
      </c>
      <c r="G58" s="168">
        <v>0.38034943964626011</v>
      </c>
      <c r="H58" s="92">
        <v>2.719708346494636E-2</v>
      </c>
      <c r="I58" s="91">
        <v>2.6298836257183985E-2</v>
      </c>
      <c r="J58" s="92">
        <v>9.2057873849445519E-3</v>
      </c>
      <c r="K58" s="164">
        <v>1271</v>
      </c>
      <c r="L58" s="168">
        <v>0.43587586177669913</v>
      </c>
      <c r="M58" s="92">
        <v>2.7775788843007538E-2</v>
      </c>
      <c r="N58" s="168">
        <v>0.1723600145673776</v>
      </c>
      <c r="O58" s="92">
        <v>2.1204848814000074E-2</v>
      </c>
      <c r="P58" s="168">
        <v>0.3595671096204186</v>
      </c>
      <c r="Q58" s="92">
        <v>2.6885503130144966E-2</v>
      </c>
      <c r="R58" s="91">
        <v>3.219701403550556E-2</v>
      </c>
      <c r="S58" s="92">
        <v>1.0102428184048983E-2</v>
      </c>
      <c r="T58" s="164">
        <v>1270</v>
      </c>
      <c r="U58" s="168">
        <v>0.1765019927386807</v>
      </c>
      <c r="V58" s="92">
        <v>2.1410626666317812E-2</v>
      </c>
      <c r="W58" s="168">
        <v>0.12578082365937099</v>
      </c>
      <c r="X58" s="92">
        <v>1.8654758070416312E-2</v>
      </c>
      <c r="Y58" s="168">
        <v>0.67607198037142269</v>
      </c>
      <c r="Z58" s="92">
        <v>2.6233645456637911E-2</v>
      </c>
      <c r="AA58" s="91">
        <v>2.1645203230526783E-2</v>
      </c>
      <c r="AB58" s="92">
        <v>8.4257424540648308E-3</v>
      </c>
      <c r="AC58" s="164">
        <v>1269</v>
      </c>
      <c r="AD58" s="168">
        <v>0.13256441593621751</v>
      </c>
      <c r="AE58" s="92">
        <v>1.9078389101043237E-2</v>
      </c>
      <c r="AF58" s="168">
        <v>0.16729628483869363</v>
      </c>
      <c r="AG58" s="92">
        <v>2.0974137574055019E-2</v>
      </c>
      <c r="AH58" s="168">
        <v>0.67586943544990119</v>
      </c>
      <c r="AI58" s="92">
        <v>2.6248196715059527E-2</v>
      </c>
      <c r="AJ58" s="91">
        <v>2.4269863775189374E-2</v>
      </c>
      <c r="AK58" s="92">
        <v>8.8809664849855158E-3</v>
      </c>
    </row>
    <row r="59" spans="1:45">
      <c r="A59" s="47" t="s">
        <v>582</v>
      </c>
      <c r="B59" s="166">
        <v>863</v>
      </c>
      <c r="C59" s="169">
        <v>0.35684272428391844</v>
      </c>
      <c r="D59" s="95">
        <v>3.2553365707307956E-2</v>
      </c>
      <c r="E59" s="169">
        <v>0.21374656496212374</v>
      </c>
      <c r="F59" s="95">
        <v>2.7907683927263158E-2</v>
      </c>
      <c r="G59" s="169">
        <v>0.3899734883311205</v>
      </c>
      <c r="H59" s="95">
        <v>3.3137065476403986E-2</v>
      </c>
      <c r="I59" s="94">
        <v>3.9437222422839507E-2</v>
      </c>
      <c r="J59" s="95">
        <v>1.3556609163478357E-2</v>
      </c>
      <c r="K59" s="166">
        <v>863</v>
      </c>
      <c r="L59" s="169">
        <v>0.4024337127974289</v>
      </c>
      <c r="M59" s="95">
        <v>3.3314997440655747E-2</v>
      </c>
      <c r="N59" s="169">
        <v>0.17313692598793765</v>
      </c>
      <c r="O59" s="95">
        <v>2.5788071421878986E-2</v>
      </c>
      <c r="P59" s="169">
        <v>0.37978608668142433</v>
      </c>
      <c r="Q59" s="95">
        <v>3.2974888460627849E-2</v>
      </c>
      <c r="R59" s="94">
        <v>4.4643274533211423E-2</v>
      </c>
      <c r="S59" s="95">
        <v>1.4338002648494334E-2</v>
      </c>
      <c r="T59" s="166">
        <v>862</v>
      </c>
      <c r="U59" s="169">
        <v>0.20314298873917397</v>
      </c>
      <c r="V59" s="95">
        <v>2.7412520030535976E-2</v>
      </c>
      <c r="W59" s="169">
        <v>0.12191245548557497</v>
      </c>
      <c r="X59" s="95">
        <v>2.2372793084286254E-2</v>
      </c>
      <c r="Y59" s="169">
        <v>0.63856020075868014</v>
      </c>
      <c r="Z59" s="95">
        <v>3.2663022893873142E-2</v>
      </c>
      <c r="AA59" s="94">
        <v>3.6384355016572674E-2</v>
      </c>
      <c r="AB59" s="95">
        <v>1.3080234205293787E-2</v>
      </c>
      <c r="AC59" s="166">
        <v>861</v>
      </c>
      <c r="AD59" s="169">
        <v>0.16931336672173611</v>
      </c>
      <c r="AE59" s="95">
        <v>2.559401803219168E-2</v>
      </c>
      <c r="AF59" s="169">
        <v>0.1579697368714722</v>
      </c>
      <c r="AG59" s="95">
        <v>2.4901631855937766E-2</v>
      </c>
      <c r="AH59" s="169">
        <v>0.64040551692795811</v>
      </c>
      <c r="AI59" s="95">
        <v>3.264580933945465E-2</v>
      </c>
      <c r="AJ59" s="94">
        <v>3.2311379478835167E-2</v>
      </c>
      <c r="AK59" s="95">
        <v>1.2406531517640627E-2</v>
      </c>
    </row>
    <row r="60" spans="1:45">
      <c r="A60" s="43" t="s">
        <v>583</v>
      </c>
      <c r="B60" s="164">
        <v>1498</v>
      </c>
      <c r="C60" s="168">
        <v>0.35252299841586465</v>
      </c>
      <c r="D60" s="92">
        <v>2.4661015907419807E-2</v>
      </c>
      <c r="E60" s="168">
        <v>0.17890707806603168</v>
      </c>
      <c r="F60" s="92">
        <v>1.9815913274744763E-2</v>
      </c>
      <c r="G60" s="168">
        <v>0.44784795355699913</v>
      </c>
      <c r="H60" s="92">
        <v>2.5662701552417129E-2</v>
      </c>
      <c r="I60" s="91">
        <v>2.0721969961104043E-2</v>
      </c>
      <c r="J60" s="92">
        <v>7.5693712811875603E-3</v>
      </c>
      <c r="K60" s="164">
        <v>1500</v>
      </c>
      <c r="L60" s="168">
        <v>0.39541515279168399</v>
      </c>
      <c r="M60" s="92">
        <v>2.5218202707189274E-2</v>
      </c>
      <c r="N60" s="168">
        <v>0.1512102760300281</v>
      </c>
      <c r="O60" s="92">
        <v>1.8521979836822626E-2</v>
      </c>
      <c r="P60" s="168">
        <v>0.43107299808827898</v>
      </c>
      <c r="Q60" s="92">
        <v>2.554065937202056E-2</v>
      </c>
      <c r="R60" s="91">
        <v>2.2301573090008762E-2</v>
      </c>
      <c r="S60" s="92">
        <v>7.8239278036769128E-3</v>
      </c>
      <c r="T60" s="164">
        <v>1500</v>
      </c>
      <c r="U60" s="168">
        <v>0.18613177938069761</v>
      </c>
      <c r="V60" s="92">
        <v>2.0106766219143462E-2</v>
      </c>
      <c r="W60" s="168">
        <v>0.12483519454460244</v>
      </c>
      <c r="X60" s="92">
        <v>1.7104111434734094E-2</v>
      </c>
      <c r="Y60" s="168">
        <v>0.66976630388505276</v>
      </c>
      <c r="Z60" s="92">
        <v>2.4262115818495276E-2</v>
      </c>
      <c r="AA60" s="91">
        <v>1.9266722189646403E-2</v>
      </c>
      <c r="AB60" s="92">
        <v>7.315671043353158E-3</v>
      </c>
      <c r="AC60" s="164">
        <v>1493</v>
      </c>
      <c r="AD60" s="168">
        <v>0.1393549904737135</v>
      </c>
      <c r="AE60" s="92">
        <v>1.7953351390093426E-2</v>
      </c>
      <c r="AF60" s="168">
        <v>0.16852565736099884</v>
      </c>
      <c r="AG60" s="92">
        <v>1.9390247556117537E-2</v>
      </c>
      <c r="AH60" s="168">
        <v>0.67366543420048397</v>
      </c>
      <c r="AI60" s="92">
        <v>2.4245530719172452E-2</v>
      </c>
      <c r="AJ60" s="91">
        <v>1.8453917964803602E-2</v>
      </c>
      <c r="AK60" s="92">
        <v>7.1906794849435724E-3</v>
      </c>
    </row>
    <row r="61" spans="1:45">
      <c r="A61" s="47" t="s">
        <v>572</v>
      </c>
      <c r="B61" s="166">
        <v>290</v>
      </c>
      <c r="C61" s="169">
        <v>0.22797672126616489</v>
      </c>
      <c r="D61" s="95">
        <v>4.9211905135533696E-2</v>
      </c>
      <c r="E61" s="169">
        <v>0.21030216521155881</v>
      </c>
      <c r="F61" s="95">
        <v>4.7857967064453014E-2</v>
      </c>
      <c r="G61" s="169">
        <v>0.53816825287709202</v>
      </c>
      <c r="H61" s="95">
        <v>5.8155615312882443E-2</v>
      </c>
      <c r="I61" s="94">
        <v>2.3552860645183662E-2</v>
      </c>
      <c r="J61" s="95">
        <v>1.990898519899922E-2</v>
      </c>
      <c r="K61" s="166">
        <v>290</v>
      </c>
      <c r="L61" s="169">
        <v>0.29983801964702572</v>
      </c>
      <c r="M61" s="95">
        <v>5.3581645303874145E-2</v>
      </c>
      <c r="N61" s="169">
        <v>0.15026682204191097</v>
      </c>
      <c r="O61" s="95">
        <v>4.2216209931942236E-2</v>
      </c>
      <c r="P61" s="169">
        <v>0.53540937629715846</v>
      </c>
      <c r="Q61" s="95">
        <v>5.8178713833645757E-2</v>
      </c>
      <c r="R61" s="94">
        <v>1.4485782013904632E-2</v>
      </c>
      <c r="S61" s="95">
        <v>1.6760241963656698E-2</v>
      </c>
      <c r="T61" s="166">
        <v>289</v>
      </c>
      <c r="U61" s="169">
        <v>0.24030652180476397</v>
      </c>
      <c r="V61" s="95">
        <v>5.0172142247675237E-2</v>
      </c>
      <c r="W61" s="169">
        <v>0.10861780425848426</v>
      </c>
      <c r="X61" s="95">
        <v>3.7127916110378988E-2</v>
      </c>
      <c r="Y61" s="169">
        <v>0.6321992953378941</v>
      </c>
      <c r="Z61" s="95">
        <v>5.6399025404933661E-2</v>
      </c>
      <c r="AA61" s="94">
        <v>1.8876378598857262E-2</v>
      </c>
      <c r="AB61" s="95">
        <v>1.8399135800916479E-2</v>
      </c>
      <c r="AC61" s="166">
        <v>290</v>
      </c>
      <c r="AD61" s="169">
        <v>0.18643160957606203</v>
      </c>
      <c r="AE61" s="95">
        <v>4.5823111187990394E-2</v>
      </c>
      <c r="AF61" s="169">
        <v>0.16791336200878132</v>
      </c>
      <c r="AG61" s="95">
        <v>4.4062248633467249E-2</v>
      </c>
      <c r="AH61" s="169">
        <v>0.62879239015635602</v>
      </c>
      <c r="AI61" s="95">
        <v>5.6407266593591306E-2</v>
      </c>
      <c r="AJ61" s="94">
        <v>1.6862638258800317E-2</v>
      </c>
      <c r="AK61" s="95">
        <v>1.7646063952031756E-2</v>
      </c>
    </row>
    <row r="62" spans="1:45">
      <c r="A62" s="43" t="s">
        <v>573</v>
      </c>
      <c r="B62" s="164">
        <v>448</v>
      </c>
      <c r="C62" s="168">
        <v>0.44818173392957178</v>
      </c>
      <c r="D62" s="92">
        <v>4.6787240289233367E-2</v>
      </c>
      <c r="E62" s="168">
        <v>0.17877037798012871</v>
      </c>
      <c r="F62" s="92">
        <v>3.626717394450206E-2</v>
      </c>
      <c r="G62" s="168">
        <v>0.35502793354025242</v>
      </c>
      <c r="H62" s="92">
        <v>4.5051930168619761E-2</v>
      </c>
      <c r="I62" s="91">
        <v>1.8019954550048022E-2</v>
      </c>
      <c r="J62" s="92">
        <v>1.3885955107387075E-2</v>
      </c>
      <c r="K62" s="164">
        <v>448</v>
      </c>
      <c r="L62" s="168">
        <v>0.53507334242091475</v>
      </c>
      <c r="M62" s="92">
        <v>4.6922223039487829E-2</v>
      </c>
      <c r="N62" s="168">
        <v>0.14271342838240086</v>
      </c>
      <c r="O62" s="92">
        <v>3.3205669897219917E-2</v>
      </c>
      <c r="P62" s="168">
        <v>0.29547484020221015</v>
      </c>
      <c r="Q62" s="92">
        <v>4.2996866177437726E-2</v>
      </c>
      <c r="R62" s="91">
        <v>2.6738388994475337E-2</v>
      </c>
      <c r="S62" s="92">
        <v>1.6285639927838037E-2</v>
      </c>
      <c r="T62" s="164">
        <v>448</v>
      </c>
      <c r="U62" s="168">
        <v>0.19527349413432546</v>
      </c>
      <c r="V62" s="92">
        <v>3.7484863398526858E-2</v>
      </c>
      <c r="W62" s="168">
        <v>0.14005320504181065</v>
      </c>
      <c r="X62" s="92">
        <v>3.2954955254295086E-2</v>
      </c>
      <c r="Y62" s="168">
        <v>0.64506108858222844</v>
      </c>
      <c r="Z62" s="92">
        <v>4.5049438932360762E-2</v>
      </c>
      <c r="AA62" s="91">
        <v>1.9612212241636416E-2</v>
      </c>
      <c r="AB62" s="92">
        <v>1.4357622080611166E-2</v>
      </c>
      <c r="AC62" s="164">
        <v>444</v>
      </c>
      <c r="AD62" s="168">
        <v>0.14256689811617745</v>
      </c>
      <c r="AE62" s="92">
        <v>3.3342485935085403E-2</v>
      </c>
      <c r="AF62" s="168">
        <v>0.16993244488316395</v>
      </c>
      <c r="AG62" s="92">
        <v>3.5731159269487785E-2</v>
      </c>
      <c r="AH62" s="168">
        <v>0.66698880442712616</v>
      </c>
      <c r="AI62" s="92">
        <v>4.4582434409860559E-2</v>
      </c>
      <c r="AJ62" s="91">
        <v>2.0511852573533627E-2</v>
      </c>
      <c r="AK62" s="92">
        <v>1.4692777641245158E-2</v>
      </c>
    </row>
    <row r="63" spans="1:45">
      <c r="A63" s="47" t="s">
        <v>574</v>
      </c>
      <c r="B63" s="166">
        <v>671</v>
      </c>
      <c r="C63" s="169">
        <v>0.41888190482716092</v>
      </c>
      <c r="D63" s="95">
        <v>3.7986165939621952E-2</v>
      </c>
      <c r="E63" s="169">
        <v>0.17392663570603847</v>
      </c>
      <c r="F63" s="95">
        <v>2.9306306918577246E-2</v>
      </c>
      <c r="G63" s="169">
        <v>0.38062554515639369</v>
      </c>
      <c r="H63" s="95">
        <v>3.7390284425219834E-2</v>
      </c>
      <c r="I63" s="94">
        <v>2.6565914310405555E-2</v>
      </c>
      <c r="J63" s="95">
        <v>1.2997724605305136E-2</v>
      </c>
      <c r="K63" s="166">
        <v>672</v>
      </c>
      <c r="L63" s="169">
        <v>0.41715622143450271</v>
      </c>
      <c r="M63" s="95">
        <v>3.7936250487426555E-2</v>
      </c>
      <c r="N63" s="169">
        <v>0.17350528240670091</v>
      </c>
      <c r="O63" s="95">
        <v>2.9256971184750801E-2</v>
      </c>
      <c r="P63" s="169">
        <v>0.379061932109586</v>
      </c>
      <c r="Q63" s="95">
        <v>3.7333184041737827E-2</v>
      </c>
      <c r="R63" s="94">
        <v>3.0276564049209018E-2</v>
      </c>
      <c r="S63" s="95">
        <v>1.3752524031549387E-2</v>
      </c>
      <c r="T63" s="166">
        <v>672</v>
      </c>
      <c r="U63" s="169">
        <v>0.19973394930032909</v>
      </c>
      <c r="V63" s="95">
        <v>3.0856042992570217E-2</v>
      </c>
      <c r="W63" s="169">
        <v>0.11453122763027862</v>
      </c>
      <c r="X63" s="95">
        <v>2.4707404847778804E-2</v>
      </c>
      <c r="Y63" s="169">
        <v>0.6662925976120202</v>
      </c>
      <c r="Z63" s="95">
        <v>3.6298651164028667E-2</v>
      </c>
      <c r="AA63" s="94">
        <v>1.9442225457371204E-2</v>
      </c>
      <c r="AB63" s="95">
        <v>1.1354718376663499E-2</v>
      </c>
      <c r="AC63" s="166">
        <v>671</v>
      </c>
      <c r="AD63" s="169">
        <v>0.15231822289717106</v>
      </c>
      <c r="AE63" s="95">
        <v>2.7813753034634212E-2</v>
      </c>
      <c r="AF63" s="169">
        <v>0.20267225222025523</v>
      </c>
      <c r="AG63" s="95">
        <v>3.104509070295491E-2</v>
      </c>
      <c r="AH63" s="169">
        <v>0.62066907469248445</v>
      </c>
      <c r="AI63" s="95">
        <v>3.7365941172241131E-2</v>
      </c>
      <c r="AJ63" s="94">
        <v>2.4340450190087581E-2</v>
      </c>
      <c r="AK63" s="95">
        <v>1.251287994107402E-2</v>
      </c>
    </row>
    <row r="64" spans="1:45">
      <c r="A64" s="43" t="s">
        <v>575</v>
      </c>
      <c r="B64" s="164">
        <v>928</v>
      </c>
      <c r="C64" s="168">
        <v>0.32294655834003011</v>
      </c>
      <c r="D64" s="92">
        <v>3.0652460167619223E-2</v>
      </c>
      <c r="E64" s="168">
        <v>0.19746261545888255</v>
      </c>
      <c r="F64" s="92">
        <v>2.6143800135493094E-2</v>
      </c>
      <c r="G64" s="168">
        <v>0.44694998531040719</v>
      </c>
      <c r="H64" s="92">
        <v>3.2572784212039373E-2</v>
      </c>
      <c r="I64" s="91">
        <v>3.2640840890675676E-2</v>
      </c>
      <c r="J64" s="92">
        <v>1.1981079891256619E-2</v>
      </c>
      <c r="K64" s="164">
        <v>929</v>
      </c>
      <c r="L64" s="168">
        <v>0.35719731584771536</v>
      </c>
      <c r="M64" s="92">
        <v>3.1386801302502994E-2</v>
      </c>
      <c r="N64" s="168">
        <v>0.16095503036806774</v>
      </c>
      <c r="O64" s="92">
        <v>2.4149591518404432E-2</v>
      </c>
      <c r="P64" s="168">
        <v>0.44242402109062118</v>
      </c>
      <c r="Q64" s="92">
        <v>3.2522619392360529E-2</v>
      </c>
      <c r="R64" s="91">
        <v>3.9423632693591545E-2</v>
      </c>
      <c r="S64" s="92">
        <v>1.3043652101784018E-2</v>
      </c>
      <c r="T64" s="164">
        <v>928</v>
      </c>
      <c r="U64" s="168">
        <v>0.15112640290883322</v>
      </c>
      <c r="V64" s="92">
        <v>2.3559778435288843E-2</v>
      </c>
      <c r="W64" s="168">
        <v>0.12165240920891103</v>
      </c>
      <c r="X64" s="92">
        <v>2.1537390636630255E-2</v>
      </c>
      <c r="Y64" s="168">
        <v>0.69196159104909316</v>
      </c>
      <c r="Z64" s="92">
        <v>3.0268212436602479E-2</v>
      </c>
      <c r="AA64" s="91">
        <v>3.5259596833159899E-2</v>
      </c>
      <c r="AB64" s="92">
        <v>1.240696123706489E-2</v>
      </c>
      <c r="AC64" s="164">
        <v>924</v>
      </c>
      <c r="AD64" s="168">
        <v>0.12217266263075457</v>
      </c>
      <c r="AE64" s="92">
        <v>2.1623192021545411E-2</v>
      </c>
      <c r="AF64" s="168">
        <v>0.13440069687773973</v>
      </c>
      <c r="AG64" s="92">
        <v>2.2503537286776534E-2</v>
      </c>
      <c r="AH64" s="168">
        <v>0.71662749344300603</v>
      </c>
      <c r="AI64" s="92">
        <v>2.9615073950286543E-2</v>
      </c>
      <c r="AJ64" s="91">
        <v>2.6799147048497205E-2</v>
      </c>
      <c r="AK64" s="92">
        <v>1.0987282847063008E-2</v>
      </c>
    </row>
    <row r="65" spans="1:37">
      <c r="A65" s="47" t="s">
        <v>576</v>
      </c>
      <c r="B65" s="166">
        <v>748</v>
      </c>
      <c r="C65" s="169">
        <v>0.36976145727482573</v>
      </c>
      <c r="D65" s="95">
        <v>3.5221026248029787E-2</v>
      </c>
      <c r="E65" s="169">
        <v>0.16788469431169509</v>
      </c>
      <c r="F65" s="95">
        <v>2.7373472301794606E-2</v>
      </c>
      <c r="G65" s="169">
        <v>0.43709237805433232</v>
      </c>
      <c r="H65" s="95">
        <v>3.6179562439507415E-2</v>
      </c>
      <c r="I65" s="94">
        <v>2.5261470359146582E-2</v>
      </c>
      <c r="J65" s="95">
        <v>1.19872662889809E-2</v>
      </c>
      <c r="K65" s="166">
        <v>751</v>
      </c>
      <c r="L65" s="169">
        <v>0.43043329349139109</v>
      </c>
      <c r="M65" s="95">
        <v>3.6043506989021749E-2</v>
      </c>
      <c r="N65" s="169">
        <v>0.1501641451967724</v>
      </c>
      <c r="O65" s="95">
        <v>2.6133456317264808E-2</v>
      </c>
      <c r="P65" s="169">
        <v>0.39227682464959124</v>
      </c>
      <c r="Q65" s="95">
        <v>3.5548183963250581E-2</v>
      </c>
      <c r="R65" s="94">
        <v>2.7125736662245478E-2</v>
      </c>
      <c r="S65" s="95">
        <v>1.2342363977199336E-2</v>
      </c>
      <c r="T65" s="166">
        <v>752</v>
      </c>
      <c r="U65" s="169">
        <v>0.19444178519329472</v>
      </c>
      <c r="V65" s="95">
        <v>2.8878468365013912E-2</v>
      </c>
      <c r="W65" s="169">
        <v>9.8104551600717946E-2</v>
      </c>
      <c r="X65" s="95">
        <v>2.184417308557185E-2</v>
      </c>
      <c r="Y65" s="169">
        <v>0.69039373352304434</v>
      </c>
      <c r="Z65" s="95">
        <v>3.3659735804092629E-2</v>
      </c>
      <c r="AA65" s="94">
        <v>1.7059929682942853E-2</v>
      </c>
      <c r="AB65" s="95">
        <v>1.008703220328935E-2</v>
      </c>
      <c r="AC65" s="166">
        <v>745</v>
      </c>
      <c r="AD65" s="169">
        <v>0.16283395601544076</v>
      </c>
      <c r="AE65" s="95">
        <v>2.7101158687502194E-2</v>
      </c>
      <c r="AF65" s="169">
        <v>0.15767703462376725</v>
      </c>
      <c r="AG65" s="95">
        <v>2.6757406673974242E-2</v>
      </c>
      <c r="AH65" s="169">
        <v>0.6522160431216083</v>
      </c>
      <c r="AI65" s="95">
        <v>3.4823766809423971E-2</v>
      </c>
      <c r="AJ65" s="94">
        <v>2.727296623918312E-2</v>
      </c>
      <c r="AK65" s="95">
        <v>1.2425403499060952E-2</v>
      </c>
    </row>
    <row r="66" spans="1:37">
      <c r="A66" s="55" t="s">
        <v>577</v>
      </c>
      <c r="B66" s="164">
        <v>766</v>
      </c>
      <c r="C66" s="168">
        <v>0.39496541202987517</v>
      </c>
      <c r="D66" s="92">
        <v>3.5241803582019601E-2</v>
      </c>
      <c r="E66" s="168">
        <v>0.22516551061915011</v>
      </c>
      <c r="F66" s="92">
        <v>3.0172554302731216E-2</v>
      </c>
      <c r="G66" s="168">
        <v>0.35118151403008563</v>
      </c>
      <c r="H66" s="92">
        <v>3.442156970035478E-2</v>
      </c>
      <c r="I66" s="91">
        <v>2.8687563320885467E-2</v>
      </c>
      <c r="J66" s="92">
        <v>1.2518348689821905E-2</v>
      </c>
      <c r="K66" s="164">
        <v>763</v>
      </c>
      <c r="L66" s="168">
        <v>0.4190847485646268</v>
      </c>
      <c r="M66" s="92">
        <v>3.5636937442475529E-2</v>
      </c>
      <c r="N66" s="168">
        <v>0.1641793546189815</v>
      </c>
      <c r="O66" s="92">
        <v>2.6865613057956234E-2</v>
      </c>
      <c r="P66" s="168">
        <v>0.3736673065448638</v>
      </c>
      <c r="Q66" s="92">
        <v>3.4948730019252604E-2</v>
      </c>
      <c r="R66" s="91">
        <v>4.306859027152439E-2</v>
      </c>
      <c r="S66" s="92">
        <v>1.5042001396198395E-2</v>
      </c>
      <c r="T66" s="164">
        <v>765</v>
      </c>
      <c r="U66" s="168">
        <v>0.18154642808562016</v>
      </c>
      <c r="V66" s="92">
        <v>2.789909246565286E-2</v>
      </c>
      <c r="W66" s="168">
        <v>0.15168200174307228</v>
      </c>
      <c r="X66" s="92">
        <v>2.5997244285355377E-2</v>
      </c>
      <c r="Y66" s="168">
        <v>0.62052419641697087</v>
      </c>
      <c r="Z66" s="92">
        <v>3.5008796341706193E-2</v>
      </c>
      <c r="AA66" s="91">
        <v>4.6247373754334999E-2</v>
      </c>
      <c r="AB66" s="92">
        <v>1.5509533481465535E-2</v>
      </c>
      <c r="AC66" s="164">
        <v>765</v>
      </c>
      <c r="AD66" s="168">
        <v>0.12739052118484639</v>
      </c>
      <c r="AE66" s="92">
        <v>2.4201448283817099E-2</v>
      </c>
      <c r="AF66" s="168">
        <v>0.18140299761305681</v>
      </c>
      <c r="AG66" s="92">
        <v>2.7890661744309188E-2</v>
      </c>
      <c r="AH66" s="168">
        <v>0.66324295284366586</v>
      </c>
      <c r="AI66" s="92">
        <v>3.41059500000334E-2</v>
      </c>
      <c r="AJ66" s="91">
        <v>2.7963528358428861E-2</v>
      </c>
      <c r="AK66" s="92">
        <v>1.238597887880054E-2</v>
      </c>
    </row>
    <row r="67" spans="1:37">
      <c r="A67" s="47" t="s">
        <v>578</v>
      </c>
      <c r="B67" s="166">
        <v>255</v>
      </c>
      <c r="C67" s="169">
        <v>0.34300057298499853</v>
      </c>
      <c r="D67" s="95">
        <v>5.9093101630508932E-2</v>
      </c>
      <c r="E67" s="169">
        <v>0.16282462894776562</v>
      </c>
      <c r="F67" s="95">
        <v>4.6465369251928623E-2</v>
      </c>
      <c r="G67" s="169">
        <v>0.48423705620990326</v>
      </c>
      <c r="H67" s="95">
        <v>6.2107037396782951E-2</v>
      </c>
      <c r="I67" s="94">
        <v>9.9377418573325053E-3</v>
      </c>
      <c r="J67" s="95">
        <v>1.6298282079388465E-2</v>
      </c>
      <c r="K67" s="166">
        <v>255</v>
      </c>
      <c r="L67" s="169">
        <v>0.37215187343878697</v>
      </c>
      <c r="M67" s="95">
        <v>6.0135731574421196E-2</v>
      </c>
      <c r="N67" s="169">
        <v>0.1399666886341972</v>
      </c>
      <c r="O67" s="95">
        <v>4.3822902065072812E-2</v>
      </c>
      <c r="P67" s="169">
        <v>0.47813524848769068</v>
      </c>
      <c r="Q67" s="95">
        <v>6.2079359494611276E-2</v>
      </c>
      <c r="R67" s="94">
        <v>9.7461894393251688E-3</v>
      </c>
      <c r="S67" s="95">
        <v>1.6211809856707872E-2</v>
      </c>
      <c r="T67" s="166">
        <v>255</v>
      </c>
      <c r="U67" s="169">
        <v>0.22721654660658991</v>
      </c>
      <c r="V67" s="95">
        <v>5.2412065388416737E-2</v>
      </c>
      <c r="W67" s="169">
        <v>0.13130134775694974</v>
      </c>
      <c r="X67" s="95">
        <v>4.273068372236008E-2</v>
      </c>
      <c r="Y67" s="169">
        <v>0.64005951794228433</v>
      </c>
      <c r="Z67" s="95">
        <v>5.9727123732049726E-2</v>
      </c>
      <c r="AA67" s="94">
        <v>1.422587694176229E-3</v>
      </c>
      <c r="AB67" s="95">
        <v>1.1815442198486348E-2</v>
      </c>
      <c r="AC67" s="166">
        <v>252</v>
      </c>
      <c r="AD67" s="169">
        <v>0.19239840597210225</v>
      </c>
      <c r="AE67" s="95">
        <v>4.9736021076008677E-2</v>
      </c>
      <c r="AF67" s="169">
        <v>0.15123029714347261</v>
      </c>
      <c r="AG67" s="95">
        <v>4.5437329191578009E-2</v>
      </c>
      <c r="AH67" s="169">
        <v>0.65388427081272782</v>
      </c>
      <c r="AI67" s="95">
        <v>5.9562711356066049E-2</v>
      </c>
      <c r="AJ67" s="94">
        <v>2.4870260716973545E-3</v>
      </c>
      <c r="AK67" s="95">
        <v>1.2596741280378175E-2</v>
      </c>
    </row>
    <row r="68" spans="1:37">
      <c r="A68" s="55" t="s">
        <v>579</v>
      </c>
      <c r="B68" s="164">
        <v>221</v>
      </c>
      <c r="C68" s="168">
        <v>0.33424076167606082</v>
      </c>
      <c r="D68" s="92">
        <v>6.3033270931042315E-2</v>
      </c>
      <c r="E68" s="168">
        <v>0.1509112077359851</v>
      </c>
      <c r="F68" s="92">
        <v>4.8521501584115438E-2</v>
      </c>
      <c r="G68" s="168">
        <v>0.48132368050388585</v>
      </c>
      <c r="H68" s="92">
        <v>6.6621783131392678E-2</v>
      </c>
      <c r="I68" s="91">
        <v>3.3524350084068524E-2</v>
      </c>
      <c r="J68" s="92">
        <v>2.6689512908549432E-2</v>
      </c>
      <c r="K68" s="164">
        <v>221</v>
      </c>
      <c r="L68" s="168">
        <v>0.31043425104632982</v>
      </c>
      <c r="M68" s="92">
        <v>6.1871718842651233E-2</v>
      </c>
      <c r="N68" s="168">
        <v>0.194090217145653</v>
      </c>
      <c r="O68" s="92">
        <v>5.3286136744641673E-2</v>
      </c>
      <c r="P68" s="168">
        <v>0.47389322127157635</v>
      </c>
      <c r="Q68" s="92">
        <v>6.6578936152447282E-2</v>
      </c>
      <c r="R68" s="91">
        <v>2.158231053644135E-2</v>
      </c>
      <c r="S68" s="92">
        <v>2.2777086112228544E-2</v>
      </c>
      <c r="T68" s="164">
        <v>220</v>
      </c>
      <c r="U68" s="168">
        <v>0.17369065671028888</v>
      </c>
      <c r="V68" s="92">
        <v>5.1285447189404705E-2</v>
      </c>
      <c r="W68" s="168">
        <v>0.12077734315874773</v>
      </c>
      <c r="X68" s="92">
        <v>4.4577457455209593E-2</v>
      </c>
      <c r="Y68" s="168">
        <v>0.69024964579150105</v>
      </c>
      <c r="Z68" s="92">
        <v>6.1974390810760331E-2</v>
      </c>
      <c r="AA68" s="91">
        <v>1.5282354339462526E-2</v>
      </c>
      <c r="AB68" s="92">
        <v>2.0426260000781338E-2</v>
      </c>
      <c r="AC68" s="164">
        <v>220</v>
      </c>
      <c r="AD68" s="168">
        <v>0.11317793180113565</v>
      </c>
      <c r="AE68" s="92">
        <v>4.3438163958414142E-2</v>
      </c>
      <c r="AF68" s="168">
        <v>0.22803206954760952</v>
      </c>
      <c r="AG68" s="92">
        <v>5.6481906271102451E-2</v>
      </c>
      <c r="AH68" s="168">
        <v>0.64606863511617785</v>
      </c>
      <c r="AI68" s="92">
        <v>6.4006019791931462E-2</v>
      </c>
      <c r="AJ68" s="91">
        <v>1.2721363535077327E-2</v>
      </c>
      <c r="AK68" s="92">
        <v>1.9348233944539068E-2</v>
      </c>
    </row>
    <row r="69" spans="1:37">
      <c r="A69" s="47" t="s">
        <v>580</v>
      </c>
      <c r="B69" s="166">
        <v>222</v>
      </c>
      <c r="C69" s="169">
        <v>0.21801976951702856</v>
      </c>
      <c r="D69" s="95">
        <v>5.5379120646077355E-2</v>
      </c>
      <c r="E69" s="169">
        <v>0.1998575867824689</v>
      </c>
      <c r="F69" s="95">
        <v>5.3724168992135293E-2</v>
      </c>
      <c r="G69" s="169">
        <v>0.5329954232648485</v>
      </c>
      <c r="H69" s="95">
        <v>6.6379106823302253E-2</v>
      </c>
      <c r="I69" s="94">
        <v>4.9127220435654234E-2</v>
      </c>
      <c r="J69" s="95">
        <v>3.0871136499836086E-2</v>
      </c>
      <c r="K69" s="166">
        <v>223</v>
      </c>
      <c r="L69" s="169">
        <v>0.31566530602358245</v>
      </c>
      <c r="M69" s="95">
        <v>6.1866372625982491E-2</v>
      </c>
      <c r="N69" s="169">
        <v>0.19519699138075208</v>
      </c>
      <c r="O69" s="95">
        <v>5.3154327570387933E-2</v>
      </c>
      <c r="P69" s="169">
        <v>0.45736783625098026</v>
      </c>
      <c r="Q69" s="95">
        <v>6.6139085484941754E-2</v>
      </c>
      <c r="R69" s="94">
        <v>3.1769866344685295E-2</v>
      </c>
      <c r="S69" s="95">
        <v>2.6018958782648257E-2</v>
      </c>
      <c r="T69" s="166">
        <v>221</v>
      </c>
      <c r="U69" s="169">
        <v>0.16340311662712675</v>
      </c>
      <c r="V69" s="95">
        <v>5.001245795226647E-2</v>
      </c>
      <c r="W69" s="169">
        <v>7.1922330098402751E-2</v>
      </c>
      <c r="X69" s="95">
        <v>3.6075763574121497E-2</v>
      </c>
      <c r="Y69" s="169">
        <v>0.74384924903906158</v>
      </c>
      <c r="Z69" s="95">
        <v>5.8519963748360222E-2</v>
      </c>
      <c r="AA69" s="94">
        <v>2.0825304235408851E-2</v>
      </c>
      <c r="AB69" s="95">
        <v>2.2502502451481741E-2</v>
      </c>
      <c r="AC69" s="166">
        <v>222</v>
      </c>
      <c r="AD69" s="169">
        <v>0.1021095603597513</v>
      </c>
      <c r="AE69" s="95">
        <v>4.148520122409196E-2</v>
      </c>
      <c r="AF69" s="169">
        <v>0.14367183015639826</v>
      </c>
      <c r="AG69" s="95">
        <v>4.7501274494002495E-2</v>
      </c>
      <c r="AH69" s="169">
        <v>0.73152245913316005</v>
      </c>
      <c r="AI69" s="95">
        <v>5.923972571802405E-2</v>
      </c>
      <c r="AJ69" s="94">
        <v>2.2696150350690839E-2</v>
      </c>
      <c r="AK69" s="95">
        <v>2.3109610681650138E-2</v>
      </c>
    </row>
    <row r="70" spans="1:37">
      <c r="A70" s="55" t="s">
        <v>581</v>
      </c>
      <c r="B70" s="164">
        <v>121</v>
      </c>
      <c r="C70" s="168">
        <v>0.19148858634453916</v>
      </c>
      <c r="D70" s="92">
        <v>7.1736120610961643E-2</v>
      </c>
      <c r="E70" s="168">
        <v>0.19253694701127422</v>
      </c>
      <c r="F70" s="92">
        <v>7.1870954259134298E-2</v>
      </c>
      <c r="G70" s="168">
        <v>0.6089019784366283</v>
      </c>
      <c r="H70" s="92">
        <v>8.7432210419432652E-2</v>
      </c>
      <c r="I70" s="91">
        <v>7.0724882075587983E-3</v>
      </c>
      <c r="J70" s="92">
        <v>2.6727795968036851E-2</v>
      </c>
      <c r="K70" s="164">
        <v>122</v>
      </c>
      <c r="L70" s="168">
        <v>0.33836056966311578</v>
      </c>
      <c r="M70" s="92">
        <v>8.4610262374792258E-2</v>
      </c>
      <c r="N70" s="168">
        <v>0.15541723548948672</v>
      </c>
      <c r="O70" s="92">
        <v>6.6352098025819012E-2</v>
      </c>
      <c r="P70" s="168">
        <v>0.48663393344822381</v>
      </c>
      <c r="Q70" s="92">
        <v>8.9057233458457827E-2</v>
      </c>
      <c r="R70" s="91">
        <v>1.9588261399174068E-2</v>
      </c>
      <c r="S70" s="92">
        <v>3.2672323116310388E-2</v>
      </c>
      <c r="T70" s="164">
        <v>121</v>
      </c>
      <c r="U70" s="168">
        <v>0.12392688167703135</v>
      </c>
      <c r="V70" s="92">
        <v>6.1312515582789343E-2</v>
      </c>
      <c r="W70" s="168">
        <v>0.20531890532842589</v>
      </c>
      <c r="X70" s="92">
        <v>7.3458929162356218E-2</v>
      </c>
      <c r="Y70" s="168">
        <v>0.64946005233518478</v>
      </c>
      <c r="Z70" s="92">
        <v>8.5616534850312981E-2</v>
      </c>
      <c r="AA70" s="91">
        <v>2.1294160659358567E-2</v>
      </c>
      <c r="AB70" s="92">
        <v>3.3596311339156651E-2</v>
      </c>
      <c r="AC70" s="164">
        <v>121</v>
      </c>
      <c r="AD70" s="168">
        <v>0.11458616614206431</v>
      </c>
      <c r="AE70" s="92">
        <v>5.9547862427166733E-2</v>
      </c>
      <c r="AF70" s="168">
        <v>0.11969422869528473</v>
      </c>
      <c r="AG70" s="92">
        <v>6.0524611946714456E-2</v>
      </c>
      <c r="AH70" s="168">
        <v>0.71784710561676546</v>
      </c>
      <c r="AI70" s="92">
        <v>8.1098717793570377E-2</v>
      </c>
      <c r="AJ70" s="91">
        <v>4.7872499545886231E-2</v>
      </c>
      <c r="AK70" s="92">
        <v>4.3249686870723711E-2</v>
      </c>
    </row>
    <row r="71" spans="1:37">
      <c r="A71" s="47" t="s">
        <v>584</v>
      </c>
      <c r="B71" s="166">
        <v>113</v>
      </c>
      <c r="C71" s="169">
        <v>0.15881381303907041</v>
      </c>
      <c r="D71" s="95">
        <v>6.953212329079396E-2</v>
      </c>
      <c r="E71" s="169">
        <v>0.21903085289222265</v>
      </c>
      <c r="F71" s="95">
        <v>7.764964587685301E-2</v>
      </c>
      <c r="G71" s="169">
        <v>0.5911693866095673</v>
      </c>
      <c r="H71" s="95">
        <v>9.1005167501031076E-2</v>
      </c>
      <c r="I71" s="94">
        <v>3.0985947459139681E-2</v>
      </c>
      <c r="J71" s="95">
        <v>3.9140194043421783E-2</v>
      </c>
      <c r="K71" s="166">
        <v>114</v>
      </c>
      <c r="L71" s="169">
        <v>0.25547370721723978</v>
      </c>
      <c r="M71" s="95">
        <v>8.113432139567868E-2</v>
      </c>
      <c r="N71" s="169">
        <v>0.10741543884069343</v>
      </c>
      <c r="O71" s="95">
        <v>5.9985663020792626E-2</v>
      </c>
      <c r="P71" s="169">
        <v>0.61463159354975794</v>
      </c>
      <c r="Q71" s="95">
        <v>8.9770965242477338E-2</v>
      </c>
      <c r="R71" s="94">
        <v>2.2479260392309117E-2</v>
      </c>
      <c r="S71" s="95">
        <v>3.5497105778986543E-2</v>
      </c>
      <c r="T71" s="166">
        <v>114</v>
      </c>
      <c r="U71" s="169">
        <v>0.17456433911309785</v>
      </c>
      <c r="V71" s="95">
        <v>7.1580264363776153E-2</v>
      </c>
      <c r="W71" s="169">
        <v>8.8471576818764538E-2</v>
      </c>
      <c r="X71" s="95">
        <v>5.5824024258664451E-2</v>
      </c>
      <c r="Y71" s="169">
        <v>0.70585640079751721</v>
      </c>
      <c r="Z71" s="95">
        <v>8.446189683824265E-2</v>
      </c>
      <c r="AA71" s="94">
        <v>3.1107683270620249E-2</v>
      </c>
      <c r="AB71" s="95">
        <v>3.8966790854625129E-2</v>
      </c>
      <c r="AC71" s="166">
        <v>115</v>
      </c>
      <c r="AD71" s="169">
        <v>0.19494176188594836</v>
      </c>
      <c r="AE71" s="95">
        <v>7.4040755444547024E-2</v>
      </c>
      <c r="AF71" s="169">
        <v>0.18101902676968668</v>
      </c>
      <c r="AG71" s="95">
        <v>7.2175424936833835E-2</v>
      </c>
      <c r="AH71" s="169">
        <v>0.59762540942583653</v>
      </c>
      <c r="AI71" s="95">
        <v>9.0023196213261519E-2</v>
      </c>
      <c r="AJ71" s="94">
        <v>2.6413801918528709E-2</v>
      </c>
      <c r="AK71" s="95">
        <v>3.6914896964566325E-2</v>
      </c>
    </row>
    <row r="72" spans="1:37">
      <c r="A72" s="55" t="s">
        <v>585</v>
      </c>
      <c r="B72" s="164">
        <v>2248</v>
      </c>
      <c r="C72" s="168">
        <v>0.387292018608697</v>
      </c>
      <c r="D72" s="92">
        <v>2.0532087147429032E-2</v>
      </c>
      <c r="E72" s="168">
        <v>0.18362432437692611</v>
      </c>
      <c r="F72" s="92">
        <v>1.6336910679990387E-2</v>
      </c>
      <c r="G72" s="168">
        <v>0.40388519256537486</v>
      </c>
      <c r="H72" s="92">
        <v>2.0680893263532629E-2</v>
      </c>
      <c r="I72" s="91">
        <v>2.5198464448998811E-2</v>
      </c>
      <c r="J72" s="92">
        <v>6.7119932884785079E-3</v>
      </c>
      <c r="K72" s="164">
        <v>2249</v>
      </c>
      <c r="L72" s="168">
        <v>0.42200542685763615</v>
      </c>
      <c r="M72" s="92">
        <v>2.0810835187664953E-2</v>
      </c>
      <c r="N72" s="168">
        <v>0.16618699846778462</v>
      </c>
      <c r="O72" s="92">
        <v>1.5707275701864244E-2</v>
      </c>
      <c r="P72" s="168">
        <v>0.38200059115630802</v>
      </c>
      <c r="Q72" s="92">
        <v>2.0474857077005151E-2</v>
      </c>
      <c r="R72" s="91">
        <v>2.9806983518267108E-2</v>
      </c>
      <c r="S72" s="92">
        <v>7.2618699865666988E-3</v>
      </c>
      <c r="T72" s="164">
        <v>2248</v>
      </c>
      <c r="U72" s="168">
        <v>0.19389054859314656</v>
      </c>
      <c r="V72" s="92">
        <v>1.6679487112625794E-2</v>
      </c>
      <c r="W72" s="168">
        <v>0.13023286633565323</v>
      </c>
      <c r="X72" s="92">
        <v>1.4214641515330825E-2</v>
      </c>
      <c r="Y72" s="168">
        <v>0.65292350035276836</v>
      </c>
      <c r="Z72" s="92">
        <v>2.0066382029518885E-2</v>
      </c>
      <c r="AA72" s="91">
        <v>2.2953084718427923E-2</v>
      </c>
      <c r="AB72" s="92">
        <v>6.4240272763178971E-3</v>
      </c>
      <c r="AC72" s="164">
        <v>2239</v>
      </c>
      <c r="AD72" s="168">
        <v>0.1396623186807158</v>
      </c>
      <c r="AE72" s="92">
        <v>1.4666416952778948E-2</v>
      </c>
      <c r="AF72" s="168">
        <v>0.16277479537758588</v>
      </c>
      <c r="AG72" s="92">
        <v>1.5612585794947315E-2</v>
      </c>
      <c r="AH72" s="168">
        <v>0.67584432253945292</v>
      </c>
      <c r="AI72" s="92">
        <v>1.9770820721686965E-2</v>
      </c>
      <c r="AJ72" s="91">
        <v>2.1718563402242395E-2</v>
      </c>
      <c r="AK72" s="92">
        <v>6.2724617596277878E-3</v>
      </c>
    </row>
    <row r="73" spans="1:37">
      <c r="A73" s="47" t="s">
        <v>620</v>
      </c>
      <c r="B73" s="166">
        <v>156</v>
      </c>
      <c r="C73" s="169">
        <v>0.46600063482876358</v>
      </c>
      <c r="D73" s="95">
        <v>7.888300173936956E-2</v>
      </c>
      <c r="E73" s="169">
        <v>0.23036362661283058</v>
      </c>
      <c r="F73" s="95">
        <v>6.7246928364912306E-2</v>
      </c>
      <c r="G73" s="169">
        <v>0.30363573855840614</v>
      </c>
      <c r="H73" s="95">
        <v>7.3031658145644329E-2</v>
      </c>
      <c r="I73" s="94">
        <v>0</v>
      </c>
      <c r="J73" s="95">
        <v>1.7566836653193994E-2</v>
      </c>
      <c r="K73" s="166">
        <v>155</v>
      </c>
      <c r="L73" s="169">
        <v>0.43844943990251201</v>
      </c>
      <c r="M73" s="95">
        <v>7.8732050292630112E-2</v>
      </c>
      <c r="N73" s="169">
        <v>0.15290541230809754</v>
      </c>
      <c r="O73" s="95">
        <v>5.8387281759350054E-2</v>
      </c>
      <c r="P73" s="169">
        <v>0.39845655357492554</v>
      </c>
      <c r="Q73" s="95">
        <v>7.7735432424036674E-2</v>
      </c>
      <c r="R73" s="94">
        <v>1.0188594214465442E-2</v>
      </c>
      <c r="S73" s="95">
        <v>2.3527932493295517E-2</v>
      </c>
      <c r="T73" s="166">
        <v>154</v>
      </c>
      <c r="U73" s="169">
        <v>0.18585784520666487</v>
      </c>
      <c r="V73" s="95">
        <v>6.2893959507880876E-2</v>
      </c>
      <c r="W73" s="169">
        <v>7.8400042445901319E-2</v>
      </c>
      <c r="X73" s="95">
        <v>4.5322858115959624E-2</v>
      </c>
      <c r="Y73" s="169">
        <v>0.71684410020892886</v>
      </c>
      <c r="Z73" s="95">
        <v>7.2098618761848796E-2</v>
      </c>
      <c r="AA73" s="94">
        <v>1.8898012138505279E-2</v>
      </c>
      <c r="AB73" s="95">
        <v>2.7610298513736243E-2</v>
      </c>
      <c r="AC73" s="166">
        <v>155</v>
      </c>
      <c r="AD73" s="169">
        <v>0.12041208794245609</v>
      </c>
      <c r="AE73" s="95">
        <v>5.3334469922247232E-2</v>
      </c>
      <c r="AF73" s="169">
        <v>0.10960359749009302</v>
      </c>
      <c r="AG73" s="95">
        <v>5.1435392981048128E-2</v>
      </c>
      <c r="AH73" s="169">
        <v>0.75688814461107468</v>
      </c>
      <c r="AI73" s="95">
        <v>6.864126855536011E-2</v>
      </c>
      <c r="AJ73" s="94">
        <v>1.3096169956376545E-2</v>
      </c>
      <c r="AK73" s="95">
        <v>2.492905027612324E-2</v>
      </c>
    </row>
    <row r="74" spans="1:37">
      <c r="A74" s="55" t="s">
        <v>621</v>
      </c>
      <c r="B74" s="164">
        <v>162</v>
      </c>
      <c r="C74" s="168">
        <v>0.42005241630999157</v>
      </c>
      <c r="D74" s="92">
        <v>7.6664297522143529E-2</v>
      </c>
      <c r="E74" s="168">
        <v>0.1536218155254869</v>
      </c>
      <c r="F74" s="92">
        <v>5.7190140440135692E-2</v>
      </c>
      <c r="G74" s="168">
        <v>0.41716165879616846</v>
      </c>
      <c r="H74" s="92">
        <v>7.6593832961673977E-2</v>
      </c>
      <c r="I74" s="91">
        <v>9.1641093683539013E-3</v>
      </c>
      <c r="J74" s="92">
        <v>2.2253110238730563E-2</v>
      </c>
      <c r="K74" s="164">
        <v>163</v>
      </c>
      <c r="L74" s="168">
        <v>0.36308254473101093</v>
      </c>
      <c r="M74" s="92">
        <v>7.4567155959157444E-2</v>
      </c>
      <c r="N74" s="168">
        <v>0.2049639998729782</v>
      </c>
      <c r="O74" s="92">
        <v>6.3259507301775916E-2</v>
      </c>
      <c r="P74" s="168">
        <v>0.39814722154283244</v>
      </c>
      <c r="Q74" s="92">
        <v>7.5837364191749121E-2</v>
      </c>
      <c r="R74" s="91">
        <v>3.3806233853179136E-2</v>
      </c>
      <c r="S74" s="92">
        <v>3.2074024115002119E-2</v>
      </c>
      <c r="T74" s="164">
        <v>163</v>
      </c>
      <c r="U74" s="168">
        <v>0.15961489199294285</v>
      </c>
      <c r="V74" s="92">
        <v>5.7829355486233559E-2</v>
      </c>
      <c r="W74" s="168">
        <v>0.12892193182917913</v>
      </c>
      <c r="X74" s="92">
        <v>5.3347448878700861E-2</v>
      </c>
      <c r="Y74" s="168">
        <v>0.68499607035336851</v>
      </c>
      <c r="Z74" s="92">
        <v>7.2160212819171968E-2</v>
      </c>
      <c r="AA74" s="91">
        <v>2.6467105824510409E-2</v>
      </c>
      <c r="AB74" s="92">
        <v>2.951896766940686E-2</v>
      </c>
      <c r="AC74" s="164">
        <v>161</v>
      </c>
      <c r="AD74" s="168">
        <v>0.17344221678583482</v>
      </c>
      <c r="AE74" s="92">
        <v>5.9993487722235853E-2</v>
      </c>
      <c r="AF74" s="168">
        <v>0.18255790585495946</v>
      </c>
      <c r="AG74" s="92">
        <v>6.1112333378382115E-2</v>
      </c>
      <c r="AH74" s="168">
        <v>0.64399987735920661</v>
      </c>
      <c r="AI74" s="92">
        <v>7.4712739411157622E-2</v>
      </c>
      <c r="AJ74" s="91">
        <v>0</v>
      </c>
      <c r="AK74" s="92">
        <v>1.703777502754053E-2</v>
      </c>
    </row>
    <row r="75" spans="1:37">
      <c r="A75" s="47" t="s">
        <v>622</v>
      </c>
      <c r="B75" s="166">
        <v>987</v>
      </c>
      <c r="C75" s="169">
        <v>0.3940281369497069</v>
      </c>
      <c r="D75" s="95">
        <v>3.1050262789083655E-2</v>
      </c>
      <c r="E75" s="169">
        <v>0.18563218398728579</v>
      </c>
      <c r="F75" s="95">
        <v>2.4766849310354545E-2</v>
      </c>
      <c r="G75" s="169">
        <v>0.39464766268052481</v>
      </c>
      <c r="H75" s="95">
        <v>3.1058702500990947E-2</v>
      </c>
      <c r="I75" s="94">
        <v>2.5692016382482502E-2</v>
      </c>
      <c r="J75" s="95">
        <v>1.0409256305778353E-2</v>
      </c>
      <c r="K75" s="166">
        <v>987</v>
      </c>
      <c r="L75" s="169">
        <v>0.45434895138664017</v>
      </c>
      <c r="M75" s="95">
        <v>3.1634438907429396E-2</v>
      </c>
      <c r="N75" s="169">
        <v>0.15033107289491152</v>
      </c>
      <c r="O75" s="95">
        <v>2.2793477174203096E-2</v>
      </c>
      <c r="P75" s="169">
        <v>0.36424263080264446</v>
      </c>
      <c r="Q75" s="95">
        <v>3.0582532358292315E-2</v>
      </c>
      <c r="R75" s="94">
        <v>3.1077344915804193E-2</v>
      </c>
      <c r="S75" s="95">
        <v>1.1344178758085924E-2</v>
      </c>
      <c r="T75" s="166">
        <v>986</v>
      </c>
      <c r="U75" s="169">
        <v>0.18389024876102669</v>
      </c>
      <c r="V75" s="95">
        <v>2.4690444860169924E-2</v>
      </c>
      <c r="W75" s="169">
        <v>0.13323874373345104</v>
      </c>
      <c r="X75" s="95">
        <v>2.1702391558221051E-2</v>
      </c>
      <c r="Y75" s="169">
        <v>0.6591624350152</v>
      </c>
      <c r="Z75" s="95">
        <v>3.0142531061977552E-2</v>
      </c>
      <c r="AA75" s="94">
        <v>2.3708572490322807E-2</v>
      </c>
      <c r="AB75" s="95">
        <v>1.0045539241587005E-2</v>
      </c>
      <c r="AC75" s="166">
        <v>984</v>
      </c>
      <c r="AD75" s="169">
        <v>0.13660682617520989</v>
      </c>
      <c r="AE75" s="95">
        <v>2.1950672037312775E-2</v>
      </c>
      <c r="AF75" s="169">
        <v>0.1642037753764985</v>
      </c>
      <c r="AG75" s="95">
        <v>2.3649950268060414E-2</v>
      </c>
      <c r="AH75" s="169">
        <v>0.67129580489483431</v>
      </c>
      <c r="AI75" s="95">
        <v>2.9905035618313053E-2</v>
      </c>
      <c r="AJ75" s="94">
        <v>2.7893593553458836E-2</v>
      </c>
      <c r="AK75" s="95">
        <v>1.0819950861083628E-2</v>
      </c>
    </row>
    <row r="76" spans="1:37">
      <c r="A76" s="55" t="s">
        <v>623</v>
      </c>
      <c r="B76" s="164">
        <v>301</v>
      </c>
      <c r="C76" s="168">
        <v>0.39811195960907314</v>
      </c>
      <c r="D76" s="92">
        <v>5.6090013693265758E-2</v>
      </c>
      <c r="E76" s="168">
        <v>0.13549058152219526</v>
      </c>
      <c r="F76" s="92">
        <v>3.97690167296594E-2</v>
      </c>
      <c r="G76" s="168">
        <v>0.42608211805545049</v>
      </c>
      <c r="H76" s="92">
        <v>5.6647141481319323E-2</v>
      </c>
      <c r="I76" s="91">
        <v>4.0315340813280968E-2</v>
      </c>
      <c r="J76" s="92">
        <v>2.4075353421104805E-2</v>
      </c>
      <c r="K76" s="164">
        <v>302</v>
      </c>
      <c r="L76" s="168">
        <v>0.3946255863271293</v>
      </c>
      <c r="M76" s="92">
        <v>5.5915976899587036E-2</v>
      </c>
      <c r="N76" s="168">
        <v>0.18542864950336141</v>
      </c>
      <c r="O76" s="92">
        <v>4.4811153327416461E-2</v>
      </c>
      <c r="P76" s="168">
        <v>0.37813064179658085</v>
      </c>
      <c r="Q76" s="92">
        <v>5.5487572998871776E-2</v>
      </c>
      <c r="R76" s="91">
        <v>4.1815122372928233E-2</v>
      </c>
      <c r="S76" s="92">
        <v>2.4393077367993343E-2</v>
      </c>
      <c r="T76" s="164">
        <v>301</v>
      </c>
      <c r="U76" s="168">
        <v>0.23446703256182405</v>
      </c>
      <c r="V76" s="92">
        <v>4.8765682623386111E-2</v>
      </c>
      <c r="W76" s="168">
        <v>0.15237532291846276</v>
      </c>
      <c r="X76" s="92">
        <v>4.1655251699033939E-2</v>
      </c>
      <c r="Y76" s="168">
        <v>0.58330482090710212</v>
      </c>
      <c r="Z76" s="92">
        <v>5.6480507352490932E-2</v>
      </c>
      <c r="AA76" s="91">
        <v>2.985282361261074E-2</v>
      </c>
      <c r="AB76" s="92">
        <v>2.1339209603200352E-2</v>
      </c>
      <c r="AC76" s="164">
        <v>299</v>
      </c>
      <c r="AD76" s="168">
        <v>0.1275834091064055</v>
      </c>
      <c r="AE76" s="92">
        <v>3.8953912484599229E-2</v>
      </c>
      <c r="AF76" s="168">
        <v>0.15824423402557025</v>
      </c>
      <c r="AG76" s="92">
        <v>4.2413397054025567E-2</v>
      </c>
      <c r="AH76" s="168">
        <v>0.68998327992923136</v>
      </c>
      <c r="AI76" s="92">
        <v>5.3257334139194437E-2</v>
      </c>
      <c r="AJ76" s="91">
        <v>2.4189076938792513E-2</v>
      </c>
      <c r="AK76" s="92">
        <v>1.9748238310927504E-2</v>
      </c>
    </row>
    <row r="77" spans="1:37">
      <c r="A77" s="47" t="s">
        <v>624</v>
      </c>
      <c r="B77" s="166">
        <v>318</v>
      </c>
      <c r="C77" s="169">
        <v>0.39053338188495174</v>
      </c>
      <c r="D77" s="95">
        <v>5.4409640538900982E-2</v>
      </c>
      <c r="E77" s="169">
        <v>0.18373256728770293</v>
      </c>
      <c r="F77" s="95">
        <v>4.3516909115853208E-2</v>
      </c>
      <c r="G77" s="169">
        <v>0.41619402480161855</v>
      </c>
      <c r="H77" s="95">
        <v>5.4959044055229798E-2</v>
      </c>
      <c r="I77" s="94">
        <v>9.5400260257282668E-3</v>
      </c>
      <c r="J77" s="95">
        <v>1.382603328485511E-2</v>
      </c>
      <c r="K77" s="166">
        <v>319</v>
      </c>
      <c r="L77" s="169">
        <v>0.44058387905779467</v>
      </c>
      <c r="M77" s="95">
        <v>5.5256970234339377E-2</v>
      </c>
      <c r="N77" s="169">
        <v>0.18297018431998369</v>
      </c>
      <c r="O77" s="95">
        <v>4.3381244870944309E-2</v>
      </c>
      <c r="P77" s="169">
        <v>0.36017859794271245</v>
      </c>
      <c r="Q77" s="95">
        <v>5.3477368662888922E-2</v>
      </c>
      <c r="R77" s="94">
        <v>1.6267338679510541E-2</v>
      </c>
      <c r="S77" s="95">
        <v>1.641656822550442E-2</v>
      </c>
      <c r="T77" s="166">
        <v>320</v>
      </c>
      <c r="U77" s="169">
        <v>0.14827507654043096</v>
      </c>
      <c r="V77" s="95">
        <v>3.9957585709034155E-2</v>
      </c>
      <c r="W77" s="169">
        <v>9.831749802857645E-2</v>
      </c>
      <c r="X77" s="95">
        <v>3.3813303190996478E-2</v>
      </c>
      <c r="Y77" s="169">
        <v>0.75340742543099337</v>
      </c>
      <c r="Z77" s="95">
        <v>4.8094615191585866E-2</v>
      </c>
      <c r="AA77" s="94">
        <v>0</v>
      </c>
      <c r="AB77" s="95">
        <v>8.7027280798693558E-3</v>
      </c>
      <c r="AC77" s="166">
        <v>319</v>
      </c>
      <c r="AD77" s="169">
        <v>0.15546221185556677</v>
      </c>
      <c r="AE77" s="95">
        <v>4.0769016559598532E-2</v>
      </c>
      <c r="AF77" s="169">
        <v>0.19605085841022574</v>
      </c>
      <c r="AG77" s="95">
        <v>4.4497737296769972E-2</v>
      </c>
      <c r="AH77" s="169">
        <v>0.6424674151856109</v>
      </c>
      <c r="AI77" s="95">
        <v>5.3392945353262902E-2</v>
      </c>
      <c r="AJ77" s="94">
        <v>6.0195145485975772E-3</v>
      </c>
      <c r="AK77" s="95">
        <v>1.218516334584918E-2</v>
      </c>
    </row>
    <row r="78" spans="1:37">
      <c r="A78" s="55" t="s">
        <v>625</v>
      </c>
      <c r="B78" s="164">
        <v>1188</v>
      </c>
      <c r="C78" s="168">
        <v>0.33715257561990891</v>
      </c>
      <c r="D78" s="92">
        <v>2.7395830741127013E-2</v>
      </c>
      <c r="E78" s="168">
        <v>0.18216627278222197</v>
      </c>
      <c r="F78" s="92">
        <v>2.2410040843580507E-2</v>
      </c>
      <c r="G78" s="168">
        <v>0.45259825637964751</v>
      </c>
      <c r="H78" s="92">
        <v>2.8834643676611781E-2</v>
      </c>
      <c r="I78" s="91">
        <v>2.8082895218221281E-2</v>
      </c>
      <c r="J78" s="92">
        <v>9.8284629582331331E-3</v>
      </c>
      <c r="K78" s="164">
        <v>1190</v>
      </c>
      <c r="L78" s="168">
        <v>0.38340733546699424</v>
      </c>
      <c r="M78" s="92">
        <v>2.8147558012121255E-2</v>
      </c>
      <c r="N78" s="168">
        <v>0.15253835105879421</v>
      </c>
      <c r="O78" s="92">
        <v>2.0875153824267263E-2</v>
      </c>
      <c r="P78" s="168">
        <v>0.43102927865151364</v>
      </c>
      <c r="Q78" s="92">
        <v>2.8665158620330835E-2</v>
      </c>
      <c r="R78" s="91">
        <v>3.3025034822697724E-2</v>
      </c>
      <c r="S78" s="92">
        <v>1.0576832351254197E-2</v>
      </c>
      <c r="T78" s="164">
        <v>1186</v>
      </c>
      <c r="U78" s="168">
        <v>0.1904015574063303</v>
      </c>
      <c r="V78" s="92">
        <v>2.2810295415593287E-2</v>
      </c>
      <c r="W78" s="168">
        <v>0.13680035844442895</v>
      </c>
      <c r="X78" s="92">
        <v>1.9997592005919405E-2</v>
      </c>
      <c r="Y78" s="168">
        <v>0.64838925989876683</v>
      </c>
      <c r="Z78" s="92">
        <v>2.7691482059717745E-2</v>
      </c>
      <c r="AA78" s="91">
        <v>2.4408824250474435E-2</v>
      </c>
      <c r="AB78" s="92">
        <v>9.2274822614031426E-3</v>
      </c>
      <c r="AC78" s="164">
        <v>1186</v>
      </c>
      <c r="AD78" s="168">
        <v>0.14826131236578363</v>
      </c>
      <c r="AE78" s="92">
        <v>2.067029936377392E-2</v>
      </c>
      <c r="AF78" s="168">
        <v>0.17253265046338384</v>
      </c>
      <c r="AG78" s="92">
        <v>2.1961374039392505E-2</v>
      </c>
      <c r="AH78" s="168">
        <v>0.65772395504383496</v>
      </c>
      <c r="AI78" s="92">
        <v>2.7518678895864773E-2</v>
      </c>
      <c r="AJ78" s="91">
        <v>2.1482082126998415E-2</v>
      </c>
      <c r="AK78" s="92">
        <v>8.7076460972314185E-3</v>
      </c>
    </row>
    <row r="79" spans="1:37">
      <c r="A79" s="47" t="s">
        <v>626</v>
      </c>
      <c r="B79" s="166">
        <v>1172</v>
      </c>
      <c r="C79" s="169">
        <v>0.38860211555867269</v>
      </c>
      <c r="D79" s="95">
        <v>2.8432686114265301E-2</v>
      </c>
      <c r="E79" s="169">
        <v>0.19805533758059016</v>
      </c>
      <c r="F79" s="95">
        <v>2.3288239278993497E-2</v>
      </c>
      <c r="G79" s="169">
        <v>0.39122131342070288</v>
      </c>
      <c r="H79" s="95">
        <v>2.8466925294684049E-2</v>
      </c>
      <c r="I79" s="94">
        <v>2.212123344003555E-2</v>
      </c>
      <c r="J79" s="95">
        <v>8.8799183014585011E-3</v>
      </c>
      <c r="K79" s="166">
        <v>1172</v>
      </c>
      <c r="L79" s="169">
        <v>0.42733486140758481</v>
      </c>
      <c r="M79" s="95">
        <v>2.8853113605145374E-2</v>
      </c>
      <c r="N79" s="169">
        <v>0.16820690069969096</v>
      </c>
      <c r="O79" s="95">
        <v>2.1873239830820516E-2</v>
      </c>
      <c r="P79" s="169">
        <v>0.38415020885133599</v>
      </c>
      <c r="Q79" s="95">
        <v>2.8372520187242307E-2</v>
      </c>
      <c r="R79" s="94">
        <v>2.0308029041389054E-2</v>
      </c>
      <c r="S79" s="95">
        <v>8.543264608025845E-3</v>
      </c>
      <c r="T79" s="166">
        <v>1175</v>
      </c>
      <c r="U79" s="169">
        <v>0.19315532924316614</v>
      </c>
      <c r="V79" s="95">
        <v>2.3041367492023263E-2</v>
      </c>
      <c r="W79" s="169">
        <v>9.9089016963192514E-2</v>
      </c>
      <c r="X79" s="95">
        <v>1.7508912081883411E-2</v>
      </c>
      <c r="Y79" s="169">
        <v>0.68394025989187279</v>
      </c>
      <c r="Z79" s="95">
        <v>2.7095481539912019E-2</v>
      </c>
      <c r="AA79" s="94">
        <v>2.3815393901769063E-2</v>
      </c>
      <c r="AB79" s="95">
        <v>9.1698171775150151E-3</v>
      </c>
      <c r="AC79" s="166">
        <v>1167</v>
      </c>
      <c r="AD79" s="169">
        <v>0.14801017928563664</v>
      </c>
      <c r="AE79" s="95">
        <v>2.0824028264929295E-2</v>
      </c>
      <c r="AF79" s="169">
        <v>0.15229753071527069</v>
      </c>
      <c r="AG79" s="95">
        <v>2.1066972420241435E-2</v>
      </c>
      <c r="AH79" s="169">
        <v>0.6752853355879751</v>
      </c>
      <c r="AI79" s="95">
        <v>2.7381269089647088E-2</v>
      </c>
      <c r="AJ79" s="94">
        <v>2.4406954411117537E-2</v>
      </c>
      <c r="AK79" s="95">
        <v>9.3062304730646868E-3</v>
      </c>
    </row>
    <row r="80" spans="1:37">
      <c r="A80" s="55" t="s">
        <v>627</v>
      </c>
      <c r="B80" s="164">
        <v>342</v>
      </c>
      <c r="C80" s="168">
        <v>0.39042664985056147</v>
      </c>
      <c r="D80" s="92">
        <v>5.248392862182482E-2</v>
      </c>
      <c r="E80" s="168">
        <v>0.1819571271647473</v>
      </c>
      <c r="F80" s="92">
        <v>4.1805214414936509E-2</v>
      </c>
      <c r="G80" s="168">
        <v>0.41329123023650205</v>
      </c>
      <c r="H80" s="92">
        <v>5.2964643076162166E-2</v>
      </c>
      <c r="I80" s="91">
        <v>1.4324992748186193E-2</v>
      </c>
      <c r="J80" s="92">
        <v>1.503065837039586E-2</v>
      </c>
      <c r="K80" s="164">
        <v>344</v>
      </c>
      <c r="L80" s="168">
        <v>0.42975707387108369</v>
      </c>
      <c r="M80" s="92">
        <v>5.3086213366680887E-2</v>
      </c>
      <c r="N80" s="168">
        <v>0.15997395296303504</v>
      </c>
      <c r="O80" s="92">
        <v>3.9686253826927795E-2</v>
      </c>
      <c r="P80" s="168">
        <v>0.39019409123554327</v>
      </c>
      <c r="Q80" s="92">
        <v>5.2327247202910862E-2</v>
      </c>
      <c r="R80" s="91">
        <v>2.0074881930334656E-2</v>
      </c>
      <c r="S80" s="92">
        <v>1.6929994424795036E-2</v>
      </c>
      <c r="T80" s="164">
        <v>344</v>
      </c>
      <c r="U80" s="168">
        <v>0.22135303932373587</v>
      </c>
      <c r="V80" s="92">
        <v>4.4738131493529842E-2</v>
      </c>
      <c r="W80" s="168">
        <v>0.11301842177144703</v>
      </c>
      <c r="X80" s="92">
        <v>3.4519378296152689E-2</v>
      </c>
      <c r="Y80" s="168">
        <v>0.63708889840280825</v>
      </c>
      <c r="Z80" s="92">
        <v>5.1599271847241619E-2</v>
      </c>
      <c r="AA80" s="91">
        <v>2.8539640502006417E-2</v>
      </c>
      <c r="AB80" s="92">
        <v>1.9418420595815649E-2</v>
      </c>
      <c r="AC80" s="164">
        <v>342</v>
      </c>
      <c r="AD80" s="168">
        <v>0.14974669183518402</v>
      </c>
      <c r="AE80" s="92">
        <v>3.8788398173567863E-2</v>
      </c>
      <c r="AF80" s="168">
        <v>0.14789336769130379</v>
      </c>
      <c r="AG80" s="92">
        <v>3.8598409332687968E-2</v>
      </c>
      <c r="AH80" s="168">
        <v>0.66926908082312719</v>
      </c>
      <c r="AI80" s="92">
        <v>5.0661134609777642E-2</v>
      </c>
      <c r="AJ80" s="91">
        <v>3.3090859650382477E-2</v>
      </c>
      <c r="AK80" s="92">
        <v>2.0684046729203185E-2</v>
      </c>
    </row>
    <row r="81" spans="1:37">
      <c r="A81" s="47" t="s">
        <v>628</v>
      </c>
      <c r="B81" s="166">
        <v>830</v>
      </c>
      <c r="C81" s="169">
        <v>0.38751172909184839</v>
      </c>
      <c r="D81" s="95">
        <v>3.3748077511581563E-2</v>
      </c>
      <c r="E81" s="169">
        <v>0.20767602317445444</v>
      </c>
      <c r="F81" s="95">
        <v>2.8162292839603243E-2</v>
      </c>
      <c r="G81" s="169">
        <v>0.37803178953681821</v>
      </c>
      <c r="H81" s="95">
        <v>3.3591288069434608E-2</v>
      </c>
      <c r="I81" s="94">
        <v>2.6780458196879291E-2</v>
      </c>
      <c r="J81" s="95">
        <v>1.1631056621941258E-2</v>
      </c>
      <c r="K81" s="166">
        <v>828</v>
      </c>
      <c r="L81" s="169">
        <v>0.42587246272915863</v>
      </c>
      <c r="M81" s="95">
        <v>3.4289338491306789E-2</v>
      </c>
      <c r="N81" s="169">
        <v>0.17317750178074906</v>
      </c>
      <c r="O81" s="95">
        <v>2.6331068347324765E-2</v>
      </c>
      <c r="P81" s="169">
        <v>0.38050124504473032</v>
      </c>
      <c r="Q81" s="95">
        <v>3.3673847471399475E-2</v>
      </c>
      <c r="R81" s="94">
        <v>2.0448790445362564E-2</v>
      </c>
      <c r="S81" s="95">
        <v>1.0339563159297752E-2</v>
      </c>
      <c r="T81" s="166">
        <v>831</v>
      </c>
      <c r="U81" s="169">
        <v>0.17622265445641638</v>
      </c>
      <c r="V81" s="95">
        <v>2.6461604864477389E-2</v>
      </c>
      <c r="W81" s="169">
        <v>9.0724434132982687E-2</v>
      </c>
      <c r="X81" s="95">
        <v>2.0071073690913706E-2</v>
      </c>
      <c r="Y81" s="169">
        <v>0.71207441919572934</v>
      </c>
      <c r="Z81" s="95">
        <v>3.1372157622931239E-2</v>
      </c>
      <c r="AA81" s="94">
        <v>2.0978492214871095E-2</v>
      </c>
      <c r="AB81" s="95">
        <v>1.0435215345644185E-2</v>
      </c>
      <c r="AC81" s="166">
        <v>825</v>
      </c>
      <c r="AD81" s="169">
        <v>0.14696725264097837</v>
      </c>
      <c r="AE81" s="95">
        <v>2.471235731433925E-2</v>
      </c>
      <c r="AF81" s="169">
        <v>0.15494261322061192</v>
      </c>
      <c r="AG81" s="95">
        <v>2.5244915910142194E-2</v>
      </c>
      <c r="AH81" s="169">
        <v>0.67889861923337302</v>
      </c>
      <c r="AI81" s="95">
        <v>3.2455101414265129E-2</v>
      </c>
      <c r="AJ81" s="94">
        <v>1.9191514905036063E-2</v>
      </c>
      <c r="AK81" s="95">
        <v>1.007779545402865E-2</v>
      </c>
    </row>
    <row r="82" spans="1:37">
      <c r="A82" s="55" t="s">
        <v>629</v>
      </c>
      <c r="B82" s="164">
        <v>218</v>
      </c>
      <c r="C82" s="168">
        <v>0.39960425854285087</v>
      </c>
      <c r="D82" s="92">
        <v>6.5798031276987773E-2</v>
      </c>
      <c r="E82" s="168">
        <v>0.11590384320216836</v>
      </c>
      <c r="F82" s="92">
        <v>4.4059468040690254E-2</v>
      </c>
      <c r="G82" s="168">
        <v>0.45201463959259441</v>
      </c>
      <c r="H82" s="92">
        <v>6.6816898391442087E-2</v>
      </c>
      <c r="I82" s="91">
        <v>3.2477258662386849E-2</v>
      </c>
      <c r="J82" s="92">
        <v>2.6585979006746058E-2</v>
      </c>
      <c r="K82" s="164">
        <v>218</v>
      </c>
      <c r="L82" s="168">
        <v>0.42329039686068909</v>
      </c>
      <c r="M82" s="92">
        <v>6.6349575931427526E-2</v>
      </c>
      <c r="N82" s="168">
        <v>0.15736335486551492</v>
      </c>
      <c r="O82" s="92">
        <v>4.9646070152977041E-2</v>
      </c>
      <c r="P82" s="168">
        <v>0.38825674483714251</v>
      </c>
      <c r="Q82" s="92">
        <v>6.5479431765015916E-2</v>
      </c>
      <c r="R82" s="91">
        <v>3.1089503436653679E-2</v>
      </c>
      <c r="S82" s="92">
        <v>2.615789229832172E-2</v>
      </c>
      <c r="T82" s="164">
        <v>218</v>
      </c>
      <c r="U82" s="168">
        <v>0.23045714965238051</v>
      </c>
      <c r="V82" s="92">
        <v>5.6940177816819093E-2</v>
      </c>
      <c r="W82" s="168">
        <v>0.1495525795134377</v>
      </c>
      <c r="X82" s="92">
        <v>4.8689574173553671E-2</v>
      </c>
      <c r="Y82" s="168">
        <v>0.59784415810312463</v>
      </c>
      <c r="Z82" s="92">
        <v>6.5864781351681098E-2</v>
      </c>
      <c r="AA82" s="91">
        <v>2.2146112731056825E-2</v>
      </c>
      <c r="AB82" s="92">
        <v>2.3175847728275627E-2</v>
      </c>
      <c r="AC82" s="164">
        <v>217</v>
      </c>
      <c r="AD82" s="168">
        <v>0.15595057602926288</v>
      </c>
      <c r="AE82" s="92">
        <v>4.9591289504179598E-2</v>
      </c>
      <c r="AF82" s="168">
        <v>0.15235655004576959</v>
      </c>
      <c r="AG82" s="92">
        <v>4.9151960643660272E-2</v>
      </c>
      <c r="AH82" s="168">
        <v>0.67765157904060169</v>
      </c>
      <c r="AI82" s="92">
        <v>6.3040893722733207E-2</v>
      </c>
      <c r="AJ82" s="91">
        <v>1.4041294884365651E-2</v>
      </c>
      <c r="AK82" s="92">
        <v>2.0097230756732733E-2</v>
      </c>
    </row>
    <row r="83" spans="1:37">
      <c r="A83" s="47" t="s">
        <v>630</v>
      </c>
      <c r="B83" s="166">
        <v>388</v>
      </c>
      <c r="C83" s="169">
        <v>0.41223869183091616</v>
      </c>
      <c r="D83" s="95">
        <v>4.97395600227322E-2</v>
      </c>
      <c r="E83" s="169">
        <v>0.22196786739530863</v>
      </c>
      <c r="F83" s="95">
        <v>4.2169201624416008E-2</v>
      </c>
      <c r="G83" s="169">
        <v>0.33976217849469842</v>
      </c>
      <c r="H83" s="95">
        <v>4.7899253362927365E-2</v>
      </c>
      <c r="I83" s="94">
        <v>2.6031262279078815E-2</v>
      </c>
      <c r="J83" s="95">
        <v>1.7471511630115122E-2</v>
      </c>
      <c r="K83" s="166">
        <v>389</v>
      </c>
      <c r="L83" s="169">
        <v>0.42036461088398264</v>
      </c>
      <c r="M83" s="95">
        <v>4.9812538443803525E-2</v>
      </c>
      <c r="N83" s="169">
        <v>0.17603325383260768</v>
      </c>
      <c r="O83" s="95">
        <v>3.8703038801631943E-2</v>
      </c>
      <c r="P83" s="169">
        <v>0.38681625856875806</v>
      </c>
      <c r="Q83" s="95">
        <v>4.9160782930533782E-2</v>
      </c>
      <c r="R83" s="94">
        <v>1.6785876714653487E-2</v>
      </c>
      <c r="S83" s="95">
        <v>1.470075355767719E-2</v>
      </c>
      <c r="T83" s="166">
        <v>389</v>
      </c>
      <c r="U83" s="169">
        <v>0.18889148416996002</v>
      </c>
      <c r="V83" s="95">
        <v>3.9741110575101504E-2</v>
      </c>
      <c r="W83" s="169">
        <v>8.0919291211826186E-2</v>
      </c>
      <c r="X83" s="95">
        <v>2.8163156621773783E-2</v>
      </c>
      <c r="Y83" s="169">
        <v>0.70397802425382849</v>
      </c>
      <c r="Z83" s="95">
        <v>4.61478559608803E-2</v>
      </c>
      <c r="AA83" s="94">
        <v>2.621120036438657E-2</v>
      </c>
      <c r="AB83" s="95">
        <v>1.7494572463358841E-2</v>
      </c>
      <c r="AC83" s="166">
        <v>385</v>
      </c>
      <c r="AD83" s="169">
        <v>0.15633137386981397</v>
      </c>
      <c r="AE83" s="95">
        <v>3.716265174012718E-2</v>
      </c>
      <c r="AF83" s="169">
        <v>0.15391621881162831</v>
      </c>
      <c r="AG83" s="95">
        <v>3.6936208499201768E-2</v>
      </c>
      <c r="AH83" s="169">
        <v>0.6714746057157106</v>
      </c>
      <c r="AI83" s="95">
        <v>4.7692033756939568E-2</v>
      </c>
      <c r="AJ83" s="94">
        <v>1.8277801602848347E-2</v>
      </c>
      <c r="AK83" s="95">
        <v>1.5275213913328319E-2</v>
      </c>
    </row>
    <row r="84" spans="1:37">
      <c r="A84" s="55" t="s">
        <v>631</v>
      </c>
      <c r="B84" s="164">
        <v>55</v>
      </c>
      <c r="C84" s="168">
        <v>0.41341379006050571</v>
      </c>
      <c r="D84" s="92">
        <v>0.12848133388310573</v>
      </c>
      <c r="E84" s="168">
        <v>0.19822473401704291</v>
      </c>
      <c r="F84" s="92">
        <v>0.10762815768736353</v>
      </c>
      <c r="G84" s="168">
        <v>0.36767757455771827</v>
      </c>
      <c r="H84" s="92">
        <v>0.12616492536190643</v>
      </c>
      <c r="I84" s="91">
        <v>2.0683901364733331E-2</v>
      </c>
      <c r="J84" s="92">
        <v>5.8426720977367015E-2</v>
      </c>
      <c r="K84" s="164">
        <v>55</v>
      </c>
      <c r="L84" s="168">
        <v>0.41667178560137574</v>
      </c>
      <c r="M84" s="92">
        <v>0.12860819416800903</v>
      </c>
      <c r="N84" s="168">
        <v>0.16306303291239455</v>
      </c>
      <c r="O84" s="92">
        <v>0.10129503662350341</v>
      </c>
      <c r="P84" s="168">
        <v>0.42026518148622982</v>
      </c>
      <c r="Q84" s="92">
        <v>0.12874233619039893</v>
      </c>
      <c r="R84" s="91">
        <v>0</v>
      </c>
      <c r="S84" s="92">
        <v>4.7119904748779487E-2</v>
      </c>
      <c r="T84" s="164">
        <v>56</v>
      </c>
      <c r="U84" s="168">
        <v>0.2319098392585531</v>
      </c>
      <c r="V84" s="92">
        <v>0.1117709595621471</v>
      </c>
      <c r="W84" s="168">
        <v>5.4807947448775991E-2</v>
      </c>
      <c r="X84" s="92">
        <v>7.1809606545342922E-2</v>
      </c>
      <c r="Y84" s="168">
        <v>0.67692037788574111</v>
      </c>
      <c r="Z84" s="92">
        <v>0.12185606476883959</v>
      </c>
      <c r="AA84" s="91">
        <v>3.6361835406930075E-2</v>
      </c>
      <c r="AB84" s="92">
        <v>6.4676452540713775E-2</v>
      </c>
      <c r="AC84" s="164">
        <v>55</v>
      </c>
      <c r="AD84" s="168">
        <v>0.14263364495419906</v>
      </c>
      <c r="AE84" s="92">
        <v>9.7082522279467759E-2</v>
      </c>
      <c r="AF84" s="168">
        <v>0.14346467069236365</v>
      </c>
      <c r="AG84" s="92">
        <v>9.7262371716134541E-2</v>
      </c>
      <c r="AH84" s="168">
        <v>0.67380463340373709</v>
      </c>
      <c r="AI84" s="92">
        <v>0.12316424436492182</v>
      </c>
      <c r="AJ84" s="91">
        <v>4.0097050949700376E-2</v>
      </c>
      <c r="AK84" s="92">
        <v>6.6991784840111063E-2</v>
      </c>
    </row>
    <row r="85" spans="1:37">
      <c r="A85" s="47" t="s">
        <v>632</v>
      </c>
      <c r="B85" s="166">
        <v>333</v>
      </c>
      <c r="C85" s="169">
        <v>0.41190406531798923</v>
      </c>
      <c r="D85" s="95">
        <v>5.3641545502242031E-2</v>
      </c>
      <c r="E85" s="169">
        <v>0.2287290740147068</v>
      </c>
      <c r="F85" s="95">
        <v>4.5983949144230082E-2</v>
      </c>
      <c r="G85" s="169">
        <v>0.33181285867926091</v>
      </c>
      <c r="H85" s="95">
        <v>5.1376379219478366E-2</v>
      </c>
      <c r="I85" s="94">
        <v>2.7554001988045779E-2</v>
      </c>
      <c r="J85" s="95">
        <v>1.950788421248895E-2</v>
      </c>
      <c r="K85" s="166">
        <v>334</v>
      </c>
      <c r="L85" s="169">
        <v>0.42140928368800951</v>
      </c>
      <c r="M85" s="95">
        <v>5.3732718278530218E-2</v>
      </c>
      <c r="N85" s="169">
        <v>0.17970243285425852</v>
      </c>
      <c r="O85" s="95">
        <v>4.2107678089797256E-2</v>
      </c>
      <c r="P85" s="169">
        <v>0.37735380707925892</v>
      </c>
      <c r="Q85" s="95">
        <v>5.2770781594983045E-2</v>
      </c>
      <c r="R85" s="94">
        <v>2.1534476378475786E-2</v>
      </c>
      <c r="S85" s="95">
        <v>1.769469043039814E-2</v>
      </c>
      <c r="T85" s="166">
        <v>333</v>
      </c>
      <c r="U85" s="169">
        <v>0.17655394400096155</v>
      </c>
      <c r="V85" s="95">
        <v>4.1891680009121343E-2</v>
      </c>
      <c r="W85" s="169">
        <v>8.8407949294630833E-2</v>
      </c>
      <c r="X85" s="95">
        <v>3.168645954437594E-2</v>
      </c>
      <c r="Y85" s="169">
        <v>0.71173807919450027</v>
      </c>
      <c r="Z85" s="95">
        <v>4.9474983012515572E-2</v>
      </c>
      <c r="AA85" s="94">
        <v>2.330002750990821E-2</v>
      </c>
      <c r="AB85" s="95">
        <v>1.8269207055428147E-2</v>
      </c>
      <c r="AC85" s="166">
        <v>330</v>
      </c>
      <c r="AD85" s="169">
        <v>0.16015843622591813</v>
      </c>
      <c r="AE85" s="95">
        <v>4.0543822572661772E-2</v>
      </c>
      <c r="AF85" s="169">
        <v>0.15683631794752606</v>
      </c>
      <c r="AG85" s="95">
        <v>4.0215352560775859E-2</v>
      </c>
      <c r="AH85" s="169">
        <v>0.67082361011574965</v>
      </c>
      <c r="AI85" s="95">
        <v>5.1505949661978384E-2</v>
      </c>
      <c r="AJ85" s="94">
        <v>1.2181635710807796E-2</v>
      </c>
      <c r="AK85" s="95">
        <v>1.4558951177849827E-2</v>
      </c>
    </row>
    <row r="86" spans="1:37">
      <c r="A86" s="55" t="s">
        <v>633</v>
      </c>
      <c r="B86" s="164">
        <v>662</v>
      </c>
      <c r="C86" s="168">
        <v>0.40375626181337082</v>
      </c>
      <c r="D86" s="92">
        <v>3.8033340382650251E-2</v>
      </c>
      <c r="E86" s="168">
        <v>0.17919576884744362</v>
      </c>
      <c r="F86" s="92">
        <v>2.9846167492358942E-2</v>
      </c>
      <c r="G86" s="168">
        <v>0.38536711985264938</v>
      </c>
      <c r="H86" s="92">
        <v>3.7729611361751424E-2</v>
      </c>
      <c r="I86" s="91">
        <v>3.1680849486533692E-2</v>
      </c>
      <c r="J86" s="92">
        <v>1.4142936193506097E-2</v>
      </c>
      <c r="K86" s="164">
        <v>662</v>
      </c>
      <c r="L86" s="168">
        <v>0.43780975881564488</v>
      </c>
      <c r="M86" s="92">
        <v>3.8451927193052529E-2</v>
      </c>
      <c r="N86" s="168">
        <v>0.16865285255058945</v>
      </c>
      <c r="O86" s="92">
        <v>2.9154647972352222E-2</v>
      </c>
      <c r="P86" s="168">
        <v>0.35515328235535359</v>
      </c>
      <c r="Q86" s="92">
        <v>3.710796604312834E-2</v>
      </c>
      <c r="R86" s="91">
        <v>3.8384106278409671E-2</v>
      </c>
      <c r="S86" s="92">
        <v>1.5395235508873027E-2</v>
      </c>
      <c r="T86" s="164">
        <v>659</v>
      </c>
      <c r="U86" s="168">
        <v>0.17246747310316127</v>
      </c>
      <c r="V86" s="92">
        <v>2.947637437746442E-2</v>
      </c>
      <c r="W86" s="168">
        <v>0.13503887697872002</v>
      </c>
      <c r="X86" s="92">
        <v>2.6727577057990875E-2</v>
      </c>
      <c r="Y86" s="168">
        <v>0.66860526829422384</v>
      </c>
      <c r="Z86" s="92">
        <v>3.6590287776552551E-2</v>
      </c>
      <c r="AA86" s="91">
        <v>2.3888381623894304E-2</v>
      </c>
      <c r="AB86" s="92">
        <v>1.2535249080625279E-2</v>
      </c>
      <c r="AC86" s="164">
        <v>662</v>
      </c>
      <c r="AD86" s="168">
        <v>0.11613944762550903</v>
      </c>
      <c r="AE86" s="92">
        <v>2.5042392668106272E-2</v>
      </c>
      <c r="AF86" s="168">
        <v>0.16988074118850519</v>
      </c>
      <c r="AG86" s="92">
        <v>2.9237188629219906E-2</v>
      </c>
      <c r="AH86" s="168">
        <v>0.6872240973330902</v>
      </c>
      <c r="AI86" s="92">
        <v>3.5965192411404917E-2</v>
      </c>
      <c r="AJ86" s="91">
        <v>2.6755713852895099E-2</v>
      </c>
      <c r="AK86" s="92">
        <v>1.3134092212657603E-2</v>
      </c>
    </row>
    <row r="87" spans="1:37">
      <c r="A87" s="47" t="s">
        <v>634</v>
      </c>
      <c r="B87" s="166">
        <v>609</v>
      </c>
      <c r="C87" s="169">
        <v>0.41501446312176149</v>
      </c>
      <c r="D87" s="95">
        <v>3.9809612919321453E-2</v>
      </c>
      <c r="E87" s="169">
        <v>0.19615486978190799</v>
      </c>
      <c r="F87" s="95">
        <v>3.219831076438965E-2</v>
      </c>
      <c r="G87" s="169">
        <v>0.37175273786951174</v>
      </c>
      <c r="H87" s="95">
        <v>3.9056289062939162E-2</v>
      </c>
      <c r="I87" s="94">
        <v>1.7077929226819322E-2</v>
      </c>
      <c r="J87" s="95">
        <v>1.1372361607487388E-2</v>
      </c>
      <c r="K87" s="166">
        <v>609</v>
      </c>
      <c r="L87" s="169">
        <v>0.4325786031788173</v>
      </c>
      <c r="M87" s="95">
        <v>4.0025561568258955E-2</v>
      </c>
      <c r="N87" s="169">
        <v>0.17868065707699546</v>
      </c>
      <c r="O87" s="95">
        <v>3.1086565923796772E-2</v>
      </c>
      <c r="P87" s="169">
        <v>0.36709260327711107</v>
      </c>
      <c r="Q87" s="95">
        <v>3.8955816520765449E-2</v>
      </c>
      <c r="R87" s="94">
        <v>2.1648136467076851E-2</v>
      </c>
      <c r="S87" s="95">
        <v>1.2554868775715685E-2</v>
      </c>
      <c r="T87" s="166">
        <v>611</v>
      </c>
      <c r="U87" s="169">
        <v>0.18336825816852831</v>
      </c>
      <c r="V87" s="95">
        <v>3.1343285493962397E-2</v>
      </c>
      <c r="W87" s="169">
        <v>0.11002473441030727</v>
      </c>
      <c r="X87" s="95">
        <v>2.5489183984947889E-2</v>
      </c>
      <c r="Y87" s="169">
        <v>0.68877942305157103</v>
      </c>
      <c r="Z87" s="95">
        <v>3.7379564984735776E-2</v>
      </c>
      <c r="AA87" s="94">
        <v>1.7827584369593922E-2</v>
      </c>
      <c r="AB87" s="95">
        <v>1.1553816070773245E-2</v>
      </c>
      <c r="AC87" s="166">
        <v>607</v>
      </c>
      <c r="AD87" s="169">
        <v>0.16059846842455591</v>
      </c>
      <c r="AE87" s="95">
        <v>2.9872607193040513E-2</v>
      </c>
      <c r="AF87" s="169">
        <v>0.16288514786759753</v>
      </c>
      <c r="AG87" s="95">
        <v>3.0039440663667368E-2</v>
      </c>
      <c r="AH87" s="169">
        <v>0.65648935621935567</v>
      </c>
      <c r="AI87" s="95">
        <v>3.8450399305874433E-2</v>
      </c>
      <c r="AJ87" s="94">
        <v>2.0027027488490955E-2</v>
      </c>
      <c r="AK87" s="95">
        <v>1.2172364500685788E-2</v>
      </c>
    </row>
    <row r="88" spans="1:37">
      <c r="A88" s="55" t="s">
        <v>635</v>
      </c>
      <c r="B88" s="164">
        <v>227</v>
      </c>
      <c r="C88" s="168">
        <v>0.40990124280017182</v>
      </c>
      <c r="D88" s="92">
        <v>6.475540597539936E-2</v>
      </c>
      <c r="E88" s="168">
        <v>0.19037086537653891</v>
      </c>
      <c r="F88" s="92">
        <v>5.2210236505311362E-2</v>
      </c>
      <c r="G88" s="168">
        <v>0.38321289766330596</v>
      </c>
      <c r="H88" s="92">
        <v>6.4038548627713313E-2</v>
      </c>
      <c r="I88" s="91">
        <v>1.6514994159983344E-2</v>
      </c>
      <c r="J88" s="92">
        <v>2.0499251252725028E-2</v>
      </c>
      <c r="K88" s="164">
        <v>228</v>
      </c>
      <c r="L88" s="168">
        <v>0.438951111862173</v>
      </c>
      <c r="M88" s="92">
        <v>6.5178857564020365E-2</v>
      </c>
      <c r="N88" s="168">
        <v>0.15867014555084336</v>
      </c>
      <c r="O88" s="92">
        <v>4.8685611401994365E-2</v>
      </c>
      <c r="P88" s="168">
        <v>0.37104946938352001</v>
      </c>
      <c r="Q88" s="92">
        <v>6.3509462398589331E-2</v>
      </c>
      <c r="R88" s="91">
        <v>3.1329273203463306E-2</v>
      </c>
      <c r="S88" s="92">
        <v>2.5548017807320859E-2</v>
      </c>
      <c r="T88" s="164">
        <v>227</v>
      </c>
      <c r="U88" s="168">
        <v>0.20217399056577509</v>
      </c>
      <c r="V88" s="92">
        <v>5.334603930377211E-2</v>
      </c>
      <c r="W88" s="168">
        <v>0.12575028075779174</v>
      </c>
      <c r="X88" s="92">
        <v>4.4575110429437091E-2</v>
      </c>
      <c r="Y88" s="168">
        <v>0.65106259795234778</v>
      </c>
      <c r="Z88" s="92">
        <v>6.2828502774112879E-2</v>
      </c>
      <c r="AA88" s="91">
        <v>2.1013130724084717E-2</v>
      </c>
      <c r="AB88" s="92">
        <v>2.219487060619442E-2</v>
      </c>
      <c r="AC88" s="164">
        <v>226</v>
      </c>
      <c r="AD88" s="168">
        <v>0.17102424693474721</v>
      </c>
      <c r="AE88" s="92">
        <v>5.0304562823834109E-2</v>
      </c>
      <c r="AF88" s="168">
        <v>0.15444642582005361</v>
      </c>
      <c r="AG88" s="92">
        <v>4.8402283127879642E-2</v>
      </c>
      <c r="AH88" s="168">
        <v>0.64418333847102061</v>
      </c>
      <c r="AI88" s="92">
        <v>6.3235648598365071E-2</v>
      </c>
      <c r="AJ88" s="91">
        <v>3.0345988774178167E-2</v>
      </c>
      <c r="AK88" s="92">
        <v>2.5377348788424993E-2</v>
      </c>
    </row>
    <row r="89" spans="1:37">
      <c r="A89" s="47" t="s">
        <v>636</v>
      </c>
      <c r="B89" s="166">
        <v>382</v>
      </c>
      <c r="C89" s="169">
        <v>0.4193559161266463</v>
      </c>
      <c r="D89" s="95">
        <v>5.0246090793781291E-2</v>
      </c>
      <c r="E89" s="169">
        <v>0.20106586162787426</v>
      </c>
      <c r="F89" s="95">
        <v>4.103339207135652E-2</v>
      </c>
      <c r="G89" s="169">
        <v>0.36202232493128095</v>
      </c>
      <c r="H89" s="95">
        <v>4.8963842364600635E-2</v>
      </c>
      <c r="I89" s="94">
        <v>1.7555897314200746E-2</v>
      </c>
      <c r="J89" s="95">
        <v>1.5114956972920996E-2</v>
      </c>
      <c r="K89" s="166">
        <v>381</v>
      </c>
      <c r="L89" s="169">
        <v>0.42710188339348415</v>
      </c>
      <c r="M89" s="95">
        <v>5.0431459420824234E-2</v>
      </c>
      <c r="N89" s="169">
        <v>0.19587827419066875</v>
      </c>
      <c r="O89" s="95">
        <v>4.0698047150323553E-2</v>
      </c>
      <c r="P89" s="169">
        <v>0.3636919571627355</v>
      </c>
      <c r="Q89" s="95">
        <v>4.9074995601336525E-2</v>
      </c>
      <c r="R89" s="94">
        <v>1.3327885253113611E-2</v>
      </c>
      <c r="S89" s="95">
        <v>1.3692822807753705E-2</v>
      </c>
      <c r="T89" s="166">
        <v>384</v>
      </c>
      <c r="U89" s="169">
        <v>0.16742602835024287</v>
      </c>
      <c r="V89" s="95">
        <v>3.821579027723819E-2</v>
      </c>
      <c r="W89" s="169">
        <v>9.6693678294332536E-2</v>
      </c>
      <c r="X89" s="95">
        <v>3.0575317740735911E-2</v>
      </c>
      <c r="Y89" s="169">
        <v>0.72075320003863097</v>
      </c>
      <c r="Z89" s="95">
        <v>4.5664354612980955E-2</v>
      </c>
      <c r="AA89" s="94">
        <v>1.5127093316795064E-2</v>
      </c>
      <c r="AB89" s="95">
        <v>1.4258560796930409E-2</v>
      </c>
      <c r="AC89" s="166">
        <v>381</v>
      </c>
      <c r="AD89" s="169">
        <v>0.15169314351170707</v>
      </c>
      <c r="AE89" s="95">
        <v>3.6919023327201914E-2</v>
      </c>
      <c r="AF89" s="169">
        <v>0.17009320063882641</v>
      </c>
      <c r="AG89" s="95">
        <v>3.8600361268122767E-2</v>
      </c>
      <c r="AH89" s="169">
        <v>0.66700071384364223</v>
      </c>
      <c r="AI89" s="95">
        <v>4.8100248965765605E-2</v>
      </c>
      <c r="AJ89" s="94">
        <v>1.121294200582611E-2</v>
      </c>
      <c r="AK89" s="95">
        <v>1.2903576189918909E-2</v>
      </c>
    </row>
    <row r="91" spans="1:37" ht="18.75">
      <c r="A91" s="291" t="s">
        <v>230</v>
      </c>
      <c r="B91" s="291"/>
      <c r="C91" s="291"/>
      <c r="D91" s="291"/>
      <c r="E91" s="291"/>
      <c r="F91" s="291"/>
      <c r="G91" s="291"/>
      <c r="H91" s="291"/>
      <c r="I91" s="291"/>
      <c r="J91" s="291"/>
      <c r="K91" s="291"/>
      <c r="L91" s="291"/>
      <c r="M91" s="292"/>
    </row>
    <row r="92" spans="1:37" ht="62.25" customHeight="1">
      <c r="A92" s="410" t="s">
        <v>559</v>
      </c>
      <c r="B92" s="410"/>
      <c r="C92" s="410"/>
      <c r="D92" s="410"/>
      <c r="E92" s="410"/>
      <c r="F92" s="410"/>
      <c r="G92" s="410"/>
      <c r="H92" s="410"/>
      <c r="I92" s="410"/>
      <c r="J92" s="410"/>
      <c r="K92" s="410"/>
      <c r="L92" s="410"/>
      <c r="M92" s="292"/>
    </row>
    <row r="93" spans="1:37" ht="43.5" customHeight="1">
      <c r="A93" s="398" t="s">
        <v>231</v>
      </c>
      <c r="B93" s="399"/>
      <c r="C93" s="399"/>
      <c r="D93" s="399"/>
      <c r="E93" s="399"/>
      <c r="F93" s="399"/>
      <c r="G93" s="399"/>
      <c r="H93" s="399"/>
      <c r="I93" s="399"/>
      <c r="J93" s="399"/>
      <c r="K93" s="399"/>
      <c r="L93" s="399"/>
    </row>
    <row r="94" spans="1:37" ht="72">
      <c r="A94" s="35" t="s">
        <v>70</v>
      </c>
      <c r="B94" s="36" t="s">
        <v>71</v>
      </c>
      <c r="C94" s="37" t="s">
        <v>551</v>
      </c>
      <c r="D94" s="38" t="s">
        <v>72</v>
      </c>
      <c r="E94" s="36" t="s">
        <v>155</v>
      </c>
      <c r="F94" s="87" t="s">
        <v>84</v>
      </c>
      <c r="G94" s="36" t="s">
        <v>156</v>
      </c>
      <c r="H94" s="87" t="s">
        <v>85</v>
      </c>
      <c r="I94" s="36" t="s">
        <v>157</v>
      </c>
      <c r="J94" s="87" t="s">
        <v>86</v>
      </c>
      <c r="K94" s="36" t="s">
        <v>300</v>
      </c>
      <c r="L94" s="87" t="s">
        <v>299</v>
      </c>
    </row>
    <row r="95" spans="1:37" ht="84">
      <c r="A95" s="39"/>
      <c r="B95" s="40" t="s">
        <v>73</v>
      </c>
      <c r="C95" s="126" t="s">
        <v>304</v>
      </c>
      <c r="D95" s="42" t="s">
        <v>75</v>
      </c>
      <c r="E95" s="40" t="s">
        <v>158</v>
      </c>
      <c r="F95" s="89" t="s">
        <v>125</v>
      </c>
      <c r="G95" s="40" t="s">
        <v>159</v>
      </c>
      <c r="H95" s="89" t="s">
        <v>126</v>
      </c>
      <c r="I95" s="40" t="s">
        <v>160</v>
      </c>
      <c r="J95" s="89" t="s">
        <v>127</v>
      </c>
      <c r="K95" s="40" t="s">
        <v>300</v>
      </c>
      <c r="L95" s="89" t="s">
        <v>87</v>
      </c>
    </row>
    <row r="96" spans="1:37">
      <c r="A96" s="43" t="s">
        <v>348</v>
      </c>
      <c r="B96" s="164">
        <v>13859</v>
      </c>
      <c r="C96" s="165">
        <v>3.3104475129063768</v>
      </c>
      <c r="D96" s="84">
        <v>3.1669094122717165E-2</v>
      </c>
      <c r="E96" s="168">
        <v>0.54255580172524498</v>
      </c>
      <c r="F96" s="92">
        <v>8.4624003210506289E-3</v>
      </c>
      <c r="G96" s="168">
        <v>0.16628583039147191</v>
      </c>
      <c r="H96" s="92">
        <v>6.3261315830269163E-3</v>
      </c>
      <c r="I96" s="168">
        <v>0.26549245322642018</v>
      </c>
      <c r="J96" s="92">
        <v>7.5017214885631477E-3</v>
      </c>
      <c r="K96" s="91">
        <v>2.5665914656880798E-2</v>
      </c>
      <c r="L96" s="92">
        <v>2.6931346045782818E-3</v>
      </c>
    </row>
    <row r="97" spans="1:12">
      <c r="A97" s="47" t="s">
        <v>349</v>
      </c>
      <c r="B97" s="47">
        <v>10148</v>
      </c>
      <c r="C97" s="167">
        <v>3.4470646227759301</v>
      </c>
      <c r="D97" s="85">
        <v>3.72271457207521E-2</v>
      </c>
      <c r="E97" s="169">
        <v>0.5244856515499543</v>
      </c>
      <c r="F97" s="95">
        <v>9.9129569760614822E-3</v>
      </c>
      <c r="G97" s="169">
        <v>0.1647192407221065</v>
      </c>
      <c r="H97" s="95">
        <v>7.3651624716830916E-3</v>
      </c>
      <c r="I97" s="169">
        <v>0.29293758002893078</v>
      </c>
      <c r="J97" s="95">
        <v>9.0345395787262538E-3</v>
      </c>
      <c r="K97" s="94">
        <v>1.7857527699007364E-2</v>
      </c>
      <c r="L97" s="95">
        <v>2.6424569630790979E-3</v>
      </c>
    </row>
    <row r="98" spans="1:12">
      <c r="A98" s="43" t="s">
        <v>350</v>
      </c>
      <c r="B98" s="51">
        <v>3711</v>
      </c>
      <c r="C98" s="165">
        <v>3.1985662589926283</v>
      </c>
      <c r="D98" s="84">
        <v>5.8462623801175992E-2</v>
      </c>
      <c r="E98" s="168">
        <v>0.55714155715338731</v>
      </c>
      <c r="F98" s="92">
        <v>1.629941481269119E-2</v>
      </c>
      <c r="G98" s="168">
        <v>0.1675503408438978</v>
      </c>
      <c r="H98" s="92">
        <v>1.2265132901639974E-2</v>
      </c>
      <c r="I98" s="168">
        <v>0.24333946039829146</v>
      </c>
      <c r="J98" s="92">
        <v>1.4085573792214508E-2</v>
      </c>
      <c r="K98" s="91">
        <v>3.1968641604423968E-2</v>
      </c>
      <c r="L98" s="92">
        <v>5.8162171860015096E-3</v>
      </c>
    </row>
    <row r="99" spans="1:12">
      <c r="A99" s="47" t="s">
        <v>568</v>
      </c>
      <c r="B99" s="47">
        <v>11507</v>
      </c>
      <c r="C99" s="167">
        <v>3.3028104335027018</v>
      </c>
      <c r="D99" s="85">
        <v>3.4256186854488099E-2</v>
      </c>
      <c r="E99" s="169">
        <v>0.54404107858622719</v>
      </c>
      <c r="F99" s="95">
        <v>9.284389544241883E-3</v>
      </c>
      <c r="G99" s="169">
        <v>0.1663606223174269</v>
      </c>
      <c r="H99" s="95">
        <v>6.9439873963292051E-3</v>
      </c>
      <c r="I99" s="169">
        <v>0.26385632054678149</v>
      </c>
      <c r="J99" s="95">
        <v>8.2164048096420184E-3</v>
      </c>
      <c r="K99" s="94">
        <v>2.5741978549585657E-2</v>
      </c>
      <c r="L99" s="95">
        <v>2.9612866540892971E-3</v>
      </c>
    </row>
    <row r="100" spans="1:12">
      <c r="A100" s="43" t="s">
        <v>569</v>
      </c>
      <c r="B100" s="51">
        <v>2352</v>
      </c>
      <c r="C100" s="165">
        <v>4.2752362166015363</v>
      </c>
      <c r="D100" s="84">
        <v>7.6863217106733439E-2</v>
      </c>
      <c r="E100" s="168">
        <v>0.35303759461519951</v>
      </c>
      <c r="F100" s="92">
        <v>1.9695273054778667E-2</v>
      </c>
      <c r="G100" s="168">
        <v>0.15674253776664251</v>
      </c>
      <c r="H100" s="92">
        <v>1.5002776325150449E-2</v>
      </c>
      <c r="I100" s="168">
        <v>0.47425954587121238</v>
      </c>
      <c r="J100" s="92">
        <v>2.0574914957645494E-2</v>
      </c>
      <c r="K100" s="91">
        <v>1.5960321746943659E-2</v>
      </c>
      <c r="L100" s="92">
        <v>5.292863068094877E-3</v>
      </c>
    </row>
    <row r="101" spans="1:12">
      <c r="A101" s="47" t="s">
        <v>570</v>
      </c>
      <c r="B101" s="47">
        <v>603</v>
      </c>
      <c r="C101" s="167">
        <v>4.293260003349463</v>
      </c>
      <c r="D101" s="85">
        <v>0.1497486705677035</v>
      </c>
      <c r="E101" s="169">
        <v>0.35018861664475559</v>
      </c>
      <c r="F101" s="95">
        <v>3.8749086814511891E-2</v>
      </c>
      <c r="G101" s="169">
        <v>0.13421461067750309</v>
      </c>
      <c r="H101" s="95">
        <v>2.788049947262709E-2</v>
      </c>
      <c r="I101" s="169">
        <v>0.48980691267206078</v>
      </c>
      <c r="J101" s="95">
        <v>4.0580423600490856E-2</v>
      </c>
      <c r="K101" s="94">
        <v>2.57898600056801E-2</v>
      </c>
      <c r="L101" s="95">
        <v>1.3602678634258358E-2</v>
      </c>
    </row>
    <row r="102" spans="1:12">
      <c r="A102" s="43" t="s">
        <v>571</v>
      </c>
      <c r="B102" s="51">
        <v>1266</v>
      </c>
      <c r="C102" s="165">
        <v>4.0863048125783932</v>
      </c>
      <c r="D102" s="84">
        <v>0.10529080597527279</v>
      </c>
      <c r="E102" s="168">
        <v>0.39147958626313789</v>
      </c>
      <c r="F102" s="92">
        <v>2.7396038956734051E-2</v>
      </c>
      <c r="G102" s="168">
        <v>0.16546362865368863</v>
      </c>
      <c r="H102" s="92">
        <v>2.0907692123828914E-2</v>
      </c>
      <c r="I102" s="168">
        <v>0.42953467415130447</v>
      </c>
      <c r="J102" s="92">
        <v>2.7782386448083809E-2</v>
      </c>
      <c r="K102" s="91">
        <v>1.3522110931870111E-2</v>
      </c>
      <c r="L102" s="92">
        <v>6.8338416956209734E-3</v>
      </c>
    </row>
    <row r="103" spans="1:12">
      <c r="A103" s="47" t="s">
        <v>582</v>
      </c>
      <c r="B103" s="47">
        <v>859</v>
      </c>
      <c r="C103" s="167">
        <v>4.3062400826327565</v>
      </c>
      <c r="D103" s="85">
        <v>0.12736373996039471</v>
      </c>
      <c r="E103" s="169">
        <v>0.35828569642631808</v>
      </c>
      <c r="F103" s="95">
        <v>3.2657696093446903E-2</v>
      </c>
      <c r="G103" s="169">
        <v>0.13021148836027549</v>
      </c>
      <c r="H103" s="95">
        <v>2.303920081542591E-2</v>
      </c>
      <c r="I103" s="169">
        <v>0.50343116986090375</v>
      </c>
      <c r="J103" s="95">
        <v>3.4039601771833038E-2</v>
      </c>
      <c r="K103" s="94">
        <v>8.0716453525049338E-3</v>
      </c>
      <c r="L103" s="95">
        <v>6.8908295832011031E-3</v>
      </c>
    </row>
    <row r="104" spans="1:12">
      <c r="A104" s="43" t="s">
        <v>583</v>
      </c>
      <c r="B104" s="51">
        <v>1493</v>
      </c>
      <c r="C104" s="165">
        <v>4.2626956588919844</v>
      </c>
      <c r="D104" s="84">
        <v>9.6428131744427256E-2</v>
      </c>
      <c r="E104" s="168">
        <v>0.35093845774102911</v>
      </c>
      <c r="F104" s="92">
        <v>2.4676896105644223E-2</v>
      </c>
      <c r="G104" s="168">
        <v>0.16735443252854801</v>
      </c>
      <c r="H104" s="92">
        <v>1.9336866662278303E-2</v>
      </c>
      <c r="I104" s="168">
        <v>0.46259147352809088</v>
      </c>
      <c r="J104" s="92">
        <v>2.5773696314100786E-2</v>
      </c>
      <c r="K104" s="91">
        <v>1.9115636202331161E-2</v>
      </c>
      <c r="L104" s="92">
        <v>7.3074263953343526E-3</v>
      </c>
    </row>
    <row r="105" spans="1:12">
      <c r="A105" s="47" t="s">
        <v>572</v>
      </c>
      <c r="B105" s="47">
        <v>290</v>
      </c>
      <c r="C105" s="167">
        <v>4.7396145868606308</v>
      </c>
      <c r="D105" s="85">
        <v>0.2203498033834406</v>
      </c>
      <c r="E105" s="169">
        <v>0.24983771652146175</v>
      </c>
      <c r="F105" s="95">
        <v>5.0724028115009645E-2</v>
      </c>
      <c r="G105" s="169">
        <v>0.1598449916262637</v>
      </c>
      <c r="H105" s="95">
        <v>4.3239815259200787E-2</v>
      </c>
      <c r="I105" s="169">
        <v>0.57212621883757708</v>
      </c>
      <c r="J105" s="95">
        <v>5.7727768559294602E-2</v>
      </c>
      <c r="K105" s="94">
        <v>1.8191073014697186E-2</v>
      </c>
      <c r="L105" s="95">
        <v>1.8120502658583691E-2</v>
      </c>
    </row>
    <row r="106" spans="1:12">
      <c r="A106" s="43" t="s">
        <v>573</v>
      </c>
      <c r="B106" s="164">
        <v>444</v>
      </c>
      <c r="C106" s="165">
        <v>4.1382507920970095</v>
      </c>
      <c r="D106" s="84">
        <v>0.1747813749522335</v>
      </c>
      <c r="E106" s="168">
        <v>0.39293119084161371</v>
      </c>
      <c r="F106" s="92">
        <v>4.6169337544974431E-2</v>
      </c>
      <c r="G106" s="168">
        <v>0.14944133242241484</v>
      </c>
      <c r="H106" s="92">
        <v>3.3976529803517626E-2</v>
      </c>
      <c r="I106" s="168">
        <v>0.43984156072441372</v>
      </c>
      <c r="J106" s="92">
        <v>4.6908468942160352E-2</v>
      </c>
      <c r="K106" s="91">
        <v>1.7785916011558604E-2</v>
      </c>
      <c r="L106" s="92">
        <v>1.388838447060139E-2</v>
      </c>
    </row>
    <row r="107" spans="1:12">
      <c r="A107" s="47" t="s">
        <v>574</v>
      </c>
      <c r="B107" s="166">
        <v>670</v>
      </c>
      <c r="C107" s="167">
        <v>4.1787831820268639</v>
      </c>
      <c r="D107" s="85">
        <v>0.14040391839593491</v>
      </c>
      <c r="E107" s="169">
        <v>0.37975251966695062</v>
      </c>
      <c r="F107" s="95">
        <v>3.7401634375779022E-2</v>
      </c>
      <c r="G107" s="169">
        <v>0.16779632884530124</v>
      </c>
      <c r="H107" s="95">
        <v>2.8921949233042935E-2</v>
      </c>
      <c r="I107" s="169">
        <v>0.4450005980690912</v>
      </c>
      <c r="J107" s="95">
        <v>3.8287593849570062E-2</v>
      </c>
      <c r="K107" s="94">
        <v>7.4505534186554822E-3</v>
      </c>
      <c r="L107" s="95">
        <v>7.8055302527818655E-3</v>
      </c>
    </row>
    <row r="108" spans="1:12">
      <c r="A108" s="43" t="s">
        <v>575</v>
      </c>
      <c r="B108" s="81">
        <v>923</v>
      </c>
      <c r="C108" s="165">
        <v>4.1129201177609369</v>
      </c>
      <c r="D108" s="84">
        <v>0.12465253861443114</v>
      </c>
      <c r="E108" s="168">
        <v>0.38108965398498929</v>
      </c>
      <c r="F108" s="92">
        <v>3.1910209215666181E-2</v>
      </c>
      <c r="G108" s="168">
        <v>0.15214109380656918</v>
      </c>
      <c r="H108" s="92">
        <v>2.3687666262317379E-2</v>
      </c>
      <c r="I108" s="168">
        <v>0.44642935552483826</v>
      </c>
      <c r="J108" s="92">
        <v>3.2656883752766416E-2</v>
      </c>
      <c r="K108" s="91">
        <v>2.0339896683599448E-2</v>
      </c>
      <c r="L108" s="92">
        <v>9.7226780441473284E-3</v>
      </c>
    </row>
    <row r="109" spans="1:12">
      <c r="A109" s="47" t="s">
        <v>576</v>
      </c>
      <c r="B109" s="166">
        <v>746</v>
      </c>
      <c r="C109" s="167">
        <v>4.4377138105313207</v>
      </c>
      <c r="D109" s="85">
        <v>0.13781404892073718</v>
      </c>
      <c r="E109" s="169">
        <v>0.3148157096654513</v>
      </c>
      <c r="F109" s="95">
        <v>3.3946750263561691E-2</v>
      </c>
      <c r="G109" s="169">
        <v>0.1447744579205717</v>
      </c>
      <c r="H109" s="95">
        <v>2.5836119450773111E-2</v>
      </c>
      <c r="I109" s="169">
        <v>0.5189108637233002</v>
      </c>
      <c r="J109" s="95">
        <v>3.64889889277977E-2</v>
      </c>
      <c r="K109" s="94">
        <v>2.1498968690676846E-2</v>
      </c>
      <c r="L109" s="95">
        <v>1.1188690678587293E-2</v>
      </c>
    </row>
    <row r="110" spans="1:12">
      <c r="A110" s="55" t="s">
        <v>577</v>
      </c>
      <c r="B110" s="164">
        <v>765</v>
      </c>
      <c r="C110" s="165">
        <v>4.0880268376034552</v>
      </c>
      <c r="D110" s="84">
        <v>0.13367437761995279</v>
      </c>
      <c r="E110" s="168">
        <v>0.37588077403913611</v>
      </c>
      <c r="F110" s="92">
        <v>3.4944076970115832E-2</v>
      </c>
      <c r="G110" s="168">
        <v>0.1975941553131248</v>
      </c>
      <c r="H110" s="92">
        <v>2.8803589295582972E-2</v>
      </c>
      <c r="I110" s="168">
        <v>0.40594111153989304</v>
      </c>
      <c r="J110" s="92">
        <v>3.5423848124731976E-2</v>
      </c>
      <c r="K110" s="91">
        <v>2.0583959107842144E-2</v>
      </c>
      <c r="L110" s="92">
        <v>1.0829111598282917E-2</v>
      </c>
    </row>
    <row r="111" spans="1:12">
      <c r="A111" s="47" t="s">
        <v>578</v>
      </c>
      <c r="B111" s="166">
        <v>253</v>
      </c>
      <c r="C111" s="167">
        <v>4.2325506639254655</v>
      </c>
      <c r="D111" s="85">
        <v>0.23468664649943913</v>
      </c>
      <c r="E111" s="169">
        <v>0.39016738474399792</v>
      </c>
      <c r="F111" s="95">
        <v>6.0902343550502398E-2</v>
      </c>
      <c r="G111" s="169">
        <v>0.1128648006105941</v>
      </c>
      <c r="H111" s="95">
        <v>4.0378628117909696E-2</v>
      </c>
      <c r="I111" s="169">
        <v>0.49301642672297419</v>
      </c>
      <c r="J111" s="95">
        <v>6.2372389385753117E-2</v>
      </c>
      <c r="K111" s="94">
        <v>3.9513879224336258E-3</v>
      </c>
      <c r="L111" s="95">
        <v>1.3399432919068333E-2</v>
      </c>
    </row>
    <row r="112" spans="1:12">
      <c r="A112" s="55" t="s">
        <v>579</v>
      </c>
      <c r="B112" s="164">
        <v>217</v>
      </c>
      <c r="C112" s="165">
        <v>4.0694989449555816</v>
      </c>
      <c r="D112" s="84">
        <v>0.24837585697617631</v>
      </c>
      <c r="E112" s="168">
        <v>0.40386450125974799</v>
      </c>
      <c r="F112" s="92">
        <v>6.6057631703511338E-2</v>
      </c>
      <c r="G112" s="168">
        <v>0.16723347533207378</v>
      </c>
      <c r="H112" s="92">
        <v>5.0917130634554095E-2</v>
      </c>
      <c r="I112" s="168">
        <v>0.42138378359802742</v>
      </c>
      <c r="J112" s="92">
        <v>6.6460779394349426E-2</v>
      </c>
      <c r="K112" s="91">
        <v>7.5182398101513292E-3</v>
      </c>
      <c r="L112" s="92">
        <v>1.7103320986436337E-2</v>
      </c>
    </row>
    <row r="113" spans="1:12">
      <c r="A113" s="47" t="s">
        <v>580</v>
      </c>
      <c r="B113" s="166">
        <v>221</v>
      </c>
      <c r="C113" s="167">
        <v>4.5930248143205716</v>
      </c>
      <c r="D113" s="85">
        <v>0.25098732358004683</v>
      </c>
      <c r="E113" s="169">
        <v>0.29557471988481826</v>
      </c>
      <c r="F113" s="95">
        <v>6.1054868302759351E-2</v>
      </c>
      <c r="G113" s="169">
        <v>0.12094532434177165</v>
      </c>
      <c r="H113" s="95">
        <v>4.4498359788897365E-2</v>
      </c>
      <c r="I113" s="169">
        <v>0.56725868628272613</v>
      </c>
      <c r="J113" s="95">
        <v>6.608219570764326E-2</v>
      </c>
      <c r="K113" s="94">
        <v>1.6221269490684226E-2</v>
      </c>
      <c r="L113" s="95">
        <v>2.0744224140817683E-2</v>
      </c>
    </row>
    <row r="114" spans="1:12">
      <c r="A114" s="55" t="s">
        <v>581</v>
      </c>
      <c r="B114" s="164">
        <v>121</v>
      </c>
      <c r="C114" s="165">
        <v>4.1745017257774704</v>
      </c>
      <c r="D114" s="84">
        <v>0.34042230877851581</v>
      </c>
      <c r="E114" s="168">
        <v>0.3994005750374951</v>
      </c>
      <c r="F114" s="92">
        <v>8.77299653623414E-2</v>
      </c>
      <c r="G114" s="168">
        <v>0.19073332594799949</v>
      </c>
      <c r="H114" s="92">
        <v>7.16385413559123E-2</v>
      </c>
      <c r="I114" s="168">
        <v>0.40986609901450555</v>
      </c>
      <c r="J114" s="92">
        <v>8.8070427178432484E-2</v>
      </c>
      <c r="K114" s="91">
        <v>0</v>
      </c>
      <c r="L114" s="92">
        <v>2.2445667733440235E-2</v>
      </c>
    </row>
    <row r="115" spans="1:12">
      <c r="A115" s="47" t="s">
        <v>584</v>
      </c>
      <c r="B115" s="166">
        <v>115</v>
      </c>
      <c r="C115" s="167">
        <v>4.8931110118954209</v>
      </c>
      <c r="D115" s="85">
        <v>0.34069759201145083</v>
      </c>
      <c r="E115" s="169">
        <v>0.23601117982639719</v>
      </c>
      <c r="F115" s="95">
        <v>7.8839526635077165E-2</v>
      </c>
      <c r="G115" s="169">
        <v>0.14463076534029518</v>
      </c>
      <c r="H115" s="95">
        <v>6.6625737998551163E-2</v>
      </c>
      <c r="I115" s="169">
        <v>0.61935805483330775</v>
      </c>
      <c r="J115" s="95">
        <v>8.9197221913618813E-2</v>
      </c>
      <c r="K115" s="94">
        <v>0</v>
      </c>
      <c r="L115" s="95">
        <v>2.3567715249216942E-2</v>
      </c>
    </row>
    <row r="116" spans="1:12">
      <c r="A116" s="55" t="s">
        <v>585</v>
      </c>
      <c r="B116" s="164">
        <v>2237</v>
      </c>
      <c r="C116" s="165">
        <v>4.1637720675950538</v>
      </c>
      <c r="D116" s="84">
        <v>7.8699892612217826E-2</v>
      </c>
      <c r="E116" s="168">
        <v>0.37375248304840225</v>
      </c>
      <c r="F116" s="92">
        <v>2.0442163218932018E-2</v>
      </c>
      <c r="G116" s="168">
        <v>0.15888644702843538</v>
      </c>
      <c r="H116" s="92">
        <v>1.5468674207629474E-2</v>
      </c>
      <c r="I116" s="168">
        <v>0.44857560579325356</v>
      </c>
      <c r="J116" s="92">
        <v>2.1012521014726254E-2</v>
      </c>
      <c r="K116" s="91">
        <v>1.8785464129905893E-2</v>
      </c>
      <c r="L116" s="92">
        <v>5.8630039375810019E-3</v>
      </c>
    </row>
    <row r="117" spans="1:12">
      <c r="A117" s="47" t="s">
        <v>620</v>
      </c>
      <c r="B117" s="166">
        <v>155</v>
      </c>
      <c r="C117" s="167">
        <v>4.2503889957123002</v>
      </c>
      <c r="D117" s="85">
        <v>0.3097909656394659</v>
      </c>
      <c r="E117" s="169">
        <v>0.35519041054409906</v>
      </c>
      <c r="F117" s="95">
        <v>7.6078740479963283E-2</v>
      </c>
      <c r="G117" s="169">
        <v>0.15839627658165667</v>
      </c>
      <c r="H117" s="95">
        <v>5.9156416433869471E-2</v>
      </c>
      <c r="I117" s="169">
        <v>0.47480657280081745</v>
      </c>
      <c r="J117" s="95">
        <v>7.9209430948576284E-2</v>
      </c>
      <c r="K117" s="94">
        <v>1.1606740073427222E-2</v>
      </c>
      <c r="L117" s="95">
        <v>2.4222485614214632E-2</v>
      </c>
    </row>
    <row r="118" spans="1:12">
      <c r="A118" s="55" t="s">
        <v>621</v>
      </c>
      <c r="B118" s="164">
        <v>163</v>
      </c>
      <c r="C118" s="165">
        <v>4.1297513949330762</v>
      </c>
      <c r="D118" s="84">
        <v>0.2938997938871018</v>
      </c>
      <c r="E118" s="168">
        <v>0.40368112657990657</v>
      </c>
      <c r="F118" s="92">
        <v>7.6002170622519349E-2</v>
      </c>
      <c r="G118" s="168">
        <v>0.13397363602192572</v>
      </c>
      <c r="H118" s="92">
        <v>5.4137951370760308E-2</v>
      </c>
      <c r="I118" s="168">
        <v>0.4530097425280229</v>
      </c>
      <c r="J118" s="92">
        <v>7.7056076541798829E-2</v>
      </c>
      <c r="K118" s="91">
        <v>9.3354948701455179E-3</v>
      </c>
      <c r="L118" s="92">
        <v>2.2236204482264446E-2</v>
      </c>
    </row>
    <row r="119" spans="1:12">
      <c r="A119" s="47" t="s">
        <v>622</v>
      </c>
      <c r="B119" s="166">
        <v>982</v>
      </c>
      <c r="C119" s="167">
        <v>4.1168817431344955</v>
      </c>
      <c r="D119" s="85">
        <v>0.11970240696660743</v>
      </c>
      <c r="E119" s="169">
        <v>0.38180854908489809</v>
      </c>
      <c r="F119" s="95">
        <v>3.0951371369591085E-2</v>
      </c>
      <c r="G119" s="169">
        <v>0.16846542211648799</v>
      </c>
      <c r="H119" s="95">
        <v>2.3914555594962767E-2</v>
      </c>
      <c r="I119" s="169">
        <v>0.42919729142070034</v>
      </c>
      <c r="J119" s="95">
        <v>3.1528188075189749E-2</v>
      </c>
      <c r="K119" s="94">
        <v>2.0528737377913626E-2</v>
      </c>
      <c r="L119" s="95">
        <v>9.4404893695094281E-3</v>
      </c>
    </row>
    <row r="120" spans="1:12">
      <c r="A120" s="55" t="s">
        <v>623</v>
      </c>
      <c r="B120" s="164">
        <v>300</v>
      </c>
      <c r="C120" s="165">
        <v>4.2755485484552</v>
      </c>
      <c r="D120" s="84">
        <v>0.20855974212677914</v>
      </c>
      <c r="E120" s="168">
        <v>0.35696105294289943</v>
      </c>
      <c r="F120" s="92">
        <v>5.5020898195169227E-2</v>
      </c>
      <c r="G120" s="168">
        <v>0.10257690933919164</v>
      </c>
      <c r="H120" s="92">
        <v>3.5574974994151944E-2</v>
      </c>
      <c r="I120" s="168">
        <v>0.51049654953408419</v>
      </c>
      <c r="J120" s="92">
        <v>5.7341624311765274E-2</v>
      </c>
      <c r="K120" s="91">
        <v>2.9965488183824954E-2</v>
      </c>
      <c r="L120" s="92">
        <v>2.1411789443331573E-2</v>
      </c>
    </row>
    <row r="121" spans="1:12">
      <c r="A121" s="47" t="s">
        <v>624</v>
      </c>
      <c r="B121" s="166">
        <v>317</v>
      </c>
      <c r="C121" s="167">
        <v>4.4242118708799074</v>
      </c>
      <c r="D121" s="85">
        <v>0.20233079275367974</v>
      </c>
      <c r="E121" s="169">
        <v>0.29402542532958781</v>
      </c>
      <c r="F121" s="95">
        <v>5.0987167257941647E-2</v>
      </c>
      <c r="G121" s="169">
        <v>0.23044238094648073</v>
      </c>
      <c r="H121" s="95">
        <v>4.7246721830180645E-2</v>
      </c>
      <c r="I121" s="169">
        <v>0.46683207677069871</v>
      </c>
      <c r="J121" s="95">
        <v>5.5694665499061338E-2</v>
      </c>
      <c r="K121" s="94">
        <v>8.7001169532341157E-3</v>
      </c>
      <c r="L121" s="95">
        <v>1.3489368264866975E-2</v>
      </c>
    </row>
    <row r="122" spans="1:12">
      <c r="A122" s="55" t="s">
        <v>625</v>
      </c>
      <c r="B122" s="164">
        <v>1186</v>
      </c>
      <c r="C122" s="165">
        <v>4.2873060051195022</v>
      </c>
      <c r="D122" s="84">
        <v>0.10824932268361492</v>
      </c>
      <c r="E122" s="168">
        <v>0.34773234651748608</v>
      </c>
      <c r="F122" s="92">
        <v>2.7621095836933028E-2</v>
      </c>
      <c r="G122" s="168">
        <v>0.15940707560059253</v>
      </c>
      <c r="H122" s="92">
        <v>2.1284389268948916E-2</v>
      </c>
      <c r="I122" s="168">
        <v>0.47590604486514321</v>
      </c>
      <c r="J122" s="92">
        <v>2.8955101575923715E-2</v>
      </c>
      <c r="K122" s="91">
        <v>1.6954533016777643E-2</v>
      </c>
      <c r="L122" s="92">
        <v>7.8286406252160642E-3</v>
      </c>
    </row>
    <row r="123" spans="1:12">
      <c r="A123" s="47" t="s">
        <v>626</v>
      </c>
      <c r="B123" s="166">
        <v>1165</v>
      </c>
      <c r="C123" s="167">
        <v>4.2424065171788721</v>
      </c>
      <c r="D123" s="85">
        <v>0.10923461013166492</v>
      </c>
      <c r="E123" s="169">
        <v>0.36542432415406068</v>
      </c>
      <c r="F123" s="95">
        <v>2.8175978497032593E-2</v>
      </c>
      <c r="G123" s="169">
        <v>0.15218793400393713</v>
      </c>
      <c r="H123" s="95">
        <v>2.1078956652178658E-2</v>
      </c>
      <c r="I123" s="169">
        <v>0.46833901886221746</v>
      </c>
      <c r="J123" s="95">
        <v>2.9189474563293245E-2</v>
      </c>
      <c r="K123" s="94">
        <v>1.4048722979785927E-2</v>
      </c>
      <c r="L123" s="95">
        <v>7.2743298312619997E-3</v>
      </c>
    </row>
    <row r="124" spans="1:12">
      <c r="A124" s="55" t="s">
        <v>627</v>
      </c>
      <c r="B124" s="164">
        <v>340</v>
      </c>
      <c r="C124" s="165">
        <v>4.0941198616070276</v>
      </c>
      <c r="D124" s="84">
        <v>0.20507769374549753</v>
      </c>
      <c r="E124" s="168">
        <v>0.40115652761505061</v>
      </c>
      <c r="F124" s="92">
        <v>5.287720054528277E-2</v>
      </c>
      <c r="G124" s="168">
        <v>0.12461996065921682</v>
      </c>
      <c r="H124" s="92">
        <v>3.6143730299982774E-2</v>
      </c>
      <c r="I124" s="168">
        <v>0.4560056792680337</v>
      </c>
      <c r="J124" s="92">
        <v>5.3712114791433924E-2</v>
      </c>
      <c r="K124" s="91">
        <v>1.8217832457695808E-2</v>
      </c>
      <c r="L124" s="92">
        <v>1.6443193486264648E-2</v>
      </c>
    </row>
    <row r="125" spans="1:12">
      <c r="A125" s="47" t="s">
        <v>628</v>
      </c>
      <c r="B125" s="166">
        <v>825</v>
      </c>
      <c r="C125" s="167">
        <v>4.3302832154569542</v>
      </c>
      <c r="D125" s="85">
        <v>0.12908605344962054</v>
      </c>
      <c r="E125" s="169">
        <v>0.34410536192634972</v>
      </c>
      <c r="F125" s="95">
        <v>3.301721784166281E-2</v>
      </c>
      <c r="G125" s="169">
        <v>0.16863585843916593</v>
      </c>
      <c r="H125" s="95">
        <v>2.6106847390672355E-2</v>
      </c>
      <c r="I125" s="169">
        <v>0.47569747917202959</v>
      </c>
      <c r="J125" s="95">
        <v>3.4690781096973433E-2</v>
      </c>
      <c r="K125" s="94">
        <v>1.1561300462454144E-2</v>
      </c>
      <c r="L125" s="95">
        <v>8.1376424906215369E-3</v>
      </c>
    </row>
    <row r="126" spans="1:12">
      <c r="A126" s="55" t="s">
        <v>629</v>
      </c>
      <c r="B126" s="164">
        <v>215</v>
      </c>
      <c r="C126" s="165">
        <v>4.23051622406612</v>
      </c>
      <c r="D126" s="84">
        <v>0.25609498026030286</v>
      </c>
      <c r="E126" s="168">
        <v>0.36340433231542524</v>
      </c>
      <c r="F126" s="92">
        <v>6.5098027042006082E-2</v>
      </c>
      <c r="G126" s="168">
        <v>0.11165876518237981</v>
      </c>
      <c r="H126" s="92">
        <v>4.3719691659326917E-2</v>
      </c>
      <c r="I126" s="168">
        <v>0.48978826228472694</v>
      </c>
      <c r="J126" s="92">
        <v>6.7560153467292397E-2</v>
      </c>
      <c r="K126" s="91">
        <v>3.5148640217468205E-2</v>
      </c>
      <c r="L126" s="92">
        <v>2.7609378016756614E-2</v>
      </c>
    </row>
    <row r="127" spans="1:12">
      <c r="A127" s="47" t="s">
        <v>630</v>
      </c>
      <c r="B127" s="166">
        <v>388</v>
      </c>
      <c r="C127" s="167">
        <v>4.3692903233310236</v>
      </c>
      <c r="D127" s="85">
        <v>0.18469525267675041</v>
      </c>
      <c r="E127" s="169">
        <v>0.3338267115123067</v>
      </c>
      <c r="F127" s="95">
        <v>4.769665040395478E-2</v>
      </c>
      <c r="G127" s="169">
        <v>0.16214019665182078</v>
      </c>
      <c r="H127" s="95">
        <v>3.7548396545966645E-2</v>
      </c>
      <c r="I127" s="169">
        <v>0.48983000304990049</v>
      </c>
      <c r="J127" s="95">
        <v>5.0497390434222342E-2</v>
      </c>
      <c r="K127" s="94">
        <v>1.4203088785974033E-2</v>
      </c>
      <c r="L127" s="95">
        <v>1.3847967085779926E-2</v>
      </c>
    </row>
    <row r="128" spans="1:12">
      <c r="A128" s="55" t="s">
        <v>631</v>
      </c>
      <c r="B128" s="164">
        <v>56</v>
      </c>
      <c r="C128" s="165">
        <v>4.4763061823189743</v>
      </c>
      <c r="D128" s="84">
        <v>0.4989666678148324</v>
      </c>
      <c r="E128" s="168">
        <v>0.31043163131091389</v>
      </c>
      <c r="F128" s="92">
        <v>0.12074645782292194</v>
      </c>
      <c r="G128" s="168">
        <v>0.17375985644989705</v>
      </c>
      <c r="H128" s="92">
        <v>0.10239965895825154</v>
      </c>
      <c r="I128" s="168">
        <v>0.468916164339724</v>
      </c>
      <c r="J128" s="92">
        <v>0.12888194293715172</v>
      </c>
      <c r="K128" s="91">
        <v>4.6892347899465413E-2</v>
      </c>
      <c r="L128" s="92">
        <v>6.8874372590609134E-2</v>
      </c>
    </row>
    <row r="129" spans="1:12">
      <c r="A129" s="47" t="s">
        <v>632</v>
      </c>
      <c r="B129" s="166">
        <v>332</v>
      </c>
      <c r="C129" s="167">
        <v>4.3398542030050038</v>
      </c>
      <c r="D129" s="85">
        <v>0.1989739406959122</v>
      </c>
      <c r="E129" s="169">
        <v>0.34054593432053049</v>
      </c>
      <c r="F129" s="95">
        <v>5.1775174339603366E-2</v>
      </c>
      <c r="G129" s="169">
        <v>0.15880295298918135</v>
      </c>
      <c r="H129" s="95">
        <v>4.0287637262015015E-2</v>
      </c>
      <c r="I129" s="169">
        <v>0.49583659678068753</v>
      </c>
      <c r="J129" s="95">
        <v>5.4552626003916076E-2</v>
      </c>
      <c r="K129" s="94">
        <v>4.8145159096032461E-3</v>
      </c>
      <c r="L129" s="95">
        <v>1.1230743342967709E-2</v>
      </c>
    </row>
    <row r="130" spans="1:12">
      <c r="A130" s="55" t="s">
        <v>633</v>
      </c>
      <c r="B130" s="164">
        <v>663</v>
      </c>
      <c r="C130" s="165">
        <v>4.0731114005870772</v>
      </c>
      <c r="D130" s="84">
        <v>0.14523759763458344</v>
      </c>
      <c r="E130" s="168">
        <v>0.39593522977417023</v>
      </c>
      <c r="F130" s="92">
        <v>3.788248402750502E-2</v>
      </c>
      <c r="G130" s="168">
        <v>0.17099504396861756</v>
      </c>
      <c r="H130" s="92">
        <v>2.9289449159727532E-2</v>
      </c>
      <c r="I130" s="168">
        <v>0.42000579503199553</v>
      </c>
      <c r="J130" s="92">
        <v>3.8227398789267765E-2</v>
      </c>
      <c r="K130" s="91">
        <v>1.3063931225214511E-2</v>
      </c>
      <c r="L130" s="92">
        <v>9.7120758244090243E-3</v>
      </c>
    </row>
    <row r="131" spans="1:12">
      <c r="A131" s="47" t="s">
        <v>634</v>
      </c>
      <c r="B131" s="166">
        <v>603</v>
      </c>
      <c r="C131" s="167">
        <v>4.1091514653013981</v>
      </c>
      <c r="D131" s="85">
        <v>0.15298337169230808</v>
      </c>
      <c r="E131" s="169">
        <v>0.38377365325220358</v>
      </c>
      <c r="F131" s="95">
        <v>3.949173681981108E-2</v>
      </c>
      <c r="G131" s="169">
        <v>0.15589717304139744</v>
      </c>
      <c r="H131" s="95">
        <v>2.962129481931668E-2</v>
      </c>
      <c r="I131" s="169">
        <v>0.44601465150605279</v>
      </c>
      <c r="J131" s="95">
        <v>4.0354595194698611E-2</v>
      </c>
      <c r="K131" s="94">
        <v>1.4314522200346555E-2</v>
      </c>
      <c r="L131" s="95">
        <v>1.0648899444675685E-2</v>
      </c>
    </row>
    <row r="132" spans="1:12">
      <c r="A132" s="55" t="s">
        <v>635</v>
      </c>
      <c r="B132" s="164">
        <v>223</v>
      </c>
      <c r="C132" s="165">
        <v>4.0150842762889729</v>
      </c>
      <c r="D132" s="84">
        <v>0.25618477208606727</v>
      </c>
      <c r="E132" s="168">
        <v>0.42142946280416743</v>
      </c>
      <c r="F132" s="92">
        <v>6.5576711792922293E-2</v>
      </c>
      <c r="G132" s="168">
        <v>0.11953549818367901</v>
      </c>
      <c r="H132" s="92">
        <v>4.4087068830078145E-2</v>
      </c>
      <c r="I132" s="168">
        <v>0.44664181984571305</v>
      </c>
      <c r="J132" s="92">
        <v>6.6006588743003275E-2</v>
      </c>
      <c r="K132" s="91">
        <v>1.2393219166440071E-2</v>
      </c>
      <c r="L132" s="92">
        <v>1.902700225493369E-2</v>
      </c>
    </row>
    <row r="133" spans="1:12">
      <c r="A133" s="47" t="s">
        <v>636</v>
      </c>
      <c r="B133" s="166">
        <v>380</v>
      </c>
      <c r="C133" s="167">
        <v>4.1886293189660426</v>
      </c>
      <c r="D133" s="85">
        <v>0.19073583658705948</v>
      </c>
      <c r="E133" s="169">
        <v>0.35207206736477209</v>
      </c>
      <c r="F133" s="95">
        <v>4.8794940967957071E-2</v>
      </c>
      <c r="G133" s="169">
        <v>0.18650925580440719</v>
      </c>
      <c r="H133" s="95">
        <v>4.0020868983099415E-2</v>
      </c>
      <c r="I133" s="169">
        <v>0.44548665247423841</v>
      </c>
      <c r="J133" s="95">
        <v>5.073315432783157E-2</v>
      </c>
      <c r="K133" s="94">
        <v>1.5932024356584074E-2</v>
      </c>
      <c r="L133" s="95">
        <v>1.4625346749857762E-2</v>
      </c>
    </row>
    <row r="135" spans="1:12" ht="18.75">
      <c r="A135" s="343" t="s">
        <v>43</v>
      </c>
      <c r="B135" s="343"/>
      <c r="C135" s="343"/>
      <c r="D135" s="343"/>
    </row>
    <row r="136" spans="1:12" ht="131.25" customHeight="1">
      <c r="A136" s="370" t="s">
        <v>387</v>
      </c>
      <c r="B136" s="370"/>
      <c r="C136" s="370"/>
      <c r="D136" s="370"/>
    </row>
    <row r="137" spans="1:12" ht="39" customHeight="1">
      <c r="A137" s="411" t="s">
        <v>388</v>
      </c>
      <c r="B137" s="394"/>
      <c r="C137" s="394"/>
      <c r="D137" s="394"/>
    </row>
    <row r="138" spans="1:12" ht="72">
      <c r="A138" s="35" t="s">
        <v>70</v>
      </c>
      <c r="B138" s="36" t="s">
        <v>71</v>
      </c>
      <c r="C138" s="37" t="s">
        <v>551</v>
      </c>
      <c r="D138" s="38" t="s">
        <v>72</v>
      </c>
    </row>
    <row r="139" spans="1:12" ht="72">
      <c r="A139" s="39"/>
      <c r="B139" s="40" t="s">
        <v>73</v>
      </c>
      <c r="C139" s="41" t="s">
        <v>389</v>
      </c>
      <c r="D139" s="42" t="s">
        <v>75</v>
      </c>
    </row>
    <row r="140" spans="1:12">
      <c r="A140" s="43" t="s">
        <v>348</v>
      </c>
      <c r="B140" s="154">
        <v>11256</v>
      </c>
      <c r="C140" s="82">
        <v>3.8226257740196408</v>
      </c>
      <c r="D140" s="83">
        <v>2.5223193844769246E-2</v>
      </c>
    </row>
    <row r="141" spans="1:12">
      <c r="A141" s="47" t="s">
        <v>349</v>
      </c>
      <c r="B141" s="47">
        <v>7943</v>
      </c>
      <c r="C141" s="156">
        <v>3.7928635880880677</v>
      </c>
      <c r="D141" s="157">
        <v>3.0618100296178771E-2</v>
      </c>
    </row>
    <row r="142" spans="1:12">
      <c r="A142" s="43" t="s">
        <v>350</v>
      </c>
      <c r="B142" s="51">
        <v>3313</v>
      </c>
      <c r="C142" s="82">
        <v>3.8457865537807923</v>
      </c>
      <c r="D142" s="83">
        <v>4.4179949484180525E-2</v>
      </c>
    </row>
    <row r="143" spans="1:12">
      <c r="A143" s="47" t="s">
        <v>568</v>
      </c>
      <c r="B143" s="47">
        <v>10120</v>
      </c>
      <c r="C143" s="156">
        <v>3.8234689762515477</v>
      </c>
      <c r="D143" s="157">
        <v>2.6492356300749996E-2</v>
      </c>
    </row>
    <row r="144" spans="1:12">
      <c r="A144" s="43" t="s">
        <v>569</v>
      </c>
      <c r="B144" s="51">
        <v>1136</v>
      </c>
      <c r="C144" s="82">
        <v>3.6407530058249296</v>
      </c>
      <c r="D144" s="83">
        <v>8.2225455592576394E-2</v>
      </c>
    </row>
    <row r="145" spans="1:4">
      <c r="A145" s="47" t="s">
        <v>570</v>
      </c>
      <c r="B145" s="47">
        <v>195</v>
      </c>
      <c r="C145" s="156">
        <v>3.8871720904622955</v>
      </c>
      <c r="D145" s="157">
        <v>0.19616893941019081</v>
      </c>
    </row>
    <row r="146" spans="1:4">
      <c r="A146" s="43" t="s">
        <v>571</v>
      </c>
      <c r="B146" s="51">
        <v>577</v>
      </c>
      <c r="C146" s="82">
        <v>4.0415228158792411</v>
      </c>
      <c r="D146" s="83">
        <v>0.10982682766517414</v>
      </c>
    </row>
    <row r="147" spans="1:4">
      <c r="A147" s="47" t="s">
        <v>582</v>
      </c>
      <c r="B147" s="47">
        <v>635</v>
      </c>
      <c r="C147" s="156">
        <v>3.6656109952778433</v>
      </c>
      <c r="D147" s="157">
        <v>0.11035709627912192</v>
      </c>
    </row>
    <row r="148" spans="1:4">
      <c r="A148" s="43" t="s">
        <v>583</v>
      </c>
      <c r="B148" s="51">
        <v>501</v>
      </c>
      <c r="C148" s="82">
        <v>3.6225857907610473</v>
      </c>
      <c r="D148" s="83">
        <v>0.12292994121574588</v>
      </c>
    </row>
    <row r="149" spans="1:4">
      <c r="A149" s="47" t="s">
        <v>572</v>
      </c>
      <c r="B149" s="47">
        <v>270</v>
      </c>
      <c r="C149" s="156">
        <v>3.2113958975159176</v>
      </c>
      <c r="D149" s="157">
        <v>0.16792815260462812</v>
      </c>
    </row>
    <row r="150" spans="1:4">
      <c r="A150" s="43" t="s">
        <v>573</v>
      </c>
      <c r="B150" s="154">
        <v>271</v>
      </c>
      <c r="C150" s="82">
        <v>3.6254262287842196</v>
      </c>
      <c r="D150" s="83">
        <v>0.16555512057907323</v>
      </c>
    </row>
    <row r="151" spans="1:4">
      <c r="A151" s="47" t="s">
        <v>574</v>
      </c>
      <c r="B151" s="155">
        <v>326</v>
      </c>
      <c r="C151" s="156">
        <v>4.0670517191511699</v>
      </c>
      <c r="D151" s="157">
        <v>0.14608995428868696</v>
      </c>
    </row>
    <row r="152" spans="1:4">
      <c r="A152" s="43" t="s">
        <v>575</v>
      </c>
      <c r="B152" s="81">
        <v>264</v>
      </c>
      <c r="C152" s="82">
        <v>4.1432020388495534</v>
      </c>
      <c r="D152" s="83">
        <v>0.17038951947375855</v>
      </c>
    </row>
    <row r="153" spans="1:4">
      <c r="A153" s="47" t="s">
        <v>576</v>
      </c>
      <c r="B153" s="155">
        <v>414</v>
      </c>
      <c r="C153" s="156">
        <v>3.5636858562458569</v>
      </c>
      <c r="D153" s="157">
        <v>0.13448754720372802</v>
      </c>
    </row>
    <row r="154" spans="1:4">
      <c r="A154" s="55" t="s">
        <v>577</v>
      </c>
      <c r="B154" s="154">
        <v>301</v>
      </c>
      <c r="C154" s="82">
        <v>3.8328820676085145</v>
      </c>
      <c r="D154" s="83">
        <v>0.15281267604324458</v>
      </c>
    </row>
    <row r="155" spans="1:4">
      <c r="A155" s="47" t="s">
        <v>578</v>
      </c>
      <c r="B155" s="155">
        <v>127</v>
      </c>
      <c r="C155" s="156">
        <v>3.5771566841898128</v>
      </c>
      <c r="D155" s="157">
        <v>0.25105740301822715</v>
      </c>
    </row>
    <row r="156" spans="1:4">
      <c r="A156" s="55" t="s">
        <v>579</v>
      </c>
      <c r="B156" s="154">
        <v>114</v>
      </c>
      <c r="C156" s="82">
        <v>3.6263420631145578</v>
      </c>
      <c r="D156" s="83">
        <v>0.26181534869310136</v>
      </c>
    </row>
    <row r="157" spans="1:4">
      <c r="A157" s="47" t="s">
        <v>580</v>
      </c>
      <c r="B157" s="155">
        <v>111</v>
      </c>
      <c r="C157" s="156">
        <v>3.5646920599860956</v>
      </c>
      <c r="D157" s="157">
        <v>0.27195549128581675</v>
      </c>
    </row>
    <row r="158" spans="1:4">
      <c r="A158" s="55" t="s">
        <v>581</v>
      </c>
      <c r="B158" s="154">
        <v>47</v>
      </c>
      <c r="C158" s="82">
        <v>3.9396252472295803</v>
      </c>
      <c r="D158" s="83">
        <v>0.47659147263991397</v>
      </c>
    </row>
    <row r="159" spans="1:4">
      <c r="A159" s="47" t="s">
        <v>584</v>
      </c>
      <c r="B159" s="155">
        <v>107</v>
      </c>
      <c r="C159" s="156">
        <v>2.9258944854038402</v>
      </c>
      <c r="D159" s="157">
        <v>0.25743759998569649</v>
      </c>
    </row>
    <row r="160" spans="1:4">
      <c r="A160" s="55" t="s">
        <v>585</v>
      </c>
      <c r="B160" s="154">
        <v>1029</v>
      </c>
      <c r="C160" s="82">
        <v>3.9040071241660388</v>
      </c>
      <c r="D160" s="83">
        <v>8.5200835670789093E-2</v>
      </c>
    </row>
    <row r="161" spans="1:4">
      <c r="A161" s="47" t="s">
        <v>620</v>
      </c>
      <c r="B161" s="155">
        <v>43</v>
      </c>
      <c r="C161" s="156">
        <v>4.2613410167873988</v>
      </c>
      <c r="D161" s="157">
        <v>0.37637432531250303</v>
      </c>
    </row>
    <row r="162" spans="1:4">
      <c r="A162" s="55" t="s">
        <v>621</v>
      </c>
      <c r="B162" s="154">
        <v>56</v>
      </c>
      <c r="C162" s="82">
        <v>4.1124450460369983</v>
      </c>
      <c r="D162" s="83">
        <v>0.37582983939785597</v>
      </c>
    </row>
    <row r="163" spans="1:4">
      <c r="A163" s="47" t="s">
        <v>622</v>
      </c>
      <c r="B163" s="155">
        <v>436</v>
      </c>
      <c r="C163" s="156">
        <v>3.9099142783997323</v>
      </c>
      <c r="D163" s="157">
        <v>0.1329351458585632</v>
      </c>
    </row>
    <row r="164" spans="1:4">
      <c r="A164" s="55" t="s">
        <v>623</v>
      </c>
      <c r="B164" s="154">
        <v>122</v>
      </c>
      <c r="C164" s="82">
        <v>3.8697442851766666</v>
      </c>
      <c r="D164" s="83">
        <v>0.22802465467610142</v>
      </c>
    </row>
    <row r="165" spans="1:4">
      <c r="A165" s="47" t="s">
        <v>624</v>
      </c>
      <c r="B165" s="155">
        <v>133</v>
      </c>
      <c r="C165" s="156">
        <v>3.9745492538819924</v>
      </c>
      <c r="D165" s="157">
        <v>0.2274240961363525</v>
      </c>
    </row>
    <row r="166" spans="1:4">
      <c r="A166" s="55" t="s">
        <v>625</v>
      </c>
      <c r="B166" s="154">
        <v>592</v>
      </c>
      <c r="C166" s="82">
        <v>3.5845788401605527</v>
      </c>
      <c r="D166" s="83">
        <v>0.11613398338591914</v>
      </c>
    </row>
    <row r="167" spans="1:4">
      <c r="A167" s="47" t="s">
        <v>626</v>
      </c>
      <c r="B167" s="155">
        <v>543</v>
      </c>
      <c r="C167" s="156">
        <v>3.7844811365851263</v>
      </c>
      <c r="D167" s="157">
        <v>0.11643496096425481</v>
      </c>
    </row>
    <row r="168" spans="1:4">
      <c r="A168" s="55" t="s">
        <v>627</v>
      </c>
      <c r="B168" s="154">
        <v>170</v>
      </c>
      <c r="C168" s="82">
        <v>3.8526801370809589</v>
      </c>
      <c r="D168" s="83">
        <v>0.19051457851514905</v>
      </c>
    </row>
    <row r="169" spans="1:4">
      <c r="A169" s="47" t="s">
        <v>628</v>
      </c>
      <c r="B169" s="155">
        <v>373</v>
      </c>
      <c r="C169" s="156">
        <v>3.7435010142946763</v>
      </c>
      <c r="D169" s="157">
        <v>0.14565681653703644</v>
      </c>
    </row>
    <row r="170" spans="1:4">
      <c r="A170" s="55" t="s">
        <v>629</v>
      </c>
      <c r="B170" s="154">
        <v>66</v>
      </c>
      <c r="C170" s="82">
        <v>3.8236916258892051</v>
      </c>
      <c r="D170" s="83">
        <v>0.31225963743191576</v>
      </c>
    </row>
    <row r="171" spans="1:4">
      <c r="A171" s="47" t="s">
        <v>630</v>
      </c>
      <c r="B171" s="155">
        <v>129</v>
      </c>
      <c r="C171" s="156">
        <v>3.9692775870068973</v>
      </c>
      <c r="D171" s="157">
        <v>0.25036472928792103</v>
      </c>
    </row>
    <row r="172" spans="1:4">
      <c r="A172" s="55" t="s">
        <v>631</v>
      </c>
      <c r="B172" s="154">
        <v>23</v>
      </c>
      <c r="C172" s="82">
        <v>4.0644282867504078</v>
      </c>
      <c r="D172" s="83">
        <v>0.62680279186855603</v>
      </c>
    </row>
    <row r="173" spans="1:4">
      <c r="A173" s="47" t="s">
        <v>632</v>
      </c>
      <c r="B173" s="155">
        <v>106</v>
      </c>
      <c r="C173" s="156">
        <v>3.9359623373965635</v>
      </c>
      <c r="D173" s="157">
        <v>0.2740687266310845</v>
      </c>
    </row>
    <row r="174" spans="1:4">
      <c r="A174" s="55" t="s">
        <v>633</v>
      </c>
      <c r="B174" s="154">
        <v>277</v>
      </c>
      <c r="C174" s="82">
        <v>4.1414599388323374</v>
      </c>
      <c r="D174" s="83">
        <v>0.15755560147722539</v>
      </c>
    </row>
    <row r="175" spans="1:4">
      <c r="A175" s="47" t="s">
        <v>634</v>
      </c>
      <c r="B175" s="155">
        <v>300</v>
      </c>
      <c r="C175" s="156">
        <v>3.9000092540566866</v>
      </c>
      <c r="D175" s="157">
        <v>0.15308916990686242</v>
      </c>
    </row>
    <row r="176" spans="1:4">
      <c r="A176" s="55" t="s">
        <v>635</v>
      </c>
      <c r="B176" s="154">
        <v>117</v>
      </c>
      <c r="C176" s="82">
        <v>3.7856101888620874</v>
      </c>
      <c r="D176" s="83">
        <v>0.21876085167057446</v>
      </c>
    </row>
    <row r="177" spans="1:34">
      <c r="A177" s="47" t="s">
        <v>636</v>
      </c>
      <c r="B177" s="155">
        <v>183</v>
      </c>
      <c r="C177" s="156">
        <v>3.997122855807433</v>
      </c>
      <c r="D177" s="157">
        <v>0.20810579692410192</v>
      </c>
    </row>
    <row r="179" spans="1:34" ht="18.75">
      <c r="A179" s="343" t="s">
        <v>502</v>
      </c>
      <c r="B179" s="343"/>
      <c r="C179" s="343"/>
      <c r="D179" s="343"/>
      <c r="E179" s="343"/>
      <c r="F179" s="343"/>
      <c r="G179" s="343"/>
      <c r="H179" s="343"/>
      <c r="I179" s="343"/>
      <c r="J179" s="343"/>
      <c r="K179" s="343"/>
      <c r="L179" s="343"/>
      <c r="M179" s="343"/>
      <c r="N179" s="343"/>
      <c r="O179" s="343"/>
      <c r="P179" s="343"/>
      <c r="Q179" s="343"/>
      <c r="R179" s="343"/>
      <c r="S179" s="343"/>
      <c r="T179" s="343"/>
      <c r="U179" s="343"/>
      <c r="V179" s="343"/>
      <c r="W179" s="343"/>
      <c r="X179" s="343"/>
      <c r="Y179" s="343"/>
      <c r="Z179" s="343"/>
      <c r="AA179" s="343"/>
      <c r="AB179" s="343"/>
      <c r="AC179" s="343"/>
      <c r="AD179" s="343"/>
      <c r="AE179" s="343"/>
      <c r="AF179" s="343"/>
      <c r="AG179" s="343"/>
      <c r="AH179" s="343"/>
    </row>
    <row r="180" spans="1:34" ht="75.75" customHeight="1">
      <c r="A180" s="412" t="s">
        <v>557</v>
      </c>
      <c r="B180" s="412"/>
      <c r="C180" s="412"/>
      <c r="D180" s="412"/>
      <c r="E180" s="412"/>
      <c r="F180" s="412"/>
      <c r="G180" s="412"/>
      <c r="H180" s="412"/>
      <c r="I180" s="412"/>
      <c r="J180" s="412"/>
      <c r="K180" s="412"/>
      <c r="L180" s="412"/>
      <c r="M180" s="412"/>
      <c r="N180" s="412"/>
      <c r="O180" s="412"/>
      <c r="P180" s="412"/>
      <c r="Q180" s="412"/>
      <c r="R180" s="412"/>
      <c r="S180" s="412"/>
      <c r="T180" s="412"/>
      <c r="U180" s="412"/>
      <c r="V180" s="412"/>
      <c r="W180" s="412"/>
      <c r="X180" s="412"/>
      <c r="Y180" s="412"/>
      <c r="Z180" s="412"/>
      <c r="AA180" s="412"/>
      <c r="AB180" s="412"/>
      <c r="AC180" s="412"/>
      <c r="AD180" s="412"/>
      <c r="AE180" s="412"/>
      <c r="AF180" s="412"/>
      <c r="AG180" s="412"/>
      <c r="AH180" s="412"/>
    </row>
    <row r="181" spans="1:34" ht="42" customHeight="1">
      <c r="A181" s="312"/>
      <c r="B181" s="398" t="s">
        <v>390</v>
      </c>
      <c r="C181" s="399"/>
      <c r="D181" s="399"/>
      <c r="E181" s="399"/>
      <c r="F181" s="399"/>
      <c r="G181" s="399"/>
      <c r="H181" s="399"/>
      <c r="I181" s="399"/>
      <c r="J181" s="399"/>
      <c r="K181" s="399"/>
      <c r="L181" s="399"/>
      <c r="M181" s="398" t="s">
        <v>391</v>
      </c>
      <c r="N181" s="399"/>
      <c r="O181" s="399"/>
      <c r="P181" s="399"/>
      <c r="Q181" s="399"/>
      <c r="R181" s="399"/>
      <c r="S181" s="399"/>
      <c r="T181" s="399"/>
      <c r="U181" s="399"/>
      <c r="V181" s="399"/>
      <c r="W181" s="399"/>
      <c r="X181" s="398" t="s">
        <v>268</v>
      </c>
      <c r="Y181" s="399"/>
      <c r="Z181" s="399"/>
      <c r="AA181" s="399"/>
      <c r="AB181" s="399"/>
      <c r="AC181" s="399"/>
      <c r="AD181" s="399"/>
      <c r="AE181" s="399"/>
      <c r="AF181" s="399"/>
      <c r="AG181" s="399"/>
      <c r="AH181" s="399"/>
    </row>
    <row r="182" spans="1:34" ht="72">
      <c r="A182" s="35" t="s">
        <v>70</v>
      </c>
      <c r="B182" s="36" t="s">
        <v>71</v>
      </c>
      <c r="C182" s="37" t="s">
        <v>551</v>
      </c>
      <c r="D182" s="38" t="s">
        <v>72</v>
      </c>
      <c r="E182" s="36" t="s">
        <v>157</v>
      </c>
      <c r="F182" s="38" t="s">
        <v>86</v>
      </c>
      <c r="G182" s="36" t="s">
        <v>156</v>
      </c>
      <c r="H182" s="38" t="s">
        <v>85</v>
      </c>
      <c r="I182" s="36" t="s">
        <v>155</v>
      </c>
      <c r="J182" s="38" t="s">
        <v>84</v>
      </c>
      <c r="K182" s="36" t="s">
        <v>300</v>
      </c>
      <c r="L182" s="87" t="s">
        <v>314</v>
      </c>
      <c r="M182" s="63" t="s">
        <v>71</v>
      </c>
      <c r="N182" s="64" t="s">
        <v>551</v>
      </c>
      <c r="O182" s="65" t="s">
        <v>72</v>
      </c>
      <c r="P182" s="63" t="s">
        <v>157</v>
      </c>
      <c r="Q182" s="65" t="s">
        <v>86</v>
      </c>
      <c r="R182" s="63" t="s">
        <v>156</v>
      </c>
      <c r="S182" s="65" t="s">
        <v>85</v>
      </c>
      <c r="T182" s="63" t="s">
        <v>155</v>
      </c>
      <c r="U182" s="65" t="s">
        <v>84</v>
      </c>
      <c r="V182" s="63" t="s">
        <v>300</v>
      </c>
      <c r="W182" s="86" t="s">
        <v>314</v>
      </c>
      <c r="X182" s="36" t="s">
        <v>71</v>
      </c>
      <c r="Y182" s="37" t="s">
        <v>551</v>
      </c>
      <c r="Z182" s="38" t="s">
        <v>72</v>
      </c>
      <c r="AA182" s="36" t="s">
        <v>344</v>
      </c>
      <c r="AB182" s="38" t="s">
        <v>345</v>
      </c>
      <c r="AC182" s="36" t="s">
        <v>341</v>
      </c>
      <c r="AD182" s="38" t="s">
        <v>343</v>
      </c>
      <c r="AE182" s="36" t="s">
        <v>346</v>
      </c>
      <c r="AF182" s="38" t="s">
        <v>347</v>
      </c>
      <c r="AG182" s="36" t="s">
        <v>300</v>
      </c>
      <c r="AH182" s="87" t="s">
        <v>314</v>
      </c>
    </row>
    <row r="183" spans="1:34" ht="84">
      <c r="A183" s="39"/>
      <c r="B183" s="40" t="s">
        <v>73</v>
      </c>
      <c r="C183" s="126" t="s">
        <v>536</v>
      </c>
      <c r="D183" s="42" t="s">
        <v>75</v>
      </c>
      <c r="E183" s="40" t="s">
        <v>160</v>
      </c>
      <c r="F183" s="42" t="s">
        <v>127</v>
      </c>
      <c r="G183" s="40" t="s">
        <v>159</v>
      </c>
      <c r="H183" s="42" t="s">
        <v>126</v>
      </c>
      <c r="I183" s="40" t="s">
        <v>158</v>
      </c>
      <c r="J183" s="42" t="s">
        <v>125</v>
      </c>
      <c r="K183" s="40" t="s">
        <v>300</v>
      </c>
      <c r="L183" s="89" t="s">
        <v>87</v>
      </c>
      <c r="M183" s="66" t="s">
        <v>73</v>
      </c>
      <c r="N183" s="259" t="s">
        <v>536</v>
      </c>
      <c r="O183" s="68" t="s">
        <v>75</v>
      </c>
      <c r="P183" s="66" t="s">
        <v>160</v>
      </c>
      <c r="Q183" s="68" t="s">
        <v>127</v>
      </c>
      <c r="R183" s="66" t="s">
        <v>159</v>
      </c>
      <c r="S183" s="68" t="s">
        <v>126</v>
      </c>
      <c r="T183" s="66" t="s">
        <v>158</v>
      </c>
      <c r="U183" s="68" t="s">
        <v>125</v>
      </c>
      <c r="V183" s="66" t="s">
        <v>300</v>
      </c>
      <c r="W183" s="88" t="s">
        <v>87</v>
      </c>
      <c r="X183" s="40" t="s">
        <v>73</v>
      </c>
      <c r="Y183" s="126" t="s">
        <v>537</v>
      </c>
      <c r="Z183" s="42" t="s">
        <v>75</v>
      </c>
      <c r="AA183" s="40" t="s">
        <v>340</v>
      </c>
      <c r="AB183" s="42" t="s">
        <v>87</v>
      </c>
      <c r="AC183" s="40" t="s">
        <v>342</v>
      </c>
      <c r="AD183" s="42" t="s">
        <v>87</v>
      </c>
      <c r="AE183" s="40" t="s">
        <v>158</v>
      </c>
      <c r="AF183" s="42" t="s">
        <v>87</v>
      </c>
      <c r="AG183" s="40" t="s">
        <v>300</v>
      </c>
      <c r="AH183" s="89" t="s">
        <v>87</v>
      </c>
    </row>
    <row r="184" spans="1:34">
      <c r="A184" s="43" t="s">
        <v>348</v>
      </c>
      <c r="B184" s="170">
        <v>12544</v>
      </c>
      <c r="C184" s="165">
        <v>3.2020242938552061</v>
      </c>
      <c r="D184" s="84">
        <v>3.153995798480589E-2</v>
      </c>
      <c r="E184" s="173">
        <v>0.54132231395590125</v>
      </c>
      <c r="F184" s="92">
        <v>8.8966286615720213E-3</v>
      </c>
      <c r="G184" s="172">
        <v>0.18931842611000591</v>
      </c>
      <c r="H184" s="92">
        <v>6.99602529067041E-3</v>
      </c>
      <c r="I184" s="172">
        <v>0.18067742109804744</v>
      </c>
      <c r="J184" s="92">
        <v>6.8709607644124732E-3</v>
      </c>
      <c r="K184" s="91">
        <v>8.8681838836064675E-2</v>
      </c>
      <c r="L184" s="92">
        <v>5.0790755597446618E-3</v>
      </c>
      <c r="M184" s="170">
        <v>13868</v>
      </c>
      <c r="N184" s="165">
        <v>4.2251086056961293</v>
      </c>
      <c r="O184" s="84">
        <v>3.4600329527097004E-2</v>
      </c>
      <c r="P184" s="173">
        <v>0.3086532060730165</v>
      </c>
      <c r="Q184" s="92">
        <v>7.8445007978317771E-3</v>
      </c>
      <c r="R184" s="172">
        <v>0.17006063879593769</v>
      </c>
      <c r="S184" s="92">
        <v>6.3809022605139723E-3</v>
      </c>
      <c r="T184" s="172">
        <v>0.38657136831239003</v>
      </c>
      <c r="U184" s="92">
        <v>8.2692117420913973E-3</v>
      </c>
      <c r="V184" s="91">
        <v>0.13471478681867408</v>
      </c>
      <c r="W184" s="92">
        <v>5.7995061308474616E-3</v>
      </c>
      <c r="X184" s="170">
        <v>12646</v>
      </c>
      <c r="Y184" s="165">
        <v>4.0793748706653501</v>
      </c>
      <c r="Z184" s="84">
        <v>3.006042364766669E-2</v>
      </c>
      <c r="AA184" s="173">
        <v>0.32015440915641791</v>
      </c>
      <c r="AB184" s="92">
        <v>8.2964064833803784E-3</v>
      </c>
      <c r="AC184" s="172">
        <v>0.21623776700014877</v>
      </c>
      <c r="AD184" s="92">
        <v>7.3216320227927588E-3</v>
      </c>
      <c r="AE184" s="172">
        <v>0.34397079789181911</v>
      </c>
      <c r="AF184" s="92">
        <v>8.4473778100156386E-3</v>
      </c>
      <c r="AG184" s="91">
        <v>0.11963702595163563</v>
      </c>
      <c r="AH184" s="92">
        <v>5.7734704206014557E-3</v>
      </c>
    </row>
    <row r="185" spans="1:34">
      <c r="A185" s="47" t="s">
        <v>349</v>
      </c>
      <c r="B185" s="171">
        <v>8843</v>
      </c>
      <c r="C185" s="167">
        <v>3.2124908083789454</v>
      </c>
      <c r="D185" s="85">
        <v>3.8363003004730611E-2</v>
      </c>
      <c r="E185" s="175">
        <v>0.53095192952762793</v>
      </c>
      <c r="F185" s="95">
        <v>1.0611310330756832E-2</v>
      </c>
      <c r="G185" s="174">
        <v>0.1800685870428696</v>
      </c>
      <c r="H185" s="95">
        <v>8.1728923267226986E-3</v>
      </c>
      <c r="I185" s="174">
        <v>0.19505282949331718</v>
      </c>
      <c r="J185" s="95">
        <v>8.4276800677694375E-3</v>
      </c>
      <c r="K185" s="94">
        <v>9.392665393618771E-2</v>
      </c>
      <c r="L185" s="95">
        <v>6.2085205488478408E-3</v>
      </c>
      <c r="M185" s="171">
        <v>10167</v>
      </c>
      <c r="N185" s="167">
        <v>4.2642339328417718</v>
      </c>
      <c r="O185" s="85">
        <v>4.1164911193939904E-2</v>
      </c>
      <c r="P185" s="175">
        <v>0.3051613242877792</v>
      </c>
      <c r="Q185" s="95">
        <v>9.132411585747565E-3</v>
      </c>
      <c r="R185" s="174">
        <v>0.1551825020099766</v>
      </c>
      <c r="S185" s="95">
        <v>7.1829990453528506E-3</v>
      </c>
      <c r="T185" s="174">
        <v>0.39409960450788062</v>
      </c>
      <c r="U185" s="95">
        <v>9.6908039136822926E-3</v>
      </c>
      <c r="V185" s="94">
        <v>0.14555656919436291</v>
      </c>
      <c r="W185" s="95">
        <v>6.9964568000390956E-3</v>
      </c>
      <c r="X185" s="171">
        <v>8860</v>
      </c>
      <c r="Y185" s="167">
        <v>3.9392030712344388</v>
      </c>
      <c r="Z185" s="85">
        <v>3.5301255594685318E-2</v>
      </c>
      <c r="AA185" s="175">
        <v>0.33611635361931547</v>
      </c>
      <c r="AB185" s="95">
        <v>1.0035280384670728E-2</v>
      </c>
      <c r="AC185" s="174">
        <v>0.22551111145911626</v>
      </c>
      <c r="AD185" s="95">
        <v>8.8795549367867554E-3</v>
      </c>
      <c r="AE185" s="174">
        <v>0.30451770882129348</v>
      </c>
      <c r="AF185" s="95">
        <v>9.7768688052502807E-3</v>
      </c>
      <c r="AG185" s="94">
        <v>0.1338548261002768</v>
      </c>
      <c r="AH185" s="95">
        <v>7.2369227002307725E-3</v>
      </c>
    </row>
    <row r="186" spans="1:34">
      <c r="A186" s="43" t="s">
        <v>350</v>
      </c>
      <c r="B186" s="170">
        <v>3701</v>
      </c>
      <c r="C186" s="165">
        <v>3.1938173255393223</v>
      </c>
      <c r="D186" s="84">
        <v>5.4962690047433468E-2</v>
      </c>
      <c r="E186" s="173">
        <v>0.54953826598148137</v>
      </c>
      <c r="F186" s="92">
        <v>1.634814408660501E-2</v>
      </c>
      <c r="G186" s="172">
        <v>0.19664662445651993</v>
      </c>
      <c r="H186" s="92">
        <v>1.3067883512336344E-2</v>
      </c>
      <c r="I186" s="172">
        <v>0.16928848305618316</v>
      </c>
      <c r="J186" s="92">
        <v>1.2332151755394649E-2</v>
      </c>
      <c r="K186" s="91">
        <v>8.4526626505818131E-2</v>
      </c>
      <c r="L186" s="92">
        <v>9.1621706207656636E-3</v>
      </c>
      <c r="M186" s="170">
        <v>3701</v>
      </c>
      <c r="N186" s="165">
        <v>4.1940876797281677</v>
      </c>
      <c r="O186" s="84">
        <v>6.3343293074124188E-2</v>
      </c>
      <c r="P186" s="173">
        <v>0.31148540377649131</v>
      </c>
      <c r="Q186" s="92">
        <v>1.5219099452797338E-2</v>
      </c>
      <c r="R186" s="172">
        <v>0.18212800746102167</v>
      </c>
      <c r="S186" s="92">
        <v>1.2690670667667259E-2</v>
      </c>
      <c r="T186" s="172">
        <v>0.3804653617017546</v>
      </c>
      <c r="U186" s="92">
        <v>1.5953451384760974E-2</v>
      </c>
      <c r="V186" s="91">
        <v>0.12592122706073255</v>
      </c>
      <c r="W186" s="92">
        <v>1.0915801530190013E-2</v>
      </c>
      <c r="X186" s="170">
        <v>3786</v>
      </c>
      <c r="Y186" s="165">
        <v>4.1849847042447967</v>
      </c>
      <c r="Z186" s="84">
        <v>5.6530235627231418E-2</v>
      </c>
      <c r="AA186" s="173">
        <v>0.30777769801184185</v>
      </c>
      <c r="AB186" s="92">
        <v>1.4997925589034594E-2</v>
      </c>
      <c r="AC186" s="172">
        <v>0.20904732062442041</v>
      </c>
      <c r="AD186" s="92">
        <v>1.3217288275458684E-2</v>
      </c>
      <c r="AE186" s="172">
        <v>0.37456227678848397</v>
      </c>
      <c r="AF186" s="92">
        <v>1.5725165049146072E-2</v>
      </c>
      <c r="AG186" s="91">
        <v>0.1086127045752539</v>
      </c>
      <c r="AH186" s="92">
        <v>1.0125292030321332E-2</v>
      </c>
    </row>
    <row r="187" spans="1:34">
      <c r="A187" s="47" t="s">
        <v>568</v>
      </c>
      <c r="B187" s="171">
        <v>11335</v>
      </c>
      <c r="C187" s="167">
        <v>3.2022316277791925</v>
      </c>
      <c r="D187" s="85">
        <v>3.2965366941111206E-2</v>
      </c>
      <c r="E187" s="175">
        <v>0.54115100026517349</v>
      </c>
      <c r="F187" s="95">
        <v>9.3591797880580672E-3</v>
      </c>
      <c r="G187" s="174">
        <v>0.18942695582544583</v>
      </c>
      <c r="H187" s="95">
        <v>7.3613215731187275E-3</v>
      </c>
      <c r="I187" s="174">
        <v>0.18055502535858842</v>
      </c>
      <c r="J187" s="95">
        <v>7.226249084415986E-3</v>
      </c>
      <c r="K187" s="94">
        <v>8.8867018550812776E-2</v>
      </c>
      <c r="L187" s="95">
        <v>5.3483933454586477E-3</v>
      </c>
      <c r="M187" s="171">
        <v>11504</v>
      </c>
      <c r="N187" s="167">
        <v>4.2240485624711868</v>
      </c>
      <c r="O187" s="85">
        <v>3.8090106476704119E-2</v>
      </c>
      <c r="P187" s="175">
        <v>0.30863955146012517</v>
      </c>
      <c r="Q187" s="95">
        <v>8.6125949627973292E-3</v>
      </c>
      <c r="R187" s="174">
        <v>0.17016678949868547</v>
      </c>
      <c r="S187" s="95">
        <v>7.0077584359544594E-3</v>
      </c>
      <c r="T187" s="174">
        <v>0.38609136903884578</v>
      </c>
      <c r="U187" s="95">
        <v>9.0768518518870491E-3</v>
      </c>
      <c r="V187" s="94">
        <v>0.13510229000236459</v>
      </c>
      <c r="W187" s="95">
        <v>6.3755214630252972E-3</v>
      </c>
      <c r="X187" s="171">
        <v>11440</v>
      </c>
      <c r="Y187" s="167">
        <v>4.08052370528456</v>
      </c>
      <c r="Z187" s="85">
        <v>3.1724306609130032E-2</v>
      </c>
      <c r="AA187" s="175">
        <v>0.31986232228198092</v>
      </c>
      <c r="AB187" s="95">
        <v>8.7205458157273499E-3</v>
      </c>
      <c r="AC187" s="174">
        <v>0.21622970316084486</v>
      </c>
      <c r="AD187" s="95">
        <v>7.6977756517666602E-3</v>
      </c>
      <c r="AE187" s="174">
        <v>0.34411321157414593</v>
      </c>
      <c r="AF187" s="95">
        <v>8.8822404638358686E-3</v>
      </c>
      <c r="AG187" s="94">
        <v>0.11979476298305125</v>
      </c>
      <c r="AH187" s="95">
        <v>6.0737922027965692E-3</v>
      </c>
    </row>
    <row r="188" spans="1:34">
      <c r="A188" s="43" t="s">
        <v>569</v>
      </c>
      <c r="B188" s="170">
        <v>1209</v>
      </c>
      <c r="C188" s="165">
        <v>3.1568069703441823</v>
      </c>
      <c r="D188" s="84">
        <v>0.10680025268101069</v>
      </c>
      <c r="E188" s="173">
        <v>0.58042480879884217</v>
      </c>
      <c r="F188" s="92">
        <v>2.8341018293386287E-2</v>
      </c>
      <c r="G188" s="172">
        <v>0.1645464267429857</v>
      </c>
      <c r="H188" s="92">
        <v>2.1348737866029522E-2</v>
      </c>
      <c r="I188" s="172">
        <v>0.20861435217841848</v>
      </c>
      <c r="J188" s="92">
        <v>2.3372213257636693E-2</v>
      </c>
      <c r="K188" s="91">
        <v>4.6414412279754257E-2</v>
      </c>
      <c r="L188" s="92">
        <v>1.2264571304720485E-2</v>
      </c>
      <c r="M188" s="170">
        <v>2364</v>
      </c>
      <c r="N188" s="165">
        <v>4.3523775812518819</v>
      </c>
      <c r="O188" s="84">
        <v>8.1730292437083726E-2</v>
      </c>
      <c r="P188" s="173">
        <v>0.31038655429669304</v>
      </c>
      <c r="Q188" s="92">
        <v>1.9020264013156207E-2</v>
      </c>
      <c r="R188" s="172">
        <v>0.15658562244020363</v>
      </c>
      <c r="S188" s="92">
        <v>1.4958537997679398E-2</v>
      </c>
      <c r="T188" s="172">
        <v>0.4475035891489359</v>
      </c>
      <c r="U188" s="92">
        <v>2.0436678298488071E-2</v>
      </c>
      <c r="V188" s="91">
        <v>8.5524234114164349E-2</v>
      </c>
      <c r="W188" s="92">
        <v>1.1536496250591761E-2</v>
      </c>
      <c r="X188" s="170">
        <v>1206</v>
      </c>
      <c r="Y188" s="165">
        <v>3.8254670577766561</v>
      </c>
      <c r="Z188" s="84">
        <v>9.3885225552618704E-2</v>
      </c>
      <c r="AA188" s="173">
        <v>0.38738381523916976</v>
      </c>
      <c r="AB188" s="92">
        <v>2.8014241180371997E-2</v>
      </c>
      <c r="AC188" s="172">
        <v>0.21809381454840071</v>
      </c>
      <c r="AD188" s="92">
        <v>2.3779528863259944E-2</v>
      </c>
      <c r="AE188" s="172">
        <v>0.31119155267820942</v>
      </c>
      <c r="AF188" s="92">
        <v>2.6634140401419686E-2</v>
      </c>
      <c r="AG188" s="91">
        <v>8.3330817534221405E-2</v>
      </c>
      <c r="AH188" s="92">
        <v>1.6009578849506621E-2</v>
      </c>
    </row>
    <row r="189" spans="1:34">
      <c r="A189" s="47" t="s">
        <v>570</v>
      </c>
      <c r="B189" s="171">
        <v>207</v>
      </c>
      <c r="C189" s="167">
        <v>3.3441015155931191</v>
      </c>
      <c r="D189" s="85">
        <v>0.27095763520457555</v>
      </c>
      <c r="E189" s="175">
        <v>0.54680556606303787</v>
      </c>
      <c r="F189" s="95">
        <v>6.8551916009422439E-2</v>
      </c>
      <c r="G189" s="174">
        <v>0.15218884007190686</v>
      </c>
      <c r="H189" s="95">
        <v>5.0320406713617663E-2</v>
      </c>
      <c r="I189" s="174">
        <v>0.23100087635427996</v>
      </c>
      <c r="J189" s="95">
        <v>5.847298458788338E-2</v>
      </c>
      <c r="K189" s="94">
        <v>7.0004717510775513E-2</v>
      </c>
      <c r="L189" s="95">
        <v>3.6957226890012705E-2</v>
      </c>
      <c r="M189" s="171">
        <v>608</v>
      </c>
      <c r="N189" s="167">
        <v>4.6054855731684841</v>
      </c>
      <c r="O189" s="85">
        <v>0.15630671724058784</v>
      </c>
      <c r="P189" s="175">
        <v>0.25290492941956538</v>
      </c>
      <c r="Q189" s="95">
        <v>3.5215446623290764E-2</v>
      </c>
      <c r="R189" s="174">
        <v>0.1653953049728466</v>
      </c>
      <c r="S189" s="95">
        <v>3.0195273905796471E-2</v>
      </c>
      <c r="T189" s="174">
        <v>0.49283768657510402</v>
      </c>
      <c r="U189" s="95">
        <v>4.0418510743996668E-2</v>
      </c>
      <c r="V189" s="94">
        <v>8.8862079032483623E-2</v>
      </c>
      <c r="W189" s="95">
        <v>2.3314837052483873E-2</v>
      </c>
      <c r="X189" s="171">
        <v>208</v>
      </c>
      <c r="Y189" s="167">
        <v>3.9235657441723335</v>
      </c>
      <c r="Z189" s="85">
        <v>0.21244746160274675</v>
      </c>
      <c r="AA189" s="175">
        <v>0.39674110661747586</v>
      </c>
      <c r="AB189" s="95">
        <v>6.7255659763259534E-2</v>
      </c>
      <c r="AC189" s="174">
        <v>0.21732461970659137</v>
      </c>
      <c r="AD189" s="95">
        <v>5.7146201145222078E-2</v>
      </c>
      <c r="AE189" s="174">
        <v>0.29722884105589575</v>
      </c>
      <c r="AF189" s="95">
        <v>6.300954889813884E-2</v>
      </c>
      <c r="AG189" s="94">
        <v>8.8705432620036981E-2</v>
      </c>
      <c r="AH189" s="95">
        <v>4.0552801535814358E-2</v>
      </c>
    </row>
    <row r="190" spans="1:34">
      <c r="A190" s="43" t="s">
        <v>571</v>
      </c>
      <c r="B190" s="170">
        <v>618</v>
      </c>
      <c r="C190" s="165">
        <v>3.4542532623616671</v>
      </c>
      <c r="D190" s="84">
        <v>0.14714208954839963</v>
      </c>
      <c r="E190" s="173">
        <v>0.50456732231198531</v>
      </c>
      <c r="F190" s="92">
        <v>4.0094695546523132E-2</v>
      </c>
      <c r="G190" s="172">
        <v>0.17276115525935393</v>
      </c>
      <c r="H190" s="92">
        <v>3.0461362619661991E-2</v>
      </c>
      <c r="I190" s="172">
        <v>0.26958624951478571</v>
      </c>
      <c r="J190" s="92">
        <v>3.5646544949221114E-2</v>
      </c>
      <c r="K190" s="91">
        <v>5.3085272913875527E-2</v>
      </c>
      <c r="L190" s="92">
        <v>1.8431741951802503E-2</v>
      </c>
      <c r="M190" s="170">
        <v>1270</v>
      </c>
      <c r="N190" s="165">
        <v>4.8197793024695699</v>
      </c>
      <c r="O190" s="84">
        <v>0.10742737333894435</v>
      </c>
      <c r="P190" s="173">
        <v>0.22736918860055222</v>
      </c>
      <c r="Q190" s="92">
        <v>2.3516482281203607E-2</v>
      </c>
      <c r="R190" s="172">
        <v>0.14862285264238043</v>
      </c>
      <c r="S190" s="92">
        <v>1.9992791423273357E-2</v>
      </c>
      <c r="T190" s="172">
        <v>0.51914591150763612</v>
      </c>
      <c r="U190" s="92">
        <v>2.7996172214578129E-2</v>
      </c>
      <c r="V190" s="91">
        <v>0.10486204724943268</v>
      </c>
      <c r="W190" s="92">
        <v>1.7256481725023157E-2</v>
      </c>
      <c r="X190" s="170">
        <v>614</v>
      </c>
      <c r="Y190" s="165">
        <v>4.0285645824339449</v>
      </c>
      <c r="Z190" s="84">
        <v>0.12612827277840602</v>
      </c>
      <c r="AA190" s="173">
        <v>0.28943456942729962</v>
      </c>
      <c r="AB190" s="92">
        <v>3.6535596341833135E-2</v>
      </c>
      <c r="AC190" s="172">
        <v>0.26723731960643726</v>
      </c>
      <c r="AD190" s="92">
        <v>3.5664800870691279E-2</v>
      </c>
      <c r="AE190" s="172">
        <v>0.3120643732193914</v>
      </c>
      <c r="AF190" s="92">
        <v>3.7315755347981781E-2</v>
      </c>
      <c r="AG190" s="91">
        <v>0.13126373774687197</v>
      </c>
      <c r="AH190" s="92">
        <v>2.7375839877205946E-2</v>
      </c>
    </row>
    <row r="191" spans="1:34">
      <c r="A191" s="47" t="s">
        <v>582</v>
      </c>
      <c r="B191" s="171">
        <v>687</v>
      </c>
      <c r="C191" s="167">
        <v>3.1832119569425426</v>
      </c>
      <c r="D191" s="85">
        <v>0.14510557798725071</v>
      </c>
      <c r="E191" s="175">
        <v>0.55650293064865175</v>
      </c>
      <c r="F191" s="95">
        <v>3.7800931367270731E-2</v>
      </c>
      <c r="G191" s="174">
        <v>0.15865878597389652</v>
      </c>
      <c r="H191" s="95">
        <v>2.7937412091062E-2</v>
      </c>
      <c r="I191" s="174">
        <v>0.2210893850166579</v>
      </c>
      <c r="J191" s="95">
        <v>3.1655424387546378E-2</v>
      </c>
      <c r="K191" s="94">
        <v>6.374889836079585E-2</v>
      </c>
      <c r="L191" s="95">
        <v>1.8926616874237686E-2</v>
      </c>
      <c r="M191" s="171">
        <v>863</v>
      </c>
      <c r="N191" s="167">
        <v>4.1820794978921993</v>
      </c>
      <c r="O191" s="85">
        <v>0.1411955315490106</v>
      </c>
      <c r="P191" s="175">
        <v>0.32839230339890235</v>
      </c>
      <c r="Q191" s="95">
        <v>3.1918430199297181E-2</v>
      </c>
      <c r="R191" s="174">
        <v>0.15587136509656452</v>
      </c>
      <c r="S191" s="95">
        <v>2.4740003611915029E-2</v>
      </c>
      <c r="T191" s="174">
        <v>0.4003957123319527</v>
      </c>
      <c r="U191" s="95">
        <v>3.3287418302521819E-2</v>
      </c>
      <c r="V191" s="94">
        <v>0.11534061917258258</v>
      </c>
      <c r="W191" s="95">
        <v>2.184133801237122E-2</v>
      </c>
      <c r="X191" s="171">
        <v>687</v>
      </c>
      <c r="Y191" s="167">
        <v>3.7280880127021874</v>
      </c>
      <c r="Z191" s="85">
        <v>0.12776279436411808</v>
      </c>
      <c r="AA191" s="175">
        <v>0.38644987536340009</v>
      </c>
      <c r="AB191" s="95">
        <v>3.7059440045734249E-2</v>
      </c>
      <c r="AC191" s="174">
        <v>0.2313978285264531</v>
      </c>
      <c r="AD191" s="95">
        <v>3.2161471566718253E-2</v>
      </c>
      <c r="AE191" s="174">
        <v>0.27667117757975296</v>
      </c>
      <c r="AF191" s="95">
        <v>3.4085106613118435E-2</v>
      </c>
      <c r="AG191" s="94">
        <v>0.10548111853039571</v>
      </c>
      <c r="AH191" s="95">
        <v>2.3592243629035253E-2</v>
      </c>
    </row>
    <row r="192" spans="1:34">
      <c r="A192" s="43" t="s">
        <v>583</v>
      </c>
      <c r="B192" s="170">
        <v>522</v>
      </c>
      <c r="C192" s="165">
        <v>3.137270913617543</v>
      </c>
      <c r="D192" s="84">
        <v>0.15741995670496556</v>
      </c>
      <c r="E192" s="173">
        <v>0.59870176309459766</v>
      </c>
      <c r="F192" s="92">
        <v>4.2757212405175243E-2</v>
      </c>
      <c r="G192" s="172">
        <v>0.16904474165667507</v>
      </c>
      <c r="H192" s="92">
        <v>3.2875865081818986E-2</v>
      </c>
      <c r="I192" s="172">
        <v>0.19908309365469173</v>
      </c>
      <c r="J192" s="92">
        <v>3.4971034212233056E-2</v>
      </c>
      <c r="K192" s="91">
        <v>3.3170401594034955E-2</v>
      </c>
      <c r="L192" s="92">
        <v>1.6400882407293895E-2</v>
      </c>
      <c r="M192" s="170">
        <v>1501</v>
      </c>
      <c r="N192" s="165">
        <v>4.4174289919153562</v>
      </c>
      <c r="O192" s="84">
        <v>9.9553472954920647E-2</v>
      </c>
      <c r="P192" s="173">
        <v>0.3031840780129153</v>
      </c>
      <c r="Q192" s="92">
        <v>2.3707471245585011E-2</v>
      </c>
      <c r="R192" s="172">
        <v>0.15687133238478188</v>
      </c>
      <c r="S192" s="92">
        <v>1.8793349484016897E-2</v>
      </c>
      <c r="T192" s="172">
        <v>0.46634720202099983</v>
      </c>
      <c r="U192" s="92">
        <v>2.5718822104503873E-2</v>
      </c>
      <c r="V192" s="91">
        <v>7.359738758130191E-2</v>
      </c>
      <c r="W192" s="92">
        <v>1.3556428982803983E-2</v>
      </c>
      <c r="X192" s="170">
        <v>519</v>
      </c>
      <c r="Y192" s="165">
        <v>3.8970900096486347</v>
      </c>
      <c r="Z192" s="84">
        <v>0.13715414949459076</v>
      </c>
      <c r="AA192" s="173">
        <v>0.38810080239945122</v>
      </c>
      <c r="AB192" s="92">
        <v>4.2634950028610195E-2</v>
      </c>
      <c r="AC192" s="172">
        <v>0.20788030139839755</v>
      </c>
      <c r="AD192" s="92">
        <v>3.5627817890378499E-2</v>
      </c>
      <c r="AE192" s="172">
        <v>0.33769290073697916</v>
      </c>
      <c r="AF192" s="92">
        <v>4.139607927601472E-2</v>
      </c>
      <c r="AG192" s="91">
        <v>6.632599546517022E-2</v>
      </c>
      <c r="AH192" s="92">
        <v>2.2260871593054714E-2</v>
      </c>
    </row>
    <row r="193" spans="1:34">
      <c r="A193" s="47" t="s">
        <v>572</v>
      </c>
      <c r="B193" s="171">
        <v>276</v>
      </c>
      <c r="C193" s="167">
        <v>2.8466722367024695</v>
      </c>
      <c r="D193" s="85">
        <v>0.20645574233149694</v>
      </c>
      <c r="E193" s="175">
        <v>0.66025332424460981</v>
      </c>
      <c r="F193" s="95">
        <v>5.6700639645467649E-2</v>
      </c>
      <c r="G193" s="174">
        <v>0.18698518611229761</v>
      </c>
      <c r="H193" s="95">
        <v>4.7025997364638687E-2</v>
      </c>
      <c r="I193" s="174">
        <v>0.13699453934715289</v>
      </c>
      <c r="J193" s="95">
        <v>4.1741566288688685E-2</v>
      </c>
      <c r="K193" s="94">
        <v>1.5766950295939296E-2</v>
      </c>
      <c r="L193" s="95">
        <v>1.7796458632161973E-2</v>
      </c>
      <c r="M193" s="171">
        <v>292</v>
      </c>
      <c r="N193" s="167">
        <v>3.2747571829533531</v>
      </c>
      <c r="O193" s="85">
        <v>0.22977910080009326</v>
      </c>
      <c r="P193" s="175">
        <v>0.51651038576063923</v>
      </c>
      <c r="Q193" s="95">
        <v>5.8092973566432879E-2</v>
      </c>
      <c r="R193" s="174">
        <v>0.17099945865737137</v>
      </c>
      <c r="S193" s="95">
        <v>4.4214513844807131E-2</v>
      </c>
      <c r="T193" s="174">
        <v>0.2745300360099609</v>
      </c>
      <c r="U193" s="95">
        <v>5.2056099777839843E-2</v>
      </c>
      <c r="V193" s="94">
        <v>3.7960119572028175E-2</v>
      </c>
      <c r="W193" s="95">
        <v>2.3894451694261829E-2</v>
      </c>
      <c r="X193" s="171">
        <v>278</v>
      </c>
      <c r="Y193" s="167">
        <v>3.5915829808076496</v>
      </c>
      <c r="Z193" s="85">
        <v>0.20758368557209092</v>
      </c>
      <c r="AA193" s="175">
        <v>0.48699171045296047</v>
      </c>
      <c r="AB193" s="95">
        <v>5.9529544580920919E-2</v>
      </c>
      <c r="AC193" s="174">
        <v>0.15969310554245081</v>
      </c>
      <c r="AD193" s="95">
        <v>4.4155314647685441E-2</v>
      </c>
      <c r="AE193" s="174">
        <v>0.31564971517167473</v>
      </c>
      <c r="AF193" s="95">
        <v>5.5476306238762957E-2</v>
      </c>
      <c r="AG193" s="94">
        <v>3.7665468832913579E-2</v>
      </c>
      <c r="AH193" s="95">
        <v>2.4485542370796511E-2</v>
      </c>
    </row>
    <row r="194" spans="1:34">
      <c r="A194" s="43" t="s">
        <v>573</v>
      </c>
      <c r="B194" s="170">
        <v>293</v>
      </c>
      <c r="C194" s="165">
        <v>2.9934466278086806</v>
      </c>
      <c r="D194" s="84">
        <v>0.21745180348978121</v>
      </c>
      <c r="E194" s="173">
        <v>0.61605705682833389</v>
      </c>
      <c r="F194" s="92">
        <v>5.6484093793094277E-2</v>
      </c>
      <c r="G194" s="172">
        <v>0.12187773110745286</v>
      </c>
      <c r="H194" s="92">
        <v>3.8638239839303007E-2</v>
      </c>
      <c r="I194" s="172">
        <v>0.18947015991410882</v>
      </c>
      <c r="J194" s="92">
        <v>4.5858975117020924E-2</v>
      </c>
      <c r="K194" s="91">
        <v>7.2595052150105144E-2</v>
      </c>
      <c r="L194" s="92">
        <v>3.1185858413599356E-2</v>
      </c>
      <c r="M194" s="170">
        <v>447</v>
      </c>
      <c r="N194" s="165">
        <v>4.2574287763916274</v>
      </c>
      <c r="O194" s="84">
        <v>0.18797611394411975</v>
      </c>
      <c r="P194" s="173">
        <v>0.32205400509377119</v>
      </c>
      <c r="Q194" s="92">
        <v>4.4061478241731816E-2</v>
      </c>
      <c r="R194" s="172">
        <v>0.16920236395491112</v>
      </c>
      <c r="S194" s="92">
        <v>3.5551452108532187E-2</v>
      </c>
      <c r="T194" s="172">
        <v>0.40166730124847738</v>
      </c>
      <c r="U194" s="92">
        <v>4.6184959071478043E-2</v>
      </c>
      <c r="V194" s="91">
        <v>0.10707632970284116</v>
      </c>
      <c r="W194" s="92">
        <v>2.9532567230807657E-2</v>
      </c>
      <c r="X194" s="170">
        <v>294</v>
      </c>
      <c r="Y194" s="165">
        <v>3.8180649461454221</v>
      </c>
      <c r="Z194" s="84">
        <v>0.18625944177898379</v>
      </c>
      <c r="AA194" s="173">
        <v>0.3656349660811184</v>
      </c>
      <c r="AB194" s="92">
        <v>5.5855452825475237E-2</v>
      </c>
      <c r="AC194" s="172">
        <v>0.25160135291559493</v>
      </c>
      <c r="AD194" s="92">
        <v>5.0493327579691404E-2</v>
      </c>
      <c r="AE194" s="172">
        <v>0.28306387603304595</v>
      </c>
      <c r="AF194" s="92">
        <v>5.2353166876323153E-2</v>
      </c>
      <c r="AG194" s="91">
        <v>9.9699804970241585E-2</v>
      </c>
      <c r="AH194" s="92">
        <v>3.5527215131492991E-2</v>
      </c>
    </row>
    <row r="195" spans="1:34">
      <c r="A195" s="47" t="s">
        <v>574</v>
      </c>
      <c r="B195" s="171">
        <v>350</v>
      </c>
      <c r="C195" s="167">
        <v>3.5693418457666244</v>
      </c>
      <c r="D195" s="85">
        <v>0.19793684835323364</v>
      </c>
      <c r="E195" s="175">
        <v>0.4874410210684601</v>
      </c>
      <c r="F195" s="95">
        <v>5.3133008283967269E-2</v>
      </c>
      <c r="G195" s="174">
        <v>0.15726880355594866</v>
      </c>
      <c r="H195" s="95">
        <v>3.9081964904636758E-2</v>
      </c>
      <c r="I195" s="174">
        <v>0.29438427885871649</v>
      </c>
      <c r="J195" s="95">
        <v>4.8557986580015977E-2</v>
      </c>
      <c r="K195" s="94">
        <v>6.0905896516874142E-2</v>
      </c>
      <c r="L195" s="95">
        <v>2.6367437517967923E-2</v>
      </c>
      <c r="M195" s="171">
        <v>676</v>
      </c>
      <c r="N195" s="167">
        <v>4.689397779000064</v>
      </c>
      <c r="O195" s="85">
        <v>0.14975336519334509</v>
      </c>
      <c r="P195" s="175">
        <v>0.24334854079120405</v>
      </c>
      <c r="Q195" s="95">
        <v>3.2979734427066171E-2</v>
      </c>
      <c r="R195" s="174">
        <v>0.15845188481226688</v>
      </c>
      <c r="S195" s="95">
        <v>2.8150150100952568E-2</v>
      </c>
      <c r="T195" s="174">
        <v>0.50094051289567365</v>
      </c>
      <c r="U195" s="95">
        <v>3.834818239511463E-2</v>
      </c>
      <c r="V195" s="94">
        <v>9.7259061500853741E-2</v>
      </c>
      <c r="W195" s="95">
        <v>2.2970871886137209E-2</v>
      </c>
      <c r="X195" s="171">
        <v>349</v>
      </c>
      <c r="Y195" s="167">
        <v>3.9968860098144621</v>
      </c>
      <c r="Z195" s="85">
        <v>0.16024766119399667</v>
      </c>
      <c r="AA195" s="175">
        <v>0.3057876846464852</v>
      </c>
      <c r="AB195" s="95">
        <v>4.9143547834064757E-2</v>
      </c>
      <c r="AC195" s="174">
        <v>0.27579661670779965</v>
      </c>
      <c r="AD195" s="95">
        <v>4.7708461613080524E-2</v>
      </c>
      <c r="AE195" s="174">
        <v>0.28870733632864587</v>
      </c>
      <c r="AF195" s="95">
        <v>4.8356730740098469E-2</v>
      </c>
      <c r="AG195" s="94">
        <v>0.1297083623170685</v>
      </c>
      <c r="AH195" s="95">
        <v>3.6251238459576209E-2</v>
      </c>
    </row>
    <row r="196" spans="1:34">
      <c r="A196" s="43" t="s">
        <v>575</v>
      </c>
      <c r="B196" s="170">
        <v>284</v>
      </c>
      <c r="C196" s="165">
        <v>3.5945760049777267</v>
      </c>
      <c r="D196" s="84">
        <v>0.22566288120465908</v>
      </c>
      <c r="E196" s="173">
        <v>0.46471964210537536</v>
      </c>
      <c r="F196" s="92">
        <v>5.8782748714538417E-2</v>
      </c>
      <c r="G196" s="172">
        <v>0.19125348765355843</v>
      </c>
      <c r="H196" s="92">
        <v>4.6741770393387297E-2</v>
      </c>
      <c r="I196" s="172">
        <v>0.28370094064513657</v>
      </c>
      <c r="J196" s="92">
        <v>5.3294944931737802E-2</v>
      </c>
      <c r="K196" s="91">
        <v>6.032592959592864E-2</v>
      </c>
      <c r="L196" s="92">
        <v>2.9349246394612304E-2</v>
      </c>
      <c r="M196" s="170">
        <v>924</v>
      </c>
      <c r="N196" s="165">
        <v>4.9372759445110201</v>
      </c>
      <c r="O196" s="84">
        <v>0.12667468203662127</v>
      </c>
      <c r="P196" s="173">
        <v>0.21503179673355163</v>
      </c>
      <c r="Q196" s="92">
        <v>2.7029013279955917E-2</v>
      </c>
      <c r="R196" s="172">
        <v>0.12855676986601078</v>
      </c>
      <c r="S196" s="92">
        <v>2.209079623985425E-2</v>
      </c>
      <c r="T196" s="172">
        <v>0.56022306798470378</v>
      </c>
      <c r="U196" s="92">
        <v>3.2589689265594621E-2</v>
      </c>
      <c r="V196" s="91">
        <v>9.6188365415729532E-2</v>
      </c>
      <c r="W196" s="92">
        <v>1.9513352736632222E-2</v>
      </c>
      <c r="X196" s="170">
        <v>280</v>
      </c>
      <c r="Y196" s="165">
        <v>4.2209508647744984</v>
      </c>
      <c r="Z196" s="84">
        <v>0.19790376863350595</v>
      </c>
      <c r="AA196" s="173">
        <v>0.28518079140292707</v>
      </c>
      <c r="AB196" s="92">
        <v>5.3752625478537083E-2</v>
      </c>
      <c r="AC196" s="172">
        <v>0.23422341538932198</v>
      </c>
      <c r="AD196" s="92">
        <v>5.0537752534698867E-2</v>
      </c>
      <c r="AE196" s="172">
        <v>0.37215948665376997</v>
      </c>
      <c r="AF196" s="92">
        <v>5.742281198014175E-2</v>
      </c>
      <c r="AG196" s="91">
        <v>0.1084363065539799</v>
      </c>
      <c r="AH196" s="92">
        <v>3.7710235484370511E-2</v>
      </c>
    </row>
    <row r="197" spans="1:34">
      <c r="A197" s="47" t="s">
        <v>576</v>
      </c>
      <c r="B197" s="171">
        <v>434</v>
      </c>
      <c r="C197" s="167">
        <v>3.0666095636308377</v>
      </c>
      <c r="D197" s="85">
        <v>0.18070161409773522</v>
      </c>
      <c r="E197" s="175">
        <v>0.62556202403401162</v>
      </c>
      <c r="F197" s="95">
        <v>4.6278965847503302E-2</v>
      </c>
      <c r="G197" s="174">
        <v>0.1393440819617186</v>
      </c>
      <c r="H197" s="95">
        <v>3.3418915363511201E-2</v>
      </c>
      <c r="I197" s="174">
        <v>0.19544970657178673</v>
      </c>
      <c r="J197" s="95">
        <v>3.8098102551055654E-2</v>
      </c>
      <c r="K197" s="94">
        <v>3.9644187432482339E-2</v>
      </c>
      <c r="L197" s="95">
        <v>1.9567392571101443E-2</v>
      </c>
      <c r="M197" s="171">
        <v>752</v>
      </c>
      <c r="N197" s="167">
        <v>4.100119337536511</v>
      </c>
      <c r="O197" s="85">
        <v>0.14386861796868189</v>
      </c>
      <c r="P197" s="175">
        <v>0.3496103338024632</v>
      </c>
      <c r="Q197" s="95">
        <v>3.4703708005456739E-2</v>
      </c>
      <c r="R197" s="174">
        <v>0.17055879692411252</v>
      </c>
      <c r="S197" s="95">
        <v>2.7469457493532429E-2</v>
      </c>
      <c r="T197" s="174">
        <v>0.38313521941013318</v>
      </c>
      <c r="U197" s="95">
        <v>3.5373050695471649E-2</v>
      </c>
      <c r="V197" s="94">
        <v>9.6695649863290434E-2</v>
      </c>
      <c r="W197" s="95">
        <v>2.1707806883714032E-2</v>
      </c>
      <c r="X197" s="171">
        <v>433</v>
      </c>
      <c r="Y197" s="167">
        <v>3.8026285339346915</v>
      </c>
      <c r="Z197" s="85">
        <v>0.14924998197966893</v>
      </c>
      <c r="AA197" s="175">
        <v>0.37727550514131747</v>
      </c>
      <c r="AB197" s="95">
        <v>4.6400224714033787E-2</v>
      </c>
      <c r="AC197" s="174">
        <v>0.2225134379796507</v>
      </c>
      <c r="AD197" s="95">
        <v>3.9954704967991493E-2</v>
      </c>
      <c r="AE197" s="174">
        <v>0.30636381963605774</v>
      </c>
      <c r="AF197" s="95">
        <v>4.4174430097666459E-2</v>
      </c>
      <c r="AG197" s="94">
        <v>9.3847237242973613E-2</v>
      </c>
      <c r="AH197" s="95">
        <v>2.8388603820849932E-2</v>
      </c>
    </row>
    <row r="198" spans="1:34">
      <c r="A198" s="55" t="s">
        <v>577</v>
      </c>
      <c r="B198" s="170">
        <v>331</v>
      </c>
      <c r="C198" s="165">
        <v>3.4648877973339616</v>
      </c>
      <c r="D198" s="84">
        <v>0.20495669933634364</v>
      </c>
      <c r="E198" s="173">
        <v>0.48294659157084152</v>
      </c>
      <c r="F198" s="92">
        <v>5.4604803760450051E-2</v>
      </c>
      <c r="G198" s="172">
        <v>0.21686763870013995</v>
      </c>
      <c r="H198" s="92">
        <v>4.528371583794006E-2</v>
      </c>
      <c r="I198" s="172">
        <v>0.23894072280299278</v>
      </c>
      <c r="J198" s="92">
        <v>4.6804240971257134E-2</v>
      </c>
      <c r="K198" s="91">
        <v>6.1245046926025323E-2</v>
      </c>
      <c r="L198" s="92">
        <v>2.7222423039656753E-2</v>
      </c>
      <c r="M198" s="170">
        <v>766</v>
      </c>
      <c r="N198" s="165">
        <v>4.6445614929575401</v>
      </c>
      <c r="O198" s="84">
        <v>0.14397959355635642</v>
      </c>
      <c r="P198" s="173">
        <v>0.24042677986139777</v>
      </c>
      <c r="Q198" s="92">
        <v>3.0859544310892429E-2</v>
      </c>
      <c r="R198" s="172">
        <v>0.15600095171967104</v>
      </c>
      <c r="S198" s="92">
        <v>2.6274368480466846E-2</v>
      </c>
      <c r="T198" s="172">
        <v>0.50151771993704608</v>
      </c>
      <c r="U198" s="92">
        <v>3.6037334205012643E-2</v>
      </c>
      <c r="V198" s="91">
        <v>0.10205454848188199</v>
      </c>
      <c r="W198" s="92">
        <v>2.2013036143517836E-2</v>
      </c>
      <c r="X198" s="170">
        <v>331</v>
      </c>
      <c r="Y198" s="165">
        <v>3.8600802289303604</v>
      </c>
      <c r="Z198" s="84">
        <v>0.1739850002390628</v>
      </c>
      <c r="AA198" s="173">
        <v>0.33346242899016082</v>
      </c>
      <c r="AB198" s="92">
        <v>5.159238703122377E-2</v>
      </c>
      <c r="AC198" s="172">
        <v>0.27477674720861284</v>
      </c>
      <c r="AD198" s="92">
        <v>4.8926214317986529E-2</v>
      </c>
      <c r="AE198" s="172">
        <v>0.30403525362932032</v>
      </c>
      <c r="AF198" s="92">
        <v>5.0372867629414349E-2</v>
      </c>
      <c r="AG198" s="91">
        <v>8.772557017190577E-2</v>
      </c>
      <c r="AH198" s="92">
        <v>3.1682106012420101E-2</v>
      </c>
    </row>
    <row r="199" spans="1:34">
      <c r="A199" s="47" t="s">
        <v>578</v>
      </c>
      <c r="B199" s="171">
        <v>133</v>
      </c>
      <c r="C199" s="167">
        <v>3.038445906894196</v>
      </c>
      <c r="D199" s="85">
        <v>0.31380225735736922</v>
      </c>
      <c r="E199" s="175">
        <v>0.61550952104188461</v>
      </c>
      <c r="F199" s="95">
        <v>8.3259386731644722E-2</v>
      </c>
      <c r="G199" s="174">
        <v>0.13747811089680223</v>
      </c>
      <c r="H199" s="95">
        <v>6.0687095263968732E-2</v>
      </c>
      <c r="I199" s="174">
        <v>0.20271577501679466</v>
      </c>
      <c r="J199" s="95">
        <v>6.9766556310763089E-2</v>
      </c>
      <c r="K199" s="94">
        <v>4.4296593044518204E-2</v>
      </c>
      <c r="L199" s="95">
        <v>3.9811172701792942E-2</v>
      </c>
      <c r="M199" s="171">
        <v>256</v>
      </c>
      <c r="N199" s="167">
        <v>4.313417242882764</v>
      </c>
      <c r="O199" s="85">
        <v>0.25332944156367326</v>
      </c>
      <c r="P199" s="175">
        <v>0.33793075797804095</v>
      </c>
      <c r="Q199" s="95">
        <v>5.877408403386182E-2</v>
      </c>
      <c r="R199" s="174">
        <v>0.13973588790187852</v>
      </c>
      <c r="S199" s="95">
        <v>4.3707523644856902E-2</v>
      </c>
      <c r="T199" s="174">
        <v>0.47561410976462754</v>
      </c>
      <c r="U199" s="95">
        <v>6.1945818160928832E-2</v>
      </c>
      <c r="V199" s="94">
        <v>4.6719244355452876E-2</v>
      </c>
      <c r="W199" s="95">
        <v>2.7958727347307394E-2</v>
      </c>
      <c r="X199" s="171">
        <v>132</v>
      </c>
      <c r="Y199" s="167">
        <v>3.9157962306114373</v>
      </c>
      <c r="Z199" s="85">
        <v>0.28211023216668385</v>
      </c>
      <c r="AA199" s="175">
        <v>0.43510637854839884</v>
      </c>
      <c r="AB199" s="95">
        <v>8.5066218427732515E-2</v>
      </c>
      <c r="AC199" s="174">
        <v>0.16492894300393385</v>
      </c>
      <c r="AD199" s="95">
        <v>6.5132113813260992E-2</v>
      </c>
      <c r="AE199" s="174">
        <v>0.32001855261821921</v>
      </c>
      <c r="AF199" s="95">
        <v>8.0345603889448725E-2</v>
      </c>
      <c r="AG199" s="94">
        <v>7.994612582944792E-2</v>
      </c>
      <c r="AH199" s="95">
        <v>4.9640247328854283E-2</v>
      </c>
    </row>
    <row r="200" spans="1:34">
      <c r="A200" s="55" t="s">
        <v>579</v>
      </c>
      <c r="B200" s="170">
        <v>118</v>
      </c>
      <c r="C200" s="165">
        <v>3.2299379615041555</v>
      </c>
      <c r="D200" s="84">
        <v>0.33081840149095593</v>
      </c>
      <c r="E200" s="173">
        <v>0.55532598750538031</v>
      </c>
      <c r="F200" s="92">
        <v>9.0015747919214836E-2</v>
      </c>
      <c r="G200" s="172">
        <v>0.21132365588407062</v>
      </c>
      <c r="H200" s="92">
        <v>7.5104498262878197E-2</v>
      </c>
      <c r="I200" s="172">
        <v>0.21681476109227685</v>
      </c>
      <c r="J200" s="92">
        <v>7.5742992688312361E-2</v>
      </c>
      <c r="K200" s="91">
        <v>1.65355955182729E-2</v>
      </c>
      <c r="L200" s="92">
        <v>3.2054245512315886E-2</v>
      </c>
      <c r="M200" s="170">
        <v>219</v>
      </c>
      <c r="N200" s="165">
        <v>4.3626565586192232</v>
      </c>
      <c r="O200" s="84">
        <v>0.25737470369268656</v>
      </c>
      <c r="P200" s="173">
        <v>0.33691715105095704</v>
      </c>
      <c r="Q200" s="92">
        <v>6.3436638269336737E-2</v>
      </c>
      <c r="R200" s="172">
        <v>0.14269037887451502</v>
      </c>
      <c r="S200" s="92">
        <v>4.7704030191085621E-2</v>
      </c>
      <c r="T200" s="172">
        <v>0.43700163444464013</v>
      </c>
      <c r="U200" s="92">
        <v>6.6450333084778934E-2</v>
      </c>
      <c r="V200" s="91">
        <v>8.3390835629888138E-2</v>
      </c>
      <c r="W200" s="92">
        <v>3.8493478251084776E-2</v>
      </c>
      <c r="X200" s="170">
        <v>119</v>
      </c>
      <c r="Y200" s="165">
        <v>3.7244344152536164</v>
      </c>
      <c r="Z200" s="84">
        <v>0.30566848491135107</v>
      </c>
      <c r="AA200" s="173">
        <v>0.40212203558476567</v>
      </c>
      <c r="AB200" s="92">
        <v>8.8535118770779173E-2</v>
      </c>
      <c r="AC200" s="172">
        <v>0.27044076735420947</v>
      </c>
      <c r="AD200" s="92">
        <v>8.0783622112322817E-2</v>
      </c>
      <c r="AE200" s="172">
        <v>0.27506259235815234</v>
      </c>
      <c r="AF200" s="92">
        <v>8.1178415185073946E-2</v>
      </c>
      <c r="AG200" s="91">
        <v>5.2374604702873223E-2</v>
      </c>
      <c r="AH200" s="92">
        <v>4.5066057629164574E-2</v>
      </c>
    </row>
    <row r="201" spans="1:34">
      <c r="A201" s="47" t="s">
        <v>580</v>
      </c>
      <c r="B201" s="171">
        <v>119</v>
      </c>
      <c r="C201" s="167">
        <v>2.8456728914817258</v>
      </c>
      <c r="D201" s="85">
        <v>0.32898646378093532</v>
      </c>
      <c r="E201" s="175">
        <v>0.62114441260259423</v>
      </c>
      <c r="F201" s="95">
        <v>8.7654726373126213E-2</v>
      </c>
      <c r="G201" s="174">
        <v>0.13090958867994237</v>
      </c>
      <c r="H201" s="95">
        <v>6.3113921511453189E-2</v>
      </c>
      <c r="I201" s="174">
        <v>0.18568583157770416</v>
      </c>
      <c r="J201" s="95">
        <v>7.1574103779894718E-2</v>
      </c>
      <c r="K201" s="94">
        <v>6.226016713975846E-2</v>
      </c>
      <c r="L201" s="95">
        <v>4.7930854900741025E-2</v>
      </c>
      <c r="M201" s="171">
        <v>221</v>
      </c>
      <c r="N201" s="167">
        <v>4.3284071029061852</v>
      </c>
      <c r="O201" s="85">
        <v>0.26612769481913884</v>
      </c>
      <c r="P201" s="175">
        <v>0.34798703310104218</v>
      </c>
      <c r="Q201" s="95">
        <v>6.362478487899606E-2</v>
      </c>
      <c r="R201" s="174">
        <v>0.12970554224526645</v>
      </c>
      <c r="S201" s="95">
        <v>4.5745962231161293E-2</v>
      </c>
      <c r="T201" s="174">
        <v>0.44740045817099633</v>
      </c>
      <c r="U201" s="95">
        <v>6.6309816368244581E-2</v>
      </c>
      <c r="V201" s="94">
        <v>7.4906966482695014E-2</v>
      </c>
      <c r="W201" s="95">
        <v>3.6676080161194259E-2</v>
      </c>
      <c r="X201" s="171">
        <v>118</v>
      </c>
      <c r="Y201" s="167">
        <v>3.8687211998912621</v>
      </c>
      <c r="Z201" s="85">
        <v>0.33304282340082503</v>
      </c>
      <c r="AA201" s="175">
        <v>0.4260414933742292</v>
      </c>
      <c r="AB201" s="95">
        <v>8.9604401732115646E-2</v>
      </c>
      <c r="AC201" s="174">
        <v>0.1264497691292884</v>
      </c>
      <c r="AD201" s="95">
        <v>6.2583811804684364E-2</v>
      </c>
      <c r="AE201" s="174">
        <v>0.3933118014704266</v>
      </c>
      <c r="AF201" s="95">
        <v>8.8586676551462615E-2</v>
      </c>
      <c r="AG201" s="94">
        <v>5.4196936026054764E-2</v>
      </c>
      <c r="AH201" s="95">
        <v>4.58358231254943E-2</v>
      </c>
    </row>
    <row r="202" spans="1:34">
      <c r="A202" s="55" t="s">
        <v>581</v>
      </c>
      <c r="B202" s="170">
        <v>51</v>
      </c>
      <c r="C202" s="165">
        <v>3.2590265491443442</v>
      </c>
      <c r="D202" s="84">
        <v>0.60410200191971253</v>
      </c>
      <c r="E202" s="173">
        <v>0.51417149858815714</v>
      </c>
      <c r="F202" s="92">
        <v>0.1347933956340448</v>
      </c>
      <c r="G202" s="172">
        <v>0.1397715204669723</v>
      </c>
      <c r="H202" s="92">
        <v>0.10033541177320014</v>
      </c>
      <c r="I202" s="172">
        <v>0.27263371716572921</v>
      </c>
      <c r="J202" s="92">
        <v>0.12226661711894299</v>
      </c>
      <c r="K202" s="91">
        <v>7.3423263779141518E-2</v>
      </c>
      <c r="L202" s="92">
        <v>8.2478799518107465E-2</v>
      </c>
      <c r="M202" s="170">
        <v>122</v>
      </c>
      <c r="N202" s="165">
        <v>4.5415319670699095</v>
      </c>
      <c r="O202" s="84">
        <v>0.36897686541580182</v>
      </c>
      <c r="P202" s="173">
        <v>0.28353071734738144</v>
      </c>
      <c r="Q202" s="92">
        <v>8.0881845270794422E-2</v>
      </c>
      <c r="R202" s="172">
        <v>0.15067001180754544</v>
      </c>
      <c r="S202" s="92">
        <v>6.5609136693428549E-2</v>
      </c>
      <c r="T202" s="172">
        <v>0.48103639560866379</v>
      </c>
      <c r="U202" s="92">
        <v>8.902698934250218E-2</v>
      </c>
      <c r="V202" s="91">
        <v>8.4762875236409824E-2</v>
      </c>
      <c r="W202" s="92">
        <v>5.2960536954020872E-2</v>
      </c>
      <c r="X202" s="170">
        <v>51</v>
      </c>
      <c r="Y202" s="165">
        <v>3.8216667667311413</v>
      </c>
      <c r="Z202" s="84">
        <v>0.498588956486474</v>
      </c>
      <c r="AA202" s="173">
        <v>0.38672909917783321</v>
      </c>
      <c r="AB202" s="92">
        <v>0.13183131516888127</v>
      </c>
      <c r="AC202" s="172">
        <v>0.17755732927252463</v>
      </c>
      <c r="AD202" s="92">
        <v>0.10807526257204829</v>
      </c>
      <c r="AE202" s="172">
        <v>0.30185065285206147</v>
      </c>
      <c r="AF202" s="92">
        <v>0.12540557300433552</v>
      </c>
      <c r="AG202" s="91">
        <v>0.13386291869758071</v>
      </c>
      <c r="AH202" s="92">
        <v>9.8988956774126613E-2</v>
      </c>
    </row>
    <row r="203" spans="1:34">
      <c r="A203" s="47" t="s">
        <v>584</v>
      </c>
      <c r="B203" s="171">
        <v>111</v>
      </c>
      <c r="C203" s="167">
        <v>2.6124958711444699</v>
      </c>
      <c r="D203" s="85">
        <v>0.30376563500451326</v>
      </c>
      <c r="E203" s="175">
        <v>0.72255246849215737</v>
      </c>
      <c r="F203" s="95">
        <v>8.42059615475311E-2</v>
      </c>
      <c r="G203" s="174">
        <v>0.14813169908628543</v>
      </c>
      <c r="H203" s="95">
        <v>6.8436417532493077E-2</v>
      </c>
      <c r="I203" s="174">
        <v>0.10343167709268608</v>
      </c>
      <c r="J203" s="95">
        <v>5.9995238465311192E-2</v>
      </c>
      <c r="K203" s="94">
        <v>2.5884155328871131E-2</v>
      </c>
      <c r="L203" s="95">
        <v>3.7569408756349426E-2</v>
      </c>
      <c r="M203" s="171">
        <v>114</v>
      </c>
      <c r="N203" s="167">
        <v>2.8702664614964117</v>
      </c>
      <c r="O203" s="85">
        <v>0.37419947073836912</v>
      </c>
      <c r="P203" s="175">
        <v>0.62701176999390595</v>
      </c>
      <c r="Q203" s="95">
        <v>8.9242227465948079E-2</v>
      </c>
      <c r="R203" s="174">
        <v>0.14283543643350025</v>
      </c>
      <c r="S203" s="95">
        <v>6.662199628167785E-2</v>
      </c>
      <c r="T203" s="174">
        <v>0.18609078767057821</v>
      </c>
      <c r="U203" s="95">
        <v>7.3190808322562945E-2</v>
      </c>
      <c r="V203" s="94">
        <v>4.406200590201572E-2</v>
      </c>
      <c r="W203" s="95">
        <v>4.3559892380678394E-2</v>
      </c>
      <c r="X203" s="171">
        <v>112</v>
      </c>
      <c r="Y203" s="167">
        <v>3.4121847555806251</v>
      </c>
      <c r="Z203" s="85">
        <v>0.32936377802447558</v>
      </c>
      <c r="AA203" s="175">
        <v>0.53828969635414448</v>
      </c>
      <c r="AB203" s="95">
        <v>9.2593525183911701E-2</v>
      </c>
      <c r="AC203" s="174">
        <v>0.17037736681895296</v>
      </c>
      <c r="AD203" s="95">
        <v>7.1610273035793134E-2</v>
      </c>
      <c r="AE203" s="174">
        <v>0.26995030941500198</v>
      </c>
      <c r="AF203" s="95">
        <v>8.318323434256597E-2</v>
      </c>
      <c r="AG203" s="94">
        <v>2.1382627411900609E-2</v>
      </c>
      <c r="AH203" s="95">
        <v>3.5453356739806187E-2</v>
      </c>
    </row>
    <row r="204" spans="1:34">
      <c r="A204" s="55" t="s">
        <v>585</v>
      </c>
      <c r="B204" s="170">
        <v>1098</v>
      </c>
      <c r="C204" s="165">
        <v>3.3545528669816758</v>
      </c>
      <c r="D204" s="84">
        <v>0.11288384925625636</v>
      </c>
      <c r="E204" s="173">
        <v>0.53026275025250169</v>
      </c>
      <c r="F204" s="92">
        <v>3.0068934859277398E-2</v>
      </c>
      <c r="G204" s="172">
        <v>0.17033978555515802</v>
      </c>
      <c r="H204" s="92">
        <v>2.2711929644952784E-2</v>
      </c>
      <c r="I204" s="172">
        <v>0.24573717202289072</v>
      </c>
      <c r="J204" s="92">
        <v>2.5970728184102281E-2</v>
      </c>
      <c r="K204" s="91">
        <v>5.3660292169452367E-2</v>
      </c>
      <c r="L204" s="92">
        <v>1.3768170950267696E-2</v>
      </c>
      <c r="M204" s="170">
        <v>2250</v>
      </c>
      <c r="N204" s="165">
        <v>4.6245158952389449</v>
      </c>
      <c r="O204" s="84">
        <v>8.2590871808658164E-2</v>
      </c>
      <c r="P204" s="173">
        <v>0.25521034318474767</v>
      </c>
      <c r="Q204" s="92">
        <v>1.8376449620833204E-2</v>
      </c>
      <c r="R204" s="172">
        <v>0.15898177766828214</v>
      </c>
      <c r="S204" s="92">
        <v>1.5427591397183828E-2</v>
      </c>
      <c r="T204" s="172">
        <v>0.49305829296484488</v>
      </c>
      <c r="U204" s="92">
        <v>2.1061113743605853E-2</v>
      </c>
      <c r="V204" s="91">
        <v>9.2749586182121285E-2</v>
      </c>
      <c r="W204" s="92">
        <v>1.2262670200511043E-2</v>
      </c>
      <c r="X204" s="170">
        <v>1094</v>
      </c>
      <c r="Y204" s="165">
        <v>3.9909166583366718</v>
      </c>
      <c r="Z204" s="84">
        <v>9.704224526742071E-2</v>
      </c>
      <c r="AA204" s="173">
        <v>0.33219434847980911</v>
      </c>
      <c r="AB204" s="92">
        <v>2.8441359699079797E-2</v>
      </c>
      <c r="AC204" s="172">
        <v>0.2355447269076929</v>
      </c>
      <c r="AD204" s="92">
        <v>2.5648033588684088E-2</v>
      </c>
      <c r="AE204" s="172">
        <v>0.32627434605493311</v>
      </c>
      <c r="AF204" s="92">
        <v>2.8312521557846099E-2</v>
      </c>
      <c r="AG204" s="91">
        <v>0.10598657855756796</v>
      </c>
      <c r="AH204" s="92">
        <v>1.8689533806472973E-2</v>
      </c>
    </row>
    <row r="205" spans="1:34">
      <c r="A205" s="47" t="s">
        <v>620</v>
      </c>
      <c r="B205" s="171">
        <v>43</v>
      </c>
      <c r="C205" s="167">
        <v>3.5787110253151204</v>
      </c>
      <c r="D205" s="85">
        <v>0.5586705085534508</v>
      </c>
      <c r="E205" s="175">
        <v>0.53352484844183545</v>
      </c>
      <c r="F205" s="95">
        <v>0.14559028745619887</v>
      </c>
      <c r="G205" s="174">
        <v>9.6594136493936555E-2</v>
      </c>
      <c r="H205" s="95">
        <v>9.8406360634785278E-2</v>
      </c>
      <c r="I205" s="174">
        <v>0.30447728520523926</v>
      </c>
      <c r="J205" s="95">
        <v>0.13621043075877012</v>
      </c>
      <c r="K205" s="94">
        <v>6.5403729858988874E-2</v>
      </c>
      <c r="L205" s="95">
        <v>8.8441254445551981E-2</v>
      </c>
      <c r="M205" s="171">
        <v>156</v>
      </c>
      <c r="N205" s="167">
        <v>4.933565877720933</v>
      </c>
      <c r="O205" s="85">
        <v>0.31031471608929984</v>
      </c>
      <c r="P205" s="175">
        <v>0.20995563576854873</v>
      </c>
      <c r="Q205" s="95">
        <v>6.5197387765045953E-2</v>
      </c>
      <c r="R205" s="174">
        <v>9.0480102279913363E-2</v>
      </c>
      <c r="S205" s="95">
        <v>4.7585177343139211E-2</v>
      </c>
      <c r="T205" s="174">
        <v>0.58441963910368577</v>
      </c>
      <c r="U205" s="95">
        <v>7.7978395106394177E-2</v>
      </c>
      <c r="V205" s="94">
        <v>0.11514462284785244</v>
      </c>
      <c r="W205" s="95">
        <v>5.2249270498471438E-2</v>
      </c>
      <c r="X205" s="171">
        <v>44</v>
      </c>
      <c r="Y205" s="167">
        <v>4.5048534532671285</v>
      </c>
      <c r="Z205" s="85">
        <v>0.47002648472225922</v>
      </c>
      <c r="AA205" s="175">
        <v>0.26471223659883053</v>
      </c>
      <c r="AB205" s="95">
        <v>0.13021838822429438</v>
      </c>
      <c r="AC205" s="174">
        <v>0.26521526342774576</v>
      </c>
      <c r="AD205" s="95">
        <v>0.13028194902155238</v>
      </c>
      <c r="AE205" s="174">
        <v>0.45589060239742191</v>
      </c>
      <c r="AF205" s="95">
        <v>0.14386484479682363</v>
      </c>
      <c r="AG205" s="94">
        <v>1.4181897576001903E-2</v>
      </c>
      <c r="AH205" s="95">
        <v>6.5624110815028155E-2</v>
      </c>
    </row>
    <row r="206" spans="1:34">
      <c r="A206" s="55" t="s">
        <v>621</v>
      </c>
      <c r="B206" s="170">
        <v>61</v>
      </c>
      <c r="C206" s="165">
        <v>3.4290889380340674</v>
      </c>
      <c r="D206" s="84">
        <v>0.49526616132542833</v>
      </c>
      <c r="E206" s="173">
        <v>0.4917644197549339</v>
      </c>
      <c r="F206" s="92">
        <v>0.12401991553028405</v>
      </c>
      <c r="G206" s="172">
        <v>0.15210272204059058</v>
      </c>
      <c r="H206" s="92">
        <v>9.3941207690036194E-2</v>
      </c>
      <c r="I206" s="172">
        <v>0.28509547012660402</v>
      </c>
      <c r="J206" s="92">
        <v>0.11349695340753889</v>
      </c>
      <c r="K206" s="91">
        <v>7.1037388077871313E-2</v>
      </c>
      <c r="L206" s="92">
        <v>7.3564828988259029E-2</v>
      </c>
      <c r="M206" s="170">
        <v>162</v>
      </c>
      <c r="N206" s="165">
        <v>4.7858572254685852</v>
      </c>
      <c r="O206" s="84">
        <v>0.30782036342567787</v>
      </c>
      <c r="P206" s="173">
        <v>0.2703472473527353</v>
      </c>
      <c r="Q206" s="92">
        <v>6.9381205682795349E-2</v>
      </c>
      <c r="R206" s="172">
        <v>0.11004162546577433</v>
      </c>
      <c r="S206" s="92">
        <v>5.0341658268838921E-2</v>
      </c>
      <c r="T206" s="172">
        <v>0.51081381138136561</v>
      </c>
      <c r="U206" s="92">
        <v>7.759776254007611E-2</v>
      </c>
      <c r="V206" s="91">
        <v>0.10879731580012569</v>
      </c>
      <c r="W206" s="92">
        <v>5.0119615755334516E-2</v>
      </c>
      <c r="X206" s="170">
        <v>61</v>
      </c>
      <c r="Y206" s="165">
        <v>3.9904050524121759</v>
      </c>
      <c r="Z206" s="84">
        <v>0.45592397026989778</v>
      </c>
      <c r="AA206" s="173">
        <v>0.24013410218568673</v>
      </c>
      <c r="AB206" s="92">
        <v>0.10828037646965484</v>
      </c>
      <c r="AC206" s="172">
        <v>0.33183396183517461</v>
      </c>
      <c r="AD206" s="92">
        <v>0.11769417506846165</v>
      </c>
      <c r="AE206" s="172">
        <v>0.2235984195456934</v>
      </c>
      <c r="AF206" s="92">
        <v>0.10603792046859321</v>
      </c>
      <c r="AG206" s="91">
        <v>0.20443351643344518</v>
      </c>
      <c r="AH206" s="92">
        <v>0.10319855958745452</v>
      </c>
    </row>
    <row r="207" spans="1:34">
      <c r="A207" s="47" t="s">
        <v>622</v>
      </c>
      <c r="B207" s="171">
        <v>477</v>
      </c>
      <c r="C207" s="167">
        <v>3.4191167343424356</v>
      </c>
      <c r="D207" s="85">
        <v>0.17484525786400626</v>
      </c>
      <c r="E207" s="175">
        <v>0.5127784960436641</v>
      </c>
      <c r="F207" s="95">
        <v>4.5581428777279769E-2</v>
      </c>
      <c r="G207" s="174">
        <v>0.14913477963523014</v>
      </c>
      <c r="H207" s="95">
        <v>3.2744533921347851E-2</v>
      </c>
      <c r="I207" s="174">
        <v>0.2625684372462635</v>
      </c>
      <c r="J207" s="95">
        <v>4.0223901782678845E-2</v>
      </c>
      <c r="K207" s="94">
        <v>7.5518287074843218E-2</v>
      </c>
      <c r="L207" s="95">
        <v>2.4604928241344894E-2</v>
      </c>
      <c r="M207" s="171">
        <v>987</v>
      </c>
      <c r="N207" s="167">
        <v>4.6972459119259025</v>
      </c>
      <c r="O207" s="85">
        <v>0.12631903750999385</v>
      </c>
      <c r="P207" s="175">
        <v>0.24188200979812735</v>
      </c>
      <c r="Q207" s="95">
        <v>2.7245703975836373E-2</v>
      </c>
      <c r="R207" s="174">
        <v>0.15162499764205559</v>
      </c>
      <c r="S207" s="95">
        <v>2.2872667250444158E-2</v>
      </c>
      <c r="T207" s="174">
        <v>0.50071357369465186</v>
      </c>
      <c r="U207" s="95">
        <v>3.1766014810352045E-2</v>
      </c>
      <c r="V207" s="94">
        <v>0.10577941886516573</v>
      </c>
      <c r="W207" s="95">
        <v>1.9668511362969078E-2</v>
      </c>
      <c r="X207" s="171">
        <v>474</v>
      </c>
      <c r="Y207" s="167">
        <v>3.8615418630754839</v>
      </c>
      <c r="Z207" s="85">
        <v>0.14368271767997601</v>
      </c>
      <c r="AA207" s="175">
        <v>0.34812831215099521</v>
      </c>
      <c r="AB207" s="95">
        <v>4.361484148439311E-2</v>
      </c>
      <c r="AC207" s="174">
        <v>0.22246944966042034</v>
      </c>
      <c r="AD207" s="95">
        <v>3.8186997640460553E-2</v>
      </c>
      <c r="AE207" s="174">
        <v>0.28686933263966563</v>
      </c>
      <c r="AF207" s="95">
        <v>4.145193146994907E-2</v>
      </c>
      <c r="AG207" s="94">
        <v>0.14253290554891943</v>
      </c>
      <c r="AH207" s="95">
        <v>3.2257716297954014E-2</v>
      </c>
    </row>
    <row r="208" spans="1:34">
      <c r="A208" s="55" t="s">
        <v>623</v>
      </c>
      <c r="B208" s="170">
        <v>130</v>
      </c>
      <c r="C208" s="165">
        <v>3.2100018218812463</v>
      </c>
      <c r="D208" s="84">
        <v>0.30732068319956229</v>
      </c>
      <c r="E208" s="173">
        <v>0.58702099673898023</v>
      </c>
      <c r="F208" s="92">
        <v>8.5146528158228277E-2</v>
      </c>
      <c r="G208" s="172">
        <v>0.22019630283088862</v>
      </c>
      <c r="H208" s="92">
        <v>7.2547290941540957E-2</v>
      </c>
      <c r="I208" s="172">
        <v>0.14976753200252171</v>
      </c>
      <c r="J208" s="92">
        <v>6.3375466965746433E-2</v>
      </c>
      <c r="K208" s="91">
        <v>4.3015168427609371E-2</v>
      </c>
      <c r="L208" s="92">
        <v>3.9942700352635356E-2</v>
      </c>
      <c r="M208" s="170">
        <v>302</v>
      </c>
      <c r="N208" s="165">
        <v>4.5056259712012503</v>
      </c>
      <c r="O208" s="84">
        <v>0.20922974141104309</v>
      </c>
      <c r="P208" s="173">
        <v>0.22445121828258763</v>
      </c>
      <c r="Q208" s="92">
        <v>4.7971249276622906E-2</v>
      </c>
      <c r="R208" s="172">
        <v>0.26305351800438337</v>
      </c>
      <c r="S208" s="92">
        <v>5.0528524089108073E-2</v>
      </c>
      <c r="T208" s="172">
        <v>0.4077243272056833</v>
      </c>
      <c r="U208" s="92">
        <v>5.6209965203242271E-2</v>
      </c>
      <c r="V208" s="91">
        <v>0.10477093650734595</v>
      </c>
      <c r="W208" s="92">
        <v>3.5764500798385723E-2</v>
      </c>
      <c r="X208" s="170">
        <v>130</v>
      </c>
      <c r="Y208" s="165">
        <v>4.0904661764301231</v>
      </c>
      <c r="Z208" s="84">
        <v>0.26584452444925488</v>
      </c>
      <c r="AA208" s="173">
        <v>0.34864554726534908</v>
      </c>
      <c r="AB208" s="92">
        <v>8.2577700882800573E-2</v>
      </c>
      <c r="AC208" s="172">
        <v>0.22468249419620365</v>
      </c>
      <c r="AD208" s="92">
        <v>7.3027920506463881E-2</v>
      </c>
      <c r="AE208" s="172">
        <v>0.34412368902513391</v>
      </c>
      <c r="AF208" s="92">
        <v>8.2341030475008112E-2</v>
      </c>
      <c r="AG208" s="91">
        <v>8.2548269513313385E-2</v>
      </c>
      <c r="AH208" s="92">
        <v>5.0662096055606815E-2</v>
      </c>
    </row>
    <row r="209" spans="1:34">
      <c r="A209" s="47" t="s">
        <v>624</v>
      </c>
      <c r="B209" s="171">
        <v>134</v>
      </c>
      <c r="C209" s="167">
        <v>3.566483010629538</v>
      </c>
      <c r="D209" s="85">
        <v>0.30975861633527713</v>
      </c>
      <c r="E209" s="175">
        <v>0.46409909337781513</v>
      </c>
      <c r="F209" s="95">
        <v>8.4918504741484283E-2</v>
      </c>
      <c r="G209" s="174">
        <v>0.22998407053582645</v>
      </c>
      <c r="H209" s="95">
        <v>7.2483227166069072E-2</v>
      </c>
      <c r="I209" s="174">
        <v>0.3059168360863585</v>
      </c>
      <c r="J209" s="95">
        <v>7.8847448785520025E-2</v>
      </c>
      <c r="K209" s="94">
        <v>0</v>
      </c>
      <c r="L209" s="95">
        <v>2.034678603371113E-2</v>
      </c>
      <c r="M209" s="171">
        <v>320</v>
      </c>
      <c r="N209" s="167">
        <v>4.9517593987855371</v>
      </c>
      <c r="O209" s="85">
        <v>0.21076041354355488</v>
      </c>
      <c r="P209" s="175">
        <v>0.22404601893963577</v>
      </c>
      <c r="Q209" s="95">
        <v>4.6576375019057183E-2</v>
      </c>
      <c r="R209" s="174">
        <v>0.12502476411407171</v>
      </c>
      <c r="S209" s="95">
        <v>3.7324718826751778E-2</v>
      </c>
      <c r="T209" s="174">
        <v>0.61719770883802694</v>
      </c>
      <c r="U209" s="95">
        <v>5.4046361767998638E-2</v>
      </c>
      <c r="V209" s="94">
        <v>3.3731508108266965E-2</v>
      </c>
      <c r="W209" s="95">
        <v>2.1639188920005416E-2</v>
      </c>
      <c r="X209" s="171">
        <v>133</v>
      </c>
      <c r="Y209" s="167">
        <v>3.7969442412217571</v>
      </c>
      <c r="Z209" s="85">
        <v>0.26937623420702062</v>
      </c>
      <c r="AA209" s="175">
        <v>0.3437158672026206</v>
      </c>
      <c r="AB209" s="95">
        <v>8.1407456770984293E-2</v>
      </c>
      <c r="AC209" s="174">
        <v>0.32698800020475111</v>
      </c>
      <c r="AD209" s="95">
        <v>8.0471104142710484E-2</v>
      </c>
      <c r="AE209" s="174">
        <v>0.26917729986691297</v>
      </c>
      <c r="AF209" s="95">
        <v>7.63753030178667E-2</v>
      </c>
      <c r="AG209" s="94">
        <v>6.0118832725715221E-2</v>
      </c>
      <c r="AH209" s="95">
        <v>4.4439284780298155E-2</v>
      </c>
    </row>
    <row r="210" spans="1:34">
      <c r="A210" s="55" t="s">
        <v>625</v>
      </c>
      <c r="B210" s="170">
        <v>632</v>
      </c>
      <c r="C210" s="165">
        <v>3.1222462282130485</v>
      </c>
      <c r="D210" s="84">
        <v>0.14583492164299133</v>
      </c>
      <c r="E210" s="173">
        <v>0.58993670543004895</v>
      </c>
      <c r="F210" s="92">
        <v>3.9014012367639676E-2</v>
      </c>
      <c r="G210" s="172">
        <v>0.16409679471329086</v>
      </c>
      <c r="H210" s="92">
        <v>2.952281188189676E-2</v>
      </c>
      <c r="I210" s="172">
        <v>0.20330768247588332</v>
      </c>
      <c r="J210" s="92">
        <v>3.2025681150921213E-2</v>
      </c>
      <c r="K210" s="91">
        <v>4.2658817380776426E-2</v>
      </c>
      <c r="L210" s="92">
        <v>1.653312373199551E-2</v>
      </c>
      <c r="M210" s="170">
        <v>1187</v>
      </c>
      <c r="N210" s="165">
        <v>4.2369762666600854</v>
      </c>
      <c r="O210" s="84">
        <v>0.11827729441698696</v>
      </c>
      <c r="P210" s="173">
        <v>0.32589248593088038</v>
      </c>
      <c r="Q210" s="92">
        <v>2.7175447520788088E-2</v>
      </c>
      <c r="R210" s="172">
        <v>0.16054492502872525</v>
      </c>
      <c r="S210" s="92">
        <v>2.1335979763468883E-2</v>
      </c>
      <c r="T210" s="172">
        <v>0.42164196236678803</v>
      </c>
      <c r="U210" s="92">
        <v>2.8620754314745499E-2</v>
      </c>
      <c r="V210" s="91">
        <v>9.1920626673606093E-2</v>
      </c>
      <c r="W210" s="92">
        <v>1.6854982582074123E-2</v>
      </c>
      <c r="X210" s="170">
        <v>632</v>
      </c>
      <c r="Y210" s="165">
        <v>3.823945593308868</v>
      </c>
      <c r="Z210" s="84">
        <v>0.13704085244389744</v>
      </c>
      <c r="AA210" s="173">
        <v>0.40020435004150123</v>
      </c>
      <c r="AB210" s="92">
        <v>3.8864844578286331E-2</v>
      </c>
      <c r="AC210" s="172">
        <v>0.20271135025869003</v>
      </c>
      <c r="AD210" s="92">
        <v>3.1991318371186808E-2</v>
      </c>
      <c r="AE210" s="172">
        <v>0.31847883179370984</v>
      </c>
      <c r="AF210" s="92">
        <v>3.6982336998571147E-2</v>
      </c>
      <c r="AG210" s="91">
        <v>7.8605467906097987E-2</v>
      </c>
      <c r="AH210" s="92">
        <v>2.1668347985373034E-2</v>
      </c>
    </row>
    <row r="211" spans="1:34">
      <c r="A211" s="47" t="s">
        <v>626</v>
      </c>
      <c r="B211" s="171">
        <v>576</v>
      </c>
      <c r="C211" s="167">
        <v>3.2518076086316747</v>
      </c>
      <c r="D211" s="85">
        <v>0.15694356844745111</v>
      </c>
      <c r="E211" s="175">
        <v>0.55375940644127297</v>
      </c>
      <c r="F211" s="95">
        <v>4.1285352821116957E-2</v>
      </c>
      <c r="G211" s="174">
        <v>0.16726452488903745</v>
      </c>
      <c r="H211" s="95">
        <v>3.1162412400733492E-2</v>
      </c>
      <c r="I211" s="174">
        <v>0.22323442786205228</v>
      </c>
      <c r="J211" s="95">
        <v>3.4686150995357212E-2</v>
      </c>
      <c r="K211" s="94">
        <v>5.5741640807637681E-2</v>
      </c>
      <c r="L211" s="95">
        <v>1.9537303968702478E-2</v>
      </c>
      <c r="M211" s="171">
        <v>1176</v>
      </c>
      <c r="N211" s="167">
        <v>4.5847448671060222</v>
      </c>
      <c r="O211" s="85">
        <v>0.11300772815313036</v>
      </c>
      <c r="P211" s="175">
        <v>0.27609629397267543</v>
      </c>
      <c r="Q211" s="95">
        <v>2.6051216713470354E-2</v>
      </c>
      <c r="R211" s="174">
        <v>0.14947789301534098</v>
      </c>
      <c r="S211" s="95">
        <v>2.0827445125896574E-2</v>
      </c>
      <c r="T211" s="174">
        <v>0.50121385311487354</v>
      </c>
      <c r="U211" s="95">
        <v>2.9111040280517482E-2</v>
      </c>
      <c r="V211" s="94">
        <v>7.3211959897110046E-2</v>
      </c>
      <c r="W211" s="95">
        <v>1.5303126708022205E-2</v>
      </c>
      <c r="X211" s="171">
        <v>573</v>
      </c>
      <c r="Y211" s="167">
        <v>3.838444687537816</v>
      </c>
      <c r="Z211" s="85">
        <v>0.12723409269679017</v>
      </c>
      <c r="AA211" s="175">
        <v>0.35047303344333147</v>
      </c>
      <c r="AB211" s="95">
        <v>3.9752318591772647E-2</v>
      </c>
      <c r="AC211" s="174">
        <v>0.25713093037930235</v>
      </c>
      <c r="AD211" s="95">
        <v>3.6466988648611309E-2</v>
      </c>
      <c r="AE211" s="174">
        <v>0.29690750406261512</v>
      </c>
      <c r="AF211" s="95">
        <v>3.809350276250735E-2</v>
      </c>
      <c r="AG211" s="94">
        <v>9.5488532114751751E-2</v>
      </c>
      <c r="AH211" s="95">
        <v>2.4787667059442759E-2</v>
      </c>
    </row>
    <row r="212" spans="1:34">
      <c r="A212" s="55" t="s">
        <v>627</v>
      </c>
      <c r="B212" s="170">
        <v>178</v>
      </c>
      <c r="C212" s="165">
        <v>3.2489686241413489</v>
      </c>
      <c r="D212" s="84">
        <v>0.26857797558938779</v>
      </c>
      <c r="E212" s="173">
        <v>0.56379414932848881</v>
      </c>
      <c r="F212" s="92">
        <v>7.3545564607186531E-2</v>
      </c>
      <c r="G212" s="172">
        <v>0.14509621528664726</v>
      </c>
      <c r="H212" s="92">
        <v>5.3353274281265066E-2</v>
      </c>
      <c r="I212" s="172">
        <v>0.22396037691004561</v>
      </c>
      <c r="J212" s="92">
        <v>6.2390947046921406E-2</v>
      </c>
      <c r="K212" s="91">
        <v>6.7149258474818216E-2</v>
      </c>
      <c r="L212" s="92">
        <v>3.9442635649888952E-2</v>
      </c>
      <c r="M212" s="170">
        <v>345</v>
      </c>
      <c r="N212" s="165">
        <v>4.6304679505761079</v>
      </c>
      <c r="O212" s="84">
        <v>0.20850811838839184</v>
      </c>
      <c r="P212" s="173">
        <v>0.27483704577223717</v>
      </c>
      <c r="Q212" s="92">
        <v>4.7932273636175179E-2</v>
      </c>
      <c r="R212" s="172">
        <v>0.13939713413094115</v>
      </c>
      <c r="S212" s="92">
        <v>3.7535728678397461E-2</v>
      </c>
      <c r="T212" s="172">
        <v>0.50632132712908773</v>
      </c>
      <c r="U212" s="92">
        <v>5.3524592162098761E-2</v>
      </c>
      <c r="V212" s="91">
        <v>7.9444492967731095E-2</v>
      </c>
      <c r="W212" s="92">
        <v>2.9738899751315152E-2</v>
      </c>
      <c r="X212" s="170">
        <v>177</v>
      </c>
      <c r="Y212" s="165">
        <v>3.9997595707846005</v>
      </c>
      <c r="Z212" s="84">
        <v>0.2137076603287206</v>
      </c>
      <c r="AA212" s="173">
        <v>0.31139464358327201</v>
      </c>
      <c r="AB212" s="92">
        <v>6.9087643740055993E-2</v>
      </c>
      <c r="AC212" s="172">
        <v>0.28335336606033334</v>
      </c>
      <c r="AD212" s="92">
        <v>6.732715905218542E-2</v>
      </c>
      <c r="AE212" s="172">
        <v>0.31559337506687657</v>
      </c>
      <c r="AF212" s="92">
        <v>6.9326771700630674E-2</v>
      </c>
      <c r="AG212" s="91">
        <v>8.9658615289518087E-2</v>
      </c>
      <c r="AH212" s="92">
        <v>4.434419016124632E-2</v>
      </c>
    </row>
    <row r="213" spans="1:34">
      <c r="A213" s="47" t="s">
        <v>628</v>
      </c>
      <c r="B213" s="171">
        <v>398</v>
      </c>
      <c r="C213" s="167">
        <v>3.2534693314647396</v>
      </c>
      <c r="D213" s="85">
        <v>0.19287835144936311</v>
      </c>
      <c r="E213" s="175">
        <v>0.54777115183782588</v>
      </c>
      <c r="F213" s="95">
        <v>4.9651833141160319E-2</v>
      </c>
      <c r="G213" s="174">
        <v>0.18049351177182904</v>
      </c>
      <c r="H213" s="95">
        <v>3.8625260099385134E-2</v>
      </c>
      <c r="I213" s="174">
        <v>0.22280121619162149</v>
      </c>
      <c r="J213" s="95">
        <v>4.1690922002675587E-2</v>
      </c>
      <c r="K213" s="94">
        <v>4.893412019872484E-2</v>
      </c>
      <c r="L213" s="95">
        <v>2.2431408266580674E-2</v>
      </c>
      <c r="M213" s="171">
        <v>831</v>
      </c>
      <c r="N213" s="167">
        <v>4.5575289879985261</v>
      </c>
      <c r="O213" s="85">
        <v>0.13451507360413423</v>
      </c>
      <c r="P213" s="175">
        <v>0.27685396793726935</v>
      </c>
      <c r="Q213" s="95">
        <v>3.1005641782068685E-2</v>
      </c>
      <c r="R213" s="174">
        <v>0.15554336013088249</v>
      </c>
      <c r="S213" s="95">
        <v>2.5192306640879795E-2</v>
      </c>
      <c r="T213" s="174">
        <v>0.49814074958844645</v>
      </c>
      <c r="U213" s="95">
        <v>3.4606190040438009E-2</v>
      </c>
      <c r="V213" s="94">
        <v>6.9461922343401733E-2</v>
      </c>
      <c r="W213" s="95">
        <v>1.7836065627410788E-2</v>
      </c>
      <c r="X213" s="171">
        <v>396</v>
      </c>
      <c r="Y213" s="167">
        <v>3.7413881305349084</v>
      </c>
      <c r="Z213" s="85">
        <v>0.15781249038128714</v>
      </c>
      <c r="AA213" s="175">
        <v>0.37374465990874006</v>
      </c>
      <c r="AB213" s="95">
        <v>4.8412478068715022E-2</v>
      </c>
      <c r="AC213" s="174">
        <v>0.24151517112290918</v>
      </c>
      <c r="AD213" s="95">
        <v>4.2955232502559858E-2</v>
      </c>
      <c r="AE213" s="174">
        <v>0.28577985495145164</v>
      </c>
      <c r="AF213" s="95">
        <v>4.527945956382616E-2</v>
      </c>
      <c r="AG213" s="94">
        <v>9.8960314016899795E-2</v>
      </c>
      <c r="AH213" s="95">
        <v>3.0392062052166109E-2</v>
      </c>
    </row>
    <row r="214" spans="1:34">
      <c r="A214" s="55" t="s">
        <v>629</v>
      </c>
      <c r="B214" s="170">
        <v>71</v>
      </c>
      <c r="C214" s="165">
        <v>3.2753129693025431</v>
      </c>
      <c r="D214" s="84">
        <v>0.43592909688938281</v>
      </c>
      <c r="E214" s="173">
        <v>0.58044057577611574</v>
      </c>
      <c r="F214" s="92">
        <v>0.11412300143094314</v>
      </c>
      <c r="G214" s="172">
        <v>0.15457978715451889</v>
      </c>
      <c r="H214" s="92">
        <v>8.735290502882273E-2</v>
      </c>
      <c r="I214" s="172">
        <v>0.20375674426838242</v>
      </c>
      <c r="J214" s="92">
        <v>9.5596758262145365E-2</v>
      </c>
      <c r="K214" s="91">
        <v>6.1222892800982767E-2</v>
      </c>
      <c r="L214" s="92">
        <v>6.4275681186012068E-2</v>
      </c>
      <c r="M214" s="170">
        <v>218</v>
      </c>
      <c r="N214" s="165">
        <v>4.4954823296596915</v>
      </c>
      <c r="O214" s="84">
        <v>0.25547510976533788</v>
      </c>
      <c r="P214" s="173">
        <v>0.24252436443736045</v>
      </c>
      <c r="Q214" s="92">
        <v>5.7902331119887455E-2</v>
      </c>
      <c r="R214" s="172">
        <v>0.18262298367354238</v>
      </c>
      <c r="S214" s="92">
        <v>5.2482338889921071E-2</v>
      </c>
      <c r="T214" s="172">
        <v>0.46772320490111519</v>
      </c>
      <c r="U214" s="92">
        <v>6.6980622761693198E-2</v>
      </c>
      <c r="V214" s="91">
        <v>0.10712944698798209</v>
      </c>
      <c r="W214" s="92">
        <v>4.2694110767141399E-2</v>
      </c>
      <c r="X214" s="170">
        <v>71</v>
      </c>
      <c r="Y214" s="165">
        <v>3.9797699132361979</v>
      </c>
      <c r="Z214" s="84">
        <v>0.36260630625146789</v>
      </c>
      <c r="AA214" s="173">
        <v>0.43202095432059923</v>
      </c>
      <c r="AB214" s="92">
        <v>0.11450965082550983</v>
      </c>
      <c r="AC214" s="172">
        <v>0.18065962732504301</v>
      </c>
      <c r="AD214" s="92">
        <v>9.1973717221230128E-2</v>
      </c>
      <c r="AE214" s="172">
        <v>0.33402182422337306</v>
      </c>
      <c r="AF214" s="92">
        <v>0.10962029449871002</v>
      </c>
      <c r="AG214" s="91">
        <v>5.329759413098447E-2</v>
      </c>
      <c r="AH214" s="92">
        <v>6.1611238096641416E-2</v>
      </c>
    </row>
    <row r="215" spans="1:34">
      <c r="A215" s="47" t="s">
        <v>630</v>
      </c>
      <c r="B215" s="171">
        <v>136</v>
      </c>
      <c r="C215" s="167">
        <v>3.4363101867678498</v>
      </c>
      <c r="D215" s="85">
        <v>0.34490423791732872</v>
      </c>
      <c r="E215" s="175">
        <v>0.50269389618431126</v>
      </c>
      <c r="F215" s="95">
        <v>8.4514267889138669E-2</v>
      </c>
      <c r="G215" s="174">
        <v>0.14905315884852136</v>
      </c>
      <c r="H215" s="95">
        <v>6.1823180529397379E-2</v>
      </c>
      <c r="I215" s="174">
        <v>0.26673103284768646</v>
      </c>
      <c r="J215" s="95">
        <v>7.5337443536716231E-2</v>
      </c>
      <c r="K215" s="94">
        <v>8.1521912119480996E-2</v>
      </c>
      <c r="L215" s="95">
        <v>4.9205171692022959E-2</v>
      </c>
      <c r="M215" s="171">
        <v>390</v>
      </c>
      <c r="N215" s="167">
        <v>4.7365007207640311</v>
      </c>
      <c r="O215" s="85">
        <v>0.19751674700884819</v>
      </c>
      <c r="P215" s="175">
        <v>0.2658363485243056</v>
      </c>
      <c r="Q215" s="95">
        <v>4.4639001566486834E-2</v>
      </c>
      <c r="R215" s="174">
        <v>0.14393420590334605</v>
      </c>
      <c r="S215" s="95">
        <v>3.5734263721891452E-2</v>
      </c>
      <c r="T215" s="174">
        <v>0.52412364149965751</v>
      </c>
      <c r="U215" s="95">
        <v>5.0321787491062163E-2</v>
      </c>
      <c r="V215" s="94">
        <v>6.6105804072692495E-2</v>
      </c>
      <c r="W215" s="95">
        <v>2.5794786663142142E-2</v>
      </c>
      <c r="X215" s="171">
        <v>137</v>
      </c>
      <c r="Y215" s="167">
        <v>3.8432307442329425</v>
      </c>
      <c r="Z215" s="85">
        <v>0.26232227098782357</v>
      </c>
      <c r="AA215" s="175">
        <v>0.35066343121203991</v>
      </c>
      <c r="AB215" s="95">
        <v>8.0591073467809068E-2</v>
      </c>
      <c r="AC215" s="174">
        <v>0.26521138021406931</v>
      </c>
      <c r="AD215" s="95">
        <v>7.4938771897497258E-2</v>
      </c>
      <c r="AE215" s="174">
        <v>0.24917491662133565</v>
      </c>
      <c r="AF215" s="95">
        <v>7.3534030380685261E-2</v>
      </c>
      <c r="AG215" s="94">
        <v>0.13495027195255541</v>
      </c>
      <c r="AH215" s="95">
        <v>5.9356447948476401E-2</v>
      </c>
    </row>
    <row r="216" spans="1:34">
      <c r="A216" s="55" t="s">
        <v>631</v>
      </c>
      <c r="B216" s="170">
        <v>23</v>
      </c>
      <c r="C216" s="165">
        <v>3.7074882548890504</v>
      </c>
      <c r="D216" s="84">
        <v>0.8604908160140029</v>
      </c>
      <c r="E216" s="173">
        <v>0.44784541177481935</v>
      </c>
      <c r="F216" s="92">
        <v>0.19168885064486324</v>
      </c>
      <c r="G216" s="172">
        <v>0.1303464952007877</v>
      </c>
      <c r="H216" s="92">
        <v>0.14949013279105008</v>
      </c>
      <c r="I216" s="172">
        <v>0.30889884094123787</v>
      </c>
      <c r="J216" s="92">
        <v>0.1819643661474796</v>
      </c>
      <c r="K216" s="91">
        <v>0.11290925208315508</v>
      </c>
      <c r="L216" s="92">
        <v>0.14466764667020737</v>
      </c>
      <c r="M216" s="170">
        <v>56</v>
      </c>
      <c r="N216" s="165">
        <v>4.5191098084522716</v>
      </c>
      <c r="O216" s="84">
        <v>0.56922489263350462</v>
      </c>
      <c r="P216" s="173">
        <v>0.3253171826768399</v>
      </c>
      <c r="Q216" s="92">
        <v>0.12204339120660751</v>
      </c>
      <c r="R216" s="172">
        <v>0.1044790260841738</v>
      </c>
      <c r="S216" s="92">
        <v>8.7073199009270463E-2</v>
      </c>
      <c r="T216" s="172">
        <v>0.49584948573594689</v>
      </c>
      <c r="U216" s="92">
        <v>0.12909557017197637</v>
      </c>
      <c r="V216" s="91">
        <v>7.4354305503039703E-2</v>
      </c>
      <c r="W216" s="92">
        <v>7.8390939726315917E-2</v>
      </c>
      <c r="X216" s="170">
        <v>24</v>
      </c>
      <c r="Y216" s="165">
        <v>3.815282912744582</v>
      </c>
      <c r="Z216" s="84">
        <v>0.64238283713768463</v>
      </c>
      <c r="AA216" s="173">
        <v>0.29184047986460543</v>
      </c>
      <c r="AB216" s="92">
        <v>0.17654033566780952</v>
      </c>
      <c r="AC216" s="172">
        <v>0.27004820706073906</v>
      </c>
      <c r="AD216" s="92">
        <v>0.17367909002734053</v>
      </c>
      <c r="AE216" s="172">
        <v>0.22874125663146599</v>
      </c>
      <c r="AF216" s="92">
        <v>0.1673065044790327</v>
      </c>
      <c r="AG216" s="91">
        <v>0.20937005644318948</v>
      </c>
      <c r="AH216" s="92">
        <v>0.16385687145409211</v>
      </c>
    </row>
    <row r="217" spans="1:34">
      <c r="A217" s="47" t="s">
        <v>632</v>
      </c>
      <c r="B217" s="171">
        <v>113</v>
      </c>
      <c r="C217" s="167">
        <v>3.3473096338503412</v>
      </c>
      <c r="D217" s="85">
        <v>0.37761645625447526</v>
      </c>
      <c r="E217" s="175">
        <v>0.5215510553306586</v>
      </c>
      <c r="F217" s="95">
        <v>9.2369893027606911E-2</v>
      </c>
      <c r="G217" s="174">
        <v>0.15548459514617513</v>
      </c>
      <c r="H217" s="95">
        <v>6.900663216183682E-2</v>
      </c>
      <c r="I217" s="174">
        <v>0.25223354806513276</v>
      </c>
      <c r="J217" s="95">
        <v>8.1174607242896366E-2</v>
      </c>
      <c r="K217" s="94">
        <v>7.0730801458033274E-2</v>
      </c>
      <c r="L217" s="95">
        <v>5.1676962401147372E-2</v>
      </c>
      <c r="M217" s="171">
        <v>334</v>
      </c>
      <c r="N217" s="167">
        <v>4.7978730228190987</v>
      </c>
      <c r="O217" s="85">
        <v>0.20979073616556088</v>
      </c>
      <c r="P217" s="175">
        <v>0.24885176479345944</v>
      </c>
      <c r="Q217" s="95">
        <v>4.7219572701463514E-2</v>
      </c>
      <c r="R217" s="174">
        <v>0.15520052075588839</v>
      </c>
      <c r="S217" s="95">
        <v>3.9808796690513612E-2</v>
      </c>
      <c r="T217" s="174">
        <v>0.5321972466000201</v>
      </c>
      <c r="U217" s="95">
        <v>5.4282597004214492E-2</v>
      </c>
      <c r="V217" s="94">
        <v>6.3750467850633652E-2</v>
      </c>
      <c r="W217" s="95">
        <v>2.7556108924359522E-2</v>
      </c>
      <c r="X217" s="171">
        <v>113</v>
      </c>
      <c r="Y217" s="167">
        <v>3.8518947115532383</v>
      </c>
      <c r="Z217" s="85">
        <v>0.28760101544311928</v>
      </c>
      <c r="AA217" s="175">
        <v>0.37121498005619635</v>
      </c>
      <c r="AB217" s="95">
        <v>8.9543780037817503E-2</v>
      </c>
      <c r="AC217" s="174">
        <v>0.26352149079313658</v>
      </c>
      <c r="AD217" s="95">
        <v>8.2241313482403489E-2</v>
      </c>
      <c r="AE217" s="174">
        <v>0.25631402392090508</v>
      </c>
      <c r="AF217" s="95">
        <v>8.156757006899476E-2</v>
      </c>
      <c r="AG217" s="94">
        <v>0.10894950522976199</v>
      </c>
      <c r="AH217" s="95">
        <v>6.0583170380262889E-2</v>
      </c>
    </row>
    <row r="218" spans="1:34">
      <c r="A218" s="55" t="s">
        <v>633</v>
      </c>
      <c r="B218" s="170">
        <v>300</v>
      </c>
      <c r="C218" s="165">
        <v>3.5677308355896411</v>
      </c>
      <c r="D218" s="84">
        <v>0.2084114764690711</v>
      </c>
      <c r="E218" s="173">
        <v>0.47812512346153213</v>
      </c>
      <c r="F218" s="92">
        <v>5.7300454589241531E-2</v>
      </c>
      <c r="G218" s="172">
        <v>0.16494694914007929</v>
      </c>
      <c r="H218" s="92">
        <v>4.3022980752851936E-2</v>
      </c>
      <c r="I218" s="172">
        <v>0.29579903442412697</v>
      </c>
      <c r="J218" s="92">
        <v>5.2489605883641835E-2</v>
      </c>
      <c r="K218" s="91">
        <v>6.1128892974260315E-2</v>
      </c>
      <c r="L218" s="92">
        <v>2.8660313836129256E-2</v>
      </c>
      <c r="M218" s="170">
        <v>659</v>
      </c>
      <c r="N218" s="165">
        <v>4.8876241125363942</v>
      </c>
      <c r="O218" s="84">
        <v>0.15085807222934788</v>
      </c>
      <c r="P218" s="173">
        <v>0.22090648880451519</v>
      </c>
      <c r="Q218" s="92">
        <v>3.2311069543123197E-2</v>
      </c>
      <c r="R218" s="172">
        <v>0.14049866638170058</v>
      </c>
      <c r="S218" s="92">
        <v>2.7165051458546009E-2</v>
      </c>
      <c r="T218" s="172">
        <v>0.51839929584858435</v>
      </c>
      <c r="U218" s="92">
        <v>3.8810794354999172E-2</v>
      </c>
      <c r="V218" s="91">
        <v>0.12019554896519789</v>
      </c>
      <c r="W218" s="92">
        <v>2.5465076031240336E-2</v>
      </c>
      <c r="X218" s="170">
        <v>299</v>
      </c>
      <c r="Y218" s="165">
        <v>4.0644290870017441</v>
      </c>
      <c r="Z218" s="84">
        <v>0.19329373127396754</v>
      </c>
      <c r="AA218" s="173">
        <v>0.27857609884612583</v>
      </c>
      <c r="AB218" s="92">
        <v>5.1672667966008806E-2</v>
      </c>
      <c r="AC218" s="172">
        <v>0.25947318742584907</v>
      </c>
      <c r="AD218" s="92">
        <v>5.0563066645660563E-2</v>
      </c>
      <c r="AE218" s="172">
        <v>0.30657274373149307</v>
      </c>
      <c r="AF218" s="92">
        <v>5.309773133944054E-2</v>
      </c>
      <c r="AG218" s="91">
        <v>0.15537796999653081</v>
      </c>
      <c r="AH218" s="92">
        <v>4.2114201337369525E-2</v>
      </c>
    </row>
    <row r="219" spans="1:34">
      <c r="A219" s="47" t="s">
        <v>634</v>
      </c>
      <c r="B219" s="171">
        <v>318</v>
      </c>
      <c r="C219" s="167">
        <v>3.2924113176532455</v>
      </c>
      <c r="D219" s="85">
        <v>0.20780786088442693</v>
      </c>
      <c r="E219" s="175">
        <v>0.54307281922543416</v>
      </c>
      <c r="F219" s="95">
        <v>5.5525780432470494E-2</v>
      </c>
      <c r="G219" s="174">
        <v>0.18414031065064709</v>
      </c>
      <c r="H219" s="95">
        <v>4.3552774127549224E-2</v>
      </c>
      <c r="I219" s="174">
        <v>0.23141482836603752</v>
      </c>
      <c r="J219" s="95">
        <v>4.7239724560166903E-2</v>
      </c>
      <c r="K219" s="94">
        <v>4.1372041757881534E-2</v>
      </c>
      <c r="L219" s="95">
        <v>2.3604864755029032E-2</v>
      </c>
      <c r="M219" s="171">
        <v>611</v>
      </c>
      <c r="N219" s="167">
        <v>4.7100430345386268</v>
      </c>
      <c r="O219" s="85">
        <v>0.15279675974442578</v>
      </c>
      <c r="P219" s="175">
        <v>0.23831303040619239</v>
      </c>
      <c r="Q219" s="95">
        <v>3.4444047305796532E-2</v>
      </c>
      <c r="R219" s="174">
        <v>0.16238023145347075</v>
      </c>
      <c r="S219" s="95">
        <v>2.9904001313211269E-2</v>
      </c>
      <c r="T219" s="174">
        <v>0.52041021960179468</v>
      </c>
      <c r="U219" s="95">
        <v>4.0290717864410866E-2</v>
      </c>
      <c r="V219" s="94">
        <v>7.8896518538542904E-2</v>
      </c>
      <c r="W219" s="95">
        <v>2.2082044201443579E-2</v>
      </c>
      <c r="X219" s="171">
        <v>315</v>
      </c>
      <c r="Y219" s="167">
        <v>3.979997611234543</v>
      </c>
      <c r="Z219" s="85">
        <v>0.16500969309400462</v>
      </c>
      <c r="AA219" s="175">
        <v>0.30516694826579799</v>
      </c>
      <c r="AB219" s="95">
        <v>5.1678544184055687E-2</v>
      </c>
      <c r="AC219" s="174">
        <v>0.27848644239072418</v>
      </c>
      <c r="AD219" s="95">
        <v>5.0347330370521713E-2</v>
      </c>
      <c r="AE219" s="174">
        <v>0.32002096295257848</v>
      </c>
      <c r="AF219" s="95">
        <v>5.2333006907853682E-2</v>
      </c>
      <c r="AG219" s="94">
        <v>9.6325646390899231E-2</v>
      </c>
      <c r="AH219" s="95">
        <v>3.379970324215123E-2</v>
      </c>
    </row>
    <row r="220" spans="1:34">
      <c r="A220" s="55" t="s">
        <v>635</v>
      </c>
      <c r="B220" s="170">
        <v>123</v>
      </c>
      <c r="C220" s="165">
        <v>3.11280648278766</v>
      </c>
      <c r="D220" s="84">
        <v>0.30807068132747517</v>
      </c>
      <c r="E220" s="173">
        <v>0.58063482227167329</v>
      </c>
      <c r="F220" s="92">
        <v>8.7646596866321022E-2</v>
      </c>
      <c r="G220" s="172">
        <v>0.1669023638405048</v>
      </c>
      <c r="H220" s="92">
        <v>6.779429951336341E-2</v>
      </c>
      <c r="I220" s="172">
        <v>0.19963269382703752</v>
      </c>
      <c r="J220" s="92">
        <v>7.21706561793371E-2</v>
      </c>
      <c r="K220" s="91">
        <v>5.2830120060784462E-2</v>
      </c>
      <c r="L220" s="92">
        <v>4.4345351615674315E-2</v>
      </c>
      <c r="M220" s="170">
        <v>228</v>
      </c>
      <c r="N220" s="165">
        <v>4.6646672506973905</v>
      </c>
      <c r="O220" s="84">
        <v>0.24379079587447519</v>
      </c>
      <c r="P220" s="173">
        <v>0.26057916969957029</v>
      </c>
      <c r="Q220" s="92">
        <v>5.792939494015871E-2</v>
      </c>
      <c r="R220" s="172">
        <v>0.15532797933310416</v>
      </c>
      <c r="S220" s="92">
        <v>4.8291927260056579E-2</v>
      </c>
      <c r="T220" s="172">
        <v>0.51207698625004749</v>
      </c>
      <c r="U220" s="92">
        <v>6.5634717012009181E-2</v>
      </c>
      <c r="V220" s="91">
        <v>7.2015864717277805E-2</v>
      </c>
      <c r="W220" s="92">
        <v>3.5499235334926882E-2</v>
      </c>
      <c r="X220" s="170">
        <v>121</v>
      </c>
      <c r="Y220" s="165">
        <v>3.9218389240543763</v>
      </c>
      <c r="Z220" s="84">
        <v>0.24173500121167962</v>
      </c>
      <c r="AA220" s="173">
        <v>0.34300030651427316</v>
      </c>
      <c r="AB220" s="92">
        <v>8.5210963728053354E-2</v>
      </c>
      <c r="AC220" s="172">
        <v>0.28913372290327188</v>
      </c>
      <c r="AD220" s="92">
        <v>8.165010520561114E-2</v>
      </c>
      <c r="AE220" s="172">
        <v>0.29651304650551163</v>
      </c>
      <c r="AF220" s="92">
        <v>8.2209625368564535E-2</v>
      </c>
      <c r="AG220" s="91">
        <v>7.1352924076943366E-2</v>
      </c>
      <c r="AH220" s="92">
        <v>4.9906404710248382E-2</v>
      </c>
    </row>
    <row r="221" spans="1:34">
      <c r="A221" s="47" t="s">
        <v>636</v>
      </c>
      <c r="B221" s="171">
        <v>195</v>
      </c>
      <c r="C221" s="167">
        <v>3.440872611000616</v>
      </c>
      <c r="D221" s="85">
        <v>0.27672986237012609</v>
      </c>
      <c r="E221" s="175">
        <v>0.51133107657214483</v>
      </c>
      <c r="F221" s="95">
        <v>7.0870639655614076E-2</v>
      </c>
      <c r="G221" s="174">
        <v>0.19870722474319583</v>
      </c>
      <c r="H221" s="95">
        <v>5.7210767330082041E-2</v>
      </c>
      <c r="I221" s="174">
        <v>0.25827229744901709</v>
      </c>
      <c r="J221" s="95">
        <v>6.2428756722965245E-2</v>
      </c>
      <c r="K221" s="94">
        <v>3.1689401235642525E-2</v>
      </c>
      <c r="L221" s="95">
        <v>2.8146511635208166E-2</v>
      </c>
      <c r="M221" s="171">
        <v>383</v>
      </c>
      <c r="N221" s="167">
        <v>4.749306367393709</v>
      </c>
      <c r="O221" s="85">
        <v>0.19608063405922568</v>
      </c>
      <c r="P221" s="175">
        <v>0.21931107212286371</v>
      </c>
      <c r="Q221" s="95">
        <v>4.2265796798289498E-2</v>
      </c>
      <c r="R221" s="174">
        <v>0.16839863450166237</v>
      </c>
      <c r="S221" s="95">
        <v>3.835127334673466E-2</v>
      </c>
      <c r="T221" s="174">
        <v>0.5275218140470086</v>
      </c>
      <c r="U221" s="95">
        <v>5.0757377663464671E-2</v>
      </c>
      <c r="V221" s="94">
        <v>8.476847932846715E-2</v>
      </c>
      <c r="W221" s="95">
        <v>2.8957519429891394E-2</v>
      </c>
      <c r="X221" s="171">
        <v>194</v>
      </c>
      <c r="Y221" s="167">
        <v>4.0310102758191197</v>
      </c>
      <c r="Z221" s="85">
        <v>0.22302817379648734</v>
      </c>
      <c r="AA221" s="175">
        <v>0.27361874202815001</v>
      </c>
      <c r="AB221" s="95">
        <v>6.3691373254934111E-2</v>
      </c>
      <c r="AC221" s="174">
        <v>0.2696079653791445</v>
      </c>
      <c r="AD221" s="95">
        <v>6.3411835452493376E-2</v>
      </c>
      <c r="AE221" s="174">
        <v>0.3396235737337498</v>
      </c>
      <c r="AF221" s="95">
        <v>6.7466133793982211E-2</v>
      </c>
      <c r="AG221" s="94">
        <v>0.11714971885895605</v>
      </c>
      <c r="AH221" s="95">
        <v>4.6987648826166663E-2</v>
      </c>
    </row>
  </sheetData>
  <mergeCells count="19">
    <mergeCell ref="A3:D3"/>
    <mergeCell ref="A4:D4"/>
    <mergeCell ref="A5:D5"/>
    <mergeCell ref="A93:L93"/>
    <mergeCell ref="B49:J49"/>
    <mergeCell ref="K49:S49"/>
    <mergeCell ref="X181:AH181"/>
    <mergeCell ref="T49:AB49"/>
    <mergeCell ref="AC49:AK49"/>
    <mergeCell ref="A48:AK48"/>
    <mergeCell ref="A47:AK47"/>
    <mergeCell ref="A135:D135"/>
    <mergeCell ref="A92:L92"/>
    <mergeCell ref="A136:D136"/>
    <mergeCell ref="A137:D137"/>
    <mergeCell ref="B181:L181"/>
    <mergeCell ref="M181:W181"/>
    <mergeCell ref="A180:AH180"/>
    <mergeCell ref="A179:AH179"/>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groups</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27:48Z</dcterms:modified>
</cp:coreProperties>
</file>